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8526"/>
  <workbookPr/>
  <mc:AlternateContent xmlns:mc="http://schemas.openxmlformats.org/markup-compatibility/2006">
    <mc:Choice Requires="x15">
      <x15ac:absPath xmlns:x15ac="http://schemas.microsoft.com/office/spreadsheetml/2010/11/ac" url="\\kfs01\s0223\group\01NPO支援グループ\01_協働推進業務\03_協働推進体制\02_協働事業関連調査\取組調査\05_ホームページ掲載用\施行\"/>
    </mc:Choice>
  </mc:AlternateContent>
  <xr:revisionPtr revIDLastSave="0" documentId="13_ncr:1_{B0371B63-2377-4431-B27C-4E1220E8563D}" xr6:coauthVersionLast="47" xr6:coauthVersionMax="47" xr10:uidLastSave="{00000000-0000-0000-0000-000000000000}"/>
  <bookViews>
    <workbookView xWindow="-108" yWindow="-108" windowWidth="23256" windowHeight="13896" xr2:uid="{76F87246-4BC1-46BB-A51C-63F40BF46DD0}"/>
  </bookViews>
  <sheets>
    <sheet name="令和６年度確定 " sheetId="1" r:id="rId1"/>
  </sheets>
  <definedNames>
    <definedName name="_xlnm._FilterDatabase" localSheetId="0" hidden="1">'令和６年度確定 '!$A$4:$E$543</definedName>
    <definedName name="_xlnm.Print_Area" localSheetId="0">'令和６年度確定 '!$A$1:$E$54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259" uniqueCount="1590">
  <si>
    <t>【調査票①】ボランタリー団体等と関わりのある取組に関する調査（令和６年度確定調査）</t>
    <rPh sb="36" eb="38">
      <t>かくてい</t>
    </rPh>
    <phoneticPr fontId="0" type="Hiragana"/>
  </si>
  <si>
    <t>※ボランタリー団体等に一般社団法人等を含む</t>
    <phoneticPr fontId="0" type="Hiragana"/>
  </si>
  <si>
    <t>事業実施
所属名</t>
    <phoneticPr fontId="0" type="Hiragana"/>
  </si>
  <si>
    <t>１．細々事業名
又は
通称名</t>
    <phoneticPr fontId="0" type="Hiragana"/>
  </si>
  <si>
    <t>２．事業概要
　（「指定管理者」、「県主導第三セクター」及び「それ以外の県主導の外郭団体」が事業を実施している場合は、併せて法人の名称を記載）</t>
    <phoneticPr fontId="0" type="Hiragana"/>
  </si>
  <si>
    <t>７．相手方ボランタリー団体等名称
(複数の場合も、まとめて記載し、セルに収まらな場合は別紙に記載してください）</t>
    <phoneticPr fontId="0" type="Hiragana"/>
  </si>
  <si>
    <t>いのち・未来戦略本部室</t>
    <phoneticPr fontId="0" type="Hiragana"/>
  </si>
  <si>
    <t>「津久井浜団地徒歩0分図書館」開設事業</t>
    <phoneticPr fontId="0" type="Hiragana"/>
  </si>
  <si>
    <t>県営団地の空住戸の1室を利用して、多世代の居場所となる私設図書館を開設し、地域での孤立・孤独の解消に役立てる。また、そのかかわりの中で見えてきた地域課題や個人の課題を関係各所につなげたり、地域住民同士で解決に向けて考えていけるようなネットワークの場としても活用する。</t>
    <phoneticPr fontId="0" type="Hiragana"/>
  </si>
  <si>
    <t>「人生100歳時代の設計図」推進事業費</t>
    <phoneticPr fontId="0" type="Hiragana"/>
  </si>
  <si>
    <t>県、市町村、大学、民間企業、ＮＰＯ等で構成する「かながわ人生100歳時代ネットワークにおいて、「人生100歳時代」の観点から、個人が生涯にわたり輝き続けることができるための「学びの場」や「活動の場」の創出に向けて取り組み、県民一人ひとりが、コミュニティに参加しやすい環境をつくる。</t>
    <phoneticPr fontId="0" type="Hiragana"/>
  </si>
  <si>
    <t>NPOサポートちがさき、YUVEC、藤沢市民活動推進機構、YMCAコミュニティサポート、I　Love　つづき、シニアネットワークおだわら＆あしがら、鎌倉市市民活動センター運営会議、横浜移動サービス協議会、湘南スタイル、若葉台、若葉台スポーツ・文化クラブ、湘南ふじさわシニアネット、ホームスクーリングで輝くみらいタウンプロジェクト、地域コミュニティ団体BE-GLOBAL、スーリールファム、こころみ、街カフェ大倉山ミエル、プラチナ・ギルドの会、びーのびーの、ダンスライフコミュニケーションズ、エンリッチ、子育ての輪Lei、笑顔、ニッポン・アクティブライフ・クラブ、プラットファーム、こころとからだの介護予防協会、にないて、企業年金相談センター、アクションポート横浜、MIKs、イランの障害者を支援するミントの会、あっちこっち、NPO福祉支援ゆうやけネット、トリトン藤沢スポーツクラブ、CRファクトリー、たしざん、さかえ・まごころの会、神奈川県転倒予防医学研究会、ウィッグリング・ジャパン、セカンドリーグ神奈川</t>
    <phoneticPr fontId="0" type="Hiragana"/>
  </si>
  <si>
    <t>SDGsパートナー</t>
    <phoneticPr fontId="0" type="Hiragana"/>
  </si>
  <si>
    <t>SDGsの取組を実施し、公表している企業、NPO、団体、大学（以下「企業・団体等」という）を「かながわSDGsパートナー」として神奈川県（以下「本県」という）が登録する。本県と登録企業・団体等が連携し、またパートナー間の連携を本県が後押しすることで、本県内のSDGsに関する企業・団体等の取組を促進させることを目的とする。</t>
  </si>
  <si>
    <t>NPO団体他1,485者</t>
    <phoneticPr fontId="2"/>
  </si>
  <si>
    <t>土地水資源対策課</t>
    <phoneticPr fontId="0" type="Hiragana"/>
  </si>
  <si>
    <t>水源地域活性化事業（自然体験交流事業）</t>
    <phoneticPr fontId="0" type="Hiragana"/>
  </si>
  <si>
    <t>水源地域の豊かな自然や歴史のある郷土文化等に触れ合う機会を都市地域住民に提供する、水源地域での体験・交流を目的としたプログラムやイベントへの支援を実施</t>
    <phoneticPr fontId="0" type="Hiragana"/>
  </si>
  <si>
    <t>（有）鳥居原、（合）七海交易</t>
    <phoneticPr fontId="0" type="Hiragana"/>
  </si>
  <si>
    <t>水源地域活性化事業（水源地域イベント）</t>
    <phoneticPr fontId="0" type="Hiragana"/>
  </si>
  <si>
    <t>水源地域で開催される祭りなどのイベントへの広報支援を実施</t>
    <phoneticPr fontId="0" type="Hiragana"/>
  </si>
  <si>
    <t>水源地域活性化事業（かながわ水源地域の案内人後継者育成事業）</t>
    <phoneticPr fontId="0" type="Hiragana"/>
  </si>
  <si>
    <t>水源地域の自然や郷土文化などを発信していく人材であるかながわ水源地域の案内人の育成</t>
    <phoneticPr fontId="0" type="Hiragana"/>
  </si>
  <si>
    <t>山北町かながわ水源地域の案内人後継者育成事業実行委員会</t>
    <phoneticPr fontId="0" type="Hiragana"/>
  </si>
  <si>
    <t>水源地域活性化事業（水源地域活性化小中学校等出前授業）</t>
    <phoneticPr fontId="0" type="Hiragana"/>
  </si>
  <si>
    <t>神奈川県内の小中学校等が実施する教育活動（総合学習・社会科学習・部活動等）に対し、講師として登録したかながわ水源地域の案内人を派遣し（希望制）、水源地域に係る授業を実施することで、水源地域の理解促進を図る。</t>
    <phoneticPr fontId="0" type="Hiragana"/>
  </si>
  <si>
    <t>かながわ水源地域の案内人</t>
    <phoneticPr fontId="0" type="Hiragana"/>
  </si>
  <si>
    <t>ＮＰＯ協働推進課</t>
    <rPh sb="3" eb="5">
      <t>キョウドウ</t>
    </rPh>
    <rPh sb="5" eb="8">
      <t>スイシンカ</t>
    </rPh>
    <phoneticPr fontId="7"/>
  </si>
  <si>
    <t>企業×ＮＰＯ×大学パートナシップミーティングin平塚・大磯・二宮</t>
    <rPh sb="7" eb="9">
      <t>ダイガク</t>
    </rPh>
    <rPh sb="24" eb="26">
      <t>ヒラツカ</t>
    </rPh>
    <rPh sb="27" eb="29">
      <t>オオイソ</t>
    </rPh>
    <rPh sb="30" eb="32">
      <t>ニノミヤ</t>
    </rPh>
    <phoneticPr fontId="7"/>
  </si>
  <si>
    <t>企業とＮＰＯなど多様な主体の出会いの場として開催し、マッチングの機会を提供する。</t>
    <rPh sb="8" eb="10">
      <t>タヨウ</t>
    </rPh>
    <rPh sb="11" eb="13">
      <t>シュタイ</t>
    </rPh>
    <rPh sb="14" eb="16">
      <t>デア</t>
    </rPh>
    <rPh sb="18" eb="19">
      <t>バ</t>
    </rPh>
    <rPh sb="22" eb="24">
      <t>カイサイ</t>
    </rPh>
    <phoneticPr fontId="7"/>
  </si>
  <si>
    <t>（特非）湘南ＮＰＯサポートセンター
(協働事業評価・報告書２)</t>
    <phoneticPr fontId="2"/>
  </si>
  <si>
    <t>企業×ＮＰＯ×大学パートナシップミーティングin県西</t>
    <rPh sb="7" eb="9">
      <t>ダイガク</t>
    </rPh>
    <rPh sb="24" eb="25">
      <t>ケン</t>
    </rPh>
    <rPh sb="25" eb="26">
      <t>ニシ</t>
    </rPh>
    <phoneticPr fontId="7"/>
  </si>
  <si>
    <t>小田原市事業協会・市民活動を支える会共同事業体
(協働事業評価・報告書３)</t>
    <phoneticPr fontId="2"/>
  </si>
  <si>
    <t>企業・ＮＰＯ・大学パートナシップミーティングin藤沢</t>
    <rPh sb="7" eb="9">
      <t>ダイガク</t>
    </rPh>
    <rPh sb="24" eb="26">
      <t>フジサワ</t>
    </rPh>
    <phoneticPr fontId="7"/>
  </si>
  <si>
    <t>（特非）藤沢市民活動推進機構
(協働事業評価・報告書４)</t>
    <rPh sb="1" eb="2">
      <t>トク</t>
    </rPh>
    <rPh sb="2" eb="3">
      <t>ヒ</t>
    </rPh>
    <rPh sb="4" eb="6">
      <t>フジサワ</t>
    </rPh>
    <rPh sb="6" eb="8">
      <t>シミン</t>
    </rPh>
    <rPh sb="8" eb="10">
      <t>カツドウ</t>
    </rPh>
    <rPh sb="10" eb="12">
      <t>スイシン</t>
    </rPh>
    <rPh sb="12" eb="14">
      <t>キコウ</t>
    </rPh>
    <phoneticPr fontId="2"/>
  </si>
  <si>
    <t>企業・ＮＰＯ・大学パートナシップミーティングin逗子</t>
    <rPh sb="7" eb="9">
      <t>ダイガク</t>
    </rPh>
    <rPh sb="24" eb="26">
      <t>ズシ</t>
    </rPh>
    <phoneticPr fontId="7"/>
  </si>
  <si>
    <t>逗子文化プラザ市民交流センターコンソーシアム
(協働事業評価・報告書５)</t>
    <phoneticPr fontId="2"/>
  </si>
  <si>
    <t>ＮＰＯ協働推進課</t>
    <phoneticPr fontId="0" type="Hiragana"/>
  </si>
  <si>
    <t>広域大規模災害に備えた平常時からの行政、社協、NPO等の連携体制構築</t>
    <phoneticPr fontId="0" type="Hiragana"/>
  </si>
  <si>
    <t>１県域の災害時情報共有会議の枠組み作り
２県域の災害時中間支援機能の整備・強化
３市町村域（ブロック域）の災害時の多様な主体間の連携推進</t>
    <phoneticPr fontId="0" type="Hiragana"/>
  </si>
  <si>
    <t>災害復興くらし応援・みんなのネットワークかながわ</t>
    <phoneticPr fontId="0" type="Hiragana"/>
  </si>
  <si>
    <t xml:space="preserve">危機管理防災課、地域福祉課、かながわ県民活動サポートセンター、神奈川県社会福祉協議会、神奈川県共同募金会 </t>
    <phoneticPr fontId="0" type="Hiragana"/>
  </si>
  <si>
    <t>出前講座（教えて！かにゃお先生）</t>
    <phoneticPr fontId="0" type="Hiragana"/>
  </si>
  <si>
    <t>学生のＮＰＯへの理解を深めるため、大学の授業でＮＰＯに講義を行ってもらう。</t>
    <phoneticPr fontId="0" type="Hiragana"/>
  </si>
  <si>
    <t>一般社団法人アマヤドリ、認定ＮＰＯ法人地球学校</t>
    <rPh sb="12" eb="14">
      <t>にんてい</t>
    </rPh>
    <rPh sb="17" eb="19">
      <t>ほうじん</t>
    </rPh>
    <rPh sb="19" eb="23">
      <t>ちきゅうがっこう</t>
    </rPh>
    <phoneticPr fontId="0" type="Hiragana"/>
  </si>
  <si>
    <t>寄付の教室</t>
    <phoneticPr fontId="0" type="Hiragana"/>
  </si>
  <si>
    <t>学生のＮＰＯの活動や寄附についての理解を深めるため、高校の授業でＮＰＯに講義を行ってもらう。</t>
    <phoneticPr fontId="0" type="Hiragana"/>
  </si>
  <si>
    <t>特定非営利活動法人補助犬情報センター、他３法人</t>
    <phoneticPr fontId="0" type="Hiragana"/>
  </si>
  <si>
    <t>ＮＰＯ向け勉強会</t>
    <rPh sb="3" eb="4">
      <t>ム</t>
    </rPh>
    <rPh sb="5" eb="8">
      <t>ベンキョウカイ</t>
    </rPh>
    <phoneticPr fontId="7"/>
  </si>
  <si>
    <t>県内ＮＰＯに対し、資金調達と団体運営の基本を学ぶ勉強会の講師をＮＰＯにしてもらい、企画・運営についても委託で行う。</t>
    <rPh sb="0" eb="2">
      <t>ケンナイ</t>
    </rPh>
    <rPh sb="6" eb="7">
      <t>タイ</t>
    </rPh>
    <rPh sb="9" eb="11">
      <t>シキン</t>
    </rPh>
    <rPh sb="11" eb="13">
      <t>チョウタツ</t>
    </rPh>
    <rPh sb="14" eb="16">
      <t>ダンタイ</t>
    </rPh>
    <rPh sb="16" eb="18">
      <t>ウンエイ</t>
    </rPh>
    <rPh sb="19" eb="21">
      <t>キホン</t>
    </rPh>
    <rPh sb="22" eb="23">
      <t>マナ</t>
    </rPh>
    <rPh sb="24" eb="27">
      <t>ベンキョウカイ</t>
    </rPh>
    <rPh sb="28" eb="30">
      <t>コウシ</t>
    </rPh>
    <rPh sb="41" eb="43">
      <t>キカク</t>
    </rPh>
    <rPh sb="44" eb="46">
      <t>ウンエイ</t>
    </rPh>
    <rPh sb="51" eb="53">
      <t>イタク</t>
    </rPh>
    <rPh sb="54" eb="55">
      <t>オコナ</t>
    </rPh>
    <phoneticPr fontId="2"/>
  </si>
  <si>
    <t>ボランタリー活動施策推進会議</t>
    <rPh sb="6" eb="8">
      <t>カツドウ</t>
    </rPh>
    <rPh sb="8" eb="10">
      <t>シサク</t>
    </rPh>
    <rPh sb="10" eb="12">
      <t>スイシン</t>
    </rPh>
    <rPh sb="12" eb="14">
      <t>カイギ</t>
    </rPh>
    <phoneticPr fontId="2"/>
  </si>
  <si>
    <t>県内市町村と県がボランタリー活動施策について情報交換、意見交換する場として開催。</t>
    <rPh sb="0" eb="2">
      <t>ケンナイ</t>
    </rPh>
    <rPh sb="2" eb="5">
      <t>シチョウソン</t>
    </rPh>
    <rPh sb="6" eb="7">
      <t>ケン</t>
    </rPh>
    <rPh sb="14" eb="16">
      <t>カツドウ</t>
    </rPh>
    <rPh sb="16" eb="18">
      <t>シサク</t>
    </rPh>
    <rPh sb="22" eb="24">
      <t>ジョウホウ</t>
    </rPh>
    <rPh sb="24" eb="26">
      <t>コウカン</t>
    </rPh>
    <rPh sb="27" eb="29">
      <t>イケン</t>
    </rPh>
    <rPh sb="29" eb="31">
      <t>コウカン</t>
    </rPh>
    <rPh sb="33" eb="34">
      <t>バ</t>
    </rPh>
    <rPh sb="37" eb="39">
      <t>カイサイ</t>
    </rPh>
    <phoneticPr fontId="2"/>
  </si>
  <si>
    <t>特定非営利活動法人市民セクターよこはま</t>
    <rPh sb="0" eb="2">
      <t>トクテイ</t>
    </rPh>
    <rPh sb="2" eb="5">
      <t>ヒエイリ</t>
    </rPh>
    <rPh sb="5" eb="7">
      <t>カツドウ</t>
    </rPh>
    <rPh sb="7" eb="9">
      <t>ホウジン</t>
    </rPh>
    <rPh sb="9" eb="11">
      <t>シミン</t>
    </rPh>
    <phoneticPr fontId="2"/>
  </si>
  <si>
    <t>ＮＰＯの組織基盤強化のための伴走支援</t>
    <phoneticPr fontId="2"/>
  </si>
  <si>
    <t>組織の継続・基盤強化に取り組む意欲のあるＮＰＯ法人に対する伴走支援を、中間支援組織（ＮＰＯ）と連携して実施する。</t>
    <phoneticPr fontId="2"/>
  </si>
  <si>
    <t>一般社団法人ソーシャルコーディネートかながわ</t>
    <phoneticPr fontId="2"/>
  </si>
  <si>
    <t>市町村課（選挙管理委員会）</t>
    <phoneticPr fontId="0" type="Hiragana"/>
  </si>
  <si>
    <t>選挙啓発事業費</t>
    <phoneticPr fontId="0" type="Hiragana"/>
  </si>
  <si>
    <t>各種選挙が明るく正しく行われるよう、有権者等の政治意識の向上を図るため、神奈川県明るい選挙推進協議会へ高等学校等での啓発事業や若年層の低投票率対策を委託する。</t>
    <phoneticPr fontId="0" type="Hiragana"/>
  </si>
  <si>
    <t>神奈川県明るい選挙推進協議会</t>
    <phoneticPr fontId="0" type="Hiragana"/>
  </si>
  <si>
    <t>地域政策課</t>
    <phoneticPr fontId="0" type="Hiragana"/>
  </si>
  <si>
    <t>湘南国際村めぐりの森保全活用協議会</t>
    <phoneticPr fontId="0" type="Hiragana"/>
  </si>
  <si>
    <t>平成22年４月から県有地となった湘南国際村めぐりの森について、その活用策に関する情報共有等を、包括的にマネジメントする主体としての協働参加型の会議で実施する。</t>
    <phoneticPr fontId="0" type="Hiragana"/>
  </si>
  <si>
    <t xml:space="preserve">・（公財）かながわ国際交流財団
・㈱研進
・㈱湘南国際村協会
・社会福祉法人　進和学園
・横須賀市
・葉山町
・神奈川県
・湘南国際村自治会
・CINEMA CARAVAN
・㈱LaLaLand Holdings
</t>
    <phoneticPr fontId="0" type="Hiragana"/>
  </si>
  <si>
    <t>協働参加型めぐりの森づくり推進会議</t>
    <phoneticPr fontId="0" type="Hiragana"/>
  </si>
  <si>
    <t>平成22年４月から県有地となった湘南国際村めぐりの森について、森づくりに関する事業等を、協働参加型で推進する。（ポスト植樹祭事業）</t>
    <phoneticPr fontId="0" type="Hiragana"/>
  </si>
  <si>
    <t>かながわ県民活動サポートセンター</t>
    <phoneticPr fontId="0" type="Hiragana"/>
  </si>
  <si>
    <t>防災ギャザリング</t>
    <phoneticPr fontId="0" type="Hiragana"/>
  </si>
  <si>
    <t>阪神・淡路大震災を契機に発足したサポートセンターの利用団体等による実行委員会が、防災への意識啓発を目的として開催するイベントに協力する。</t>
    <phoneticPr fontId="0" type="Hiragana"/>
  </si>
  <si>
    <t>かながわ・よこはま防災ギャザリング実行委員会</t>
    <phoneticPr fontId="0" type="Hiragana"/>
  </si>
  <si>
    <t>災害救援ボランティア活動支援室の設置・運営</t>
    <phoneticPr fontId="0" type="Hiragana"/>
  </si>
  <si>
    <t>被災時のボランティア受援力の向上や災害支援活動に自主的に取り組む団体に活動や交流の場を提供する。</t>
    <phoneticPr fontId="0" type="Hiragana"/>
  </si>
  <si>
    <t>(特非)神奈川災害ボランティアネットワーク</t>
    <phoneticPr fontId="0" type="Hiragana"/>
  </si>
  <si>
    <t>かながわ県民活動サポートセンター協議会</t>
    <phoneticPr fontId="0" type="Hiragana"/>
  </si>
  <si>
    <t>利用者の意見をサポートセンターの運営に反映させ、県民に開かれたものとするとともに、利用者の自主的な活動を促進することを目的に協議会を開催する。</t>
    <phoneticPr fontId="0" type="Hiragana"/>
  </si>
  <si>
    <t>かながわ県民活動サポートセンター協議会委員</t>
    <phoneticPr fontId="0" type="Hiragana"/>
  </si>
  <si>
    <t>かながわ県民活動サポートセンター</t>
  </si>
  <si>
    <t>パートナーシップルーム制度</t>
    <phoneticPr fontId="0" type="Hiragana"/>
  </si>
  <si>
    <t>ボランタリー団体等と県の関係機関が協議等を行う場として「パートナーシップルーム」「コラボスタジオ」を設置・運営する。</t>
    <phoneticPr fontId="0" type="Hiragana"/>
  </si>
  <si>
    <t>災害救援ボランティア活動支援室利用登録団体</t>
    <phoneticPr fontId="0" type="Hiragana"/>
  </si>
  <si>
    <t>活動の場と情報の提供</t>
  </si>
  <si>
    <t>県民の自主的で営利を目的としない社会に貢献する活動を支援する場として、ボランティアサロンやミーティングルーム、情報コーナー等を設置・運営する。</t>
    <phoneticPr fontId="0" type="Hiragana"/>
  </si>
  <si>
    <t>県内ボランタリー活動団体</t>
    <phoneticPr fontId="0" type="Hiragana"/>
  </si>
  <si>
    <t>災害救援ボランティア支援センター</t>
    <phoneticPr fontId="0" type="Hiragana"/>
  </si>
  <si>
    <t>県災害対策本部が設置された場合、県災害救援ボランティア支援センターを設置し、災害救援ボランティア支援団体等と連携し、災害救援ボランティア活動等を支援する。</t>
    <phoneticPr fontId="0" type="Hiragana"/>
  </si>
  <si>
    <t>(社福)神奈川県社会福祉協議会、
(社福)神奈川県共同募金会</t>
    <phoneticPr fontId="0" type="Hiragana"/>
  </si>
  <si>
    <t>かながわ市民活動フェア</t>
    <phoneticPr fontId="0" type="Hiragana"/>
  </si>
  <si>
    <t>サポートセンター利用団体等が運営委員会を構成し、団体相互の交流と一般市民へのボランタリー活動の啓発を目的として開催するイベントに協力する。</t>
    <phoneticPr fontId="0" type="Hiragana"/>
  </si>
  <si>
    <t>かながわ市民活動フェア運営委員会</t>
    <phoneticPr fontId="0" type="Hiragana"/>
  </si>
  <si>
    <t>かながわボランタリー活動推進事業費
かながわボランタリー活動推進基金２１
協働事業負担金</t>
  </si>
  <si>
    <t>地域課題の解決に向け、ボランタリー団体等と県とが対等な立場でパートナーシップを組んで行えば一層の効果が期待できると考えられる公益的事業に対して負担金を交付する。</t>
    <phoneticPr fontId="0" type="Hiragana"/>
  </si>
  <si>
    <t>(一社)乳がん予防医学推進協会、（一社）アマヤドリ、（NPO法人）ピアサポートF.A.cafe、（特非）フュージョンコムかながわ・県肢体不自由児協会、（一社）4Hearts、（特非）プラットファーム、（NPO法人）多文化共生教育ネットワークかながわ</t>
    <phoneticPr fontId="0" type="Hiragana"/>
  </si>
  <si>
    <t>かながわボランタリー活動推進事業費補助
かながわボランタリー活動推進基金２１
ボランタリー活動補助金</t>
  </si>
  <si>
    <t>地域課題の解決に向け、ボランタリー団体等が自発的に取り組む事業や社会システムの改革を目指してチャレンジする事業などで、ボランタリー団体等が立ち上げたり、新たに展開する事業に対して補助する。</t>
    <phoneticPr fontId="0" type="Hiragana"/>
  </si>
  <si>
    <t>（特非）不登校・発達支援ネットワークSeeds APP、（特非）仂（ろく）、（一社）神奈川オレンジネットワーク、（特非）Fun Place 39</t>
    <phoneticPr fontId="0" type="Hiragana"/>
  </si>
  <si>
    <t>かながわボランタリー活動推進事業費
かながわボランタリー活動推進基金２１
ボランタリー活動奨励賞</t>
    <phoneticPr fontId="0" type="Hiragana"/>
  </si>
  <si>
    <t>他のボランタリー団体等のモデルとなる活動で、地域社会への貢献度が高く、今後さらに継続発展が期待できる活動に自主的に取り組んでいるボランタリー団体等を表彰する。</t>
    <phoneticPr fontId="0" type="Hiragana"/>
  </si>
  <si>
    <t>ざま子育て応援プロジェクト！、平戸平和台地区地域運営協議会、NPO法人 Sharing Caring Culture、虹の会、（特非）地球学校</t>
    <rPh sb="2" eb="4">
      <t>こそだ</t>
    </rPh>
    <rPh sb="5" eb="7">
      <t>おうえん</t>
    </rPh>
    <rPh sb="15" eb="22">
      <t>ひらどへいわだいちく</t>
    </rPh>
    <rPh sb="22" eb="24">
      <t>ちいき</t>
    </rPh>
    <rPh sb="24" eb="29">
      <t>うんえいきょうぎかい</t>
    </rPh>
    <rPh sb="33" eb="35">
      <t>ほうじん</t>
    </rPh>
    <rPh sb="59" eb="60">
      <t>にじ</t>
    </rPh>
    <rPh sb="61" eb="62">
      <t>かい</t>
    </rPh>
    <rPh sb="64" eb="65">
      <t>とく</t>
    </rPh>
    <rPh sb="65" eb="66">
      <t>ひ</t>
    </rPh>
    <rPh sb="67" eb="71">
      <t>ちきゅうがっこう</t>
    </rPh>
    <phoneticPr fontId="0" type="Hiragana"/>
  </si>
  <si>
    <t>かながわボランタリー活動推進事業費
かながわボランタリー活動推進基金２１
ボランタリー団体成長支援事業</t>
    <phoneticPr fontId="0" type="Hiragana"/>
  </si>
  <si>
    <t>ボランタリー団体が自立的かつ安定的に活動できるよう、県が、中間支援組織等にその支援を委託する。</t>
    <phoneticPr fontId="0" type="Hiragana"/>
  </si>
  <si>
    <t>（特非）森ノオト</t>
    <phoneticPr fontId="0" type="Hiragana"/>
  </si>
  <si>
    <t>職員厚生課</t>
    <phoneticPr fontId="0" type="Hiragana"/>
  </si>
  <si>
    <t xml:space="preserve">県退職者ボランタリー活動支援データベース事業
（休止中）
</t>
    <phoneticPr fontId="2"/>
  </si>
  <si>
    <t>県は、県退職者で希望する者がボランタリー活動に参加するために必要な情報を登録するデータベースを作成し、ＮＰＯへの情報提供を行い、データベースを閲覧したＮＰＯからの申出に基づき、登録者との連絡調整などの支援を行う。</t>
    <phoneticPr fontId="0" type="Hiragana"/>
  </si>
  <si>
    <t>総務室</t>
    <phoneticPr fontId="0" type="Hiragana"/>
  </si>
  <si>
    <t>かながわ避難者支援会議</t>
    <phoneticPr fontId="0" type="Hiragana"/>
  </si>
  <si>
    <t xml:space="preserve">避難者支援を行う関係団体や県内市町村、避難元自治体等が有機的に連携して、効果的な支援を行うための体制を構築するもの。
</t>
    <phoneticPr fontId="0" type="Hiragana"/>
  </si>
  <si>
    <t>ソクラテスプロジェクト、特定非営利活動法人神奈川災害ボランティアネットワーク、特定非営利活動法人かながわ避難者と共にあゆむ会</t>
    <phoneticPr fontId="0" type="Hiragana"/>
  </si>
  <si>
    <t>神奈川県生活協同組合連合会、株式会社ファンケル、公益社団法人神奈川県社会福祉士会、社会福祉法人神奈川県社会福祉協議会、東京地方税理士会、横浜市立大学、神奈川県弁護士会、岩手県、宮城県、福島県、神奈川県内の市町村</t>
    <phoneticPr fontId="0" type="Hiragana"/>
  </si>
  <si>
    <t>危機管理防災課</t>
    <phoneticPr fontId="0" type="Hiragana"/>
  </si>
  <si>
    <t>１県域の災害時情報共有会議の実施
２県域の災害時中間支援機能の整備・強化
３市町村域（ブロック域）の災害時の多様な主体間の連携推進</t>
    <phoneticPr fontId="0" type="Hiragana"/>
  </si>
  <si>
    <t>災害復興くらし応援・みんなのネットワークかながわ（準備会議）</t>
    <phoneticPr fontId="0" type="Hiragana"/>
  </si>
  <si>
    <t xml:space="preserve">地域福祉課  NPO 協働推進課
かながわ県民活動サポートセンター
神奈川県社会福祉協議会     神奈川県共同募金会 </t>
    <phoneticPr fontId="0" type="Hiragana"/>
  </si>
  <si>
    <t>ビッグレスキューかながわ（令和６年度神奈川県総合防災訓練）</t>
    <phoneticPr fontId="0" type="Hiragana"/>
  </si>
  <si>
    <t xml:space="preserve">大規模地震発生による甚大被害を想定し、自助・共助・公助の理念に基づき、自主防災組織をはじめとした地域防災力の向上、県市及び防災関係機関の災害対応力向上を図る。
</t>
    <phoneticPr fontId="0" type="Hiragana"/>
  </si>
  <si>
    <t>参加機関は現在調整中</t>
    <phoneticPr fontId="0" type="Hiragana"/>
  </si>
  <si>
    <t>消防保安課</t>
    <phoneticPr fontId="0" type="Hiragana"/>
  </si>
  <si>
    <t>防災関係団体助成等経費</t>
    <phoneticPr fontId="0" type="Hiragana"/>
  </si>
  <si>
    <t>神奈川県沿岸において発生する水難事故の救助等については沿岸市町だけでなく、漁業者などが大きな役割を果たしている。これらの漁業者を主たる構成員とする特定非営利活動法人神奈川県水難救済会の行う水難救助活動等に対する助成。</t>
    <phoneticPr fontId="0" type="Hiragana"/>
  </si>
  <si>
    <t>特定非営利活動法人　神奈川県水難救済会</t>
    <phoneticPr fontId="0" type="Hiragana"/>
  </si>
  <si>
    <t>・県内沿岸部市町（15市町）
・県内水産関係団体
・日本水難救済会</t>
    <phoneticPr fontId="0" type="Hiragana"/>
  </si>
  <si>
    <t>関係団体実施事業への後援</t>
    <phoneticPr fontId="0" type="Hiragana"/>
  </si>
  <si>
    <t>ライフセーバーの育成、水難救助活動の技術向上及び水難事故防止の普及啓発等を目的に開催される各種競技大会への後援。</t>
    <phoneticPr fontId="0" type="Hiragana"/>
  </si>
  <si>
    <t>公益財団法人　日本ライフセービング協会
一般財団法人　神奈川県ライフセービング協会</t>
    <phoneticPr fontId="0" type="Hiragana"/>
  </si>
  <si>
    <t>くらし安全交通課</t>
  </si>
  <si>
    <t>安全・安心まちづくり県民運動推進事業費</t>
    <phoneticPr fontId="0" type="Hiragana"/>
  </si>
  <si>
    <t>神奈川県犯罪のない安全・安心まちづくり推進協議会</t>
  </si>
  <si>
    <t>（公財）かながわ国際交流協会外9団体、（公社）神奈川県私立幼稚園連合会外9団体、（一財）神奈川県私立中学校高等学校協会、（一社）神奈川県専修学校各種学校協会外17団体、その外125団体・機関</t>
    <phoneticPr fontId="0" type="Hiragana"/>
  </si>
  <si>
    <t>安全・安心まちづくり活動事故給付金</t>
  </si>
  <si>
    <t>民間の自主防犯活動のさらなる活性化を図り、県民総ぐるみとしての取組を促進するため、防犯ボランティアの活動中の事故に対する給付金制度を実施する。</t>
    <phoneticPr fontId="0" type="Hiragana"/>
  </si>
  <si>
    <t>自主防犯活動団体として県に登録した団体計2,412団体(5月24日現在)</t>
    <phoneticPr fontId="0" type="Hiragana"/>
  </si>
  <si>
    <t>交通安全県民運動事業費</t>
    <phoneticPr fontId="0" type="Hiragana"/>
  </si>
  <si>
    <t>団体と連携して交通安全活動事業を実施する。</t>
  </si>
  <si>
    <t>神奈川県交通安全母の会連合会</t>
  </si>
  <si>
    <t>交通安全対策協議会運営費</t>
    <phoneticPr fontId="0" type="Hiragana"/>
  </si>
  <si>
    <t>県内関係団体等の参画を得て協議会を設置し、各季の交通安全運動などの事業を実施することで、交通事故防止活動を県民層ぐるみの運動として推進する。</t>
    <phoneticPr fontId="0" type="Hiragana"/>
  </si>
  <si>
    <t>神奈川県交通安全対策協議会</t>
    <phoneticPr fontId="0" type="Hiragana"/>
  </si>
  <si>
    <t>（公財）神奈川県交通安全協会外5団体、（公社）神奈川県私立幼稚園連合会外10団体、（一財）横浜市交通安全協会外１団体、（一社）川崎市交通安全協会外17団体、その外111団体・機関</t>
    <phoneticPr fontId="0" type="Hiragana"/>
  </si>
  <si>
    <t>くらし安全交通課</t>
    <phoneticPr fontId="0" type="Hiragana"/>
  </si>
  <si>
    <t>犯罪被害者等支援費</t>
    <phoneticPr fontId="0" type="Hiragana"/>
  </si>
  <si>
    <t>犯罪被害者等が日常生活を一刻も早く回復できるよう、法律相談やカウンセリングなど犯罪被害者等の立場に立った適切できめ細かい支援を提供する。NPO法人に対しては、カウンセリング業務を委託する。</t>
    <phoneticPr fontId="0" type="Hiragana"/>
  </si>
  <si>
    <t>犯罪被害者等支援事業補助金</t>
    <phoneticPr fontId="0" type="Hiragana"/>
  </si>
  <si>
    <t>犯罪被害者等が日常生活を一刻も早く回復できるよう、犯罪被害者等の立場に立った適切できめ細かい支援の提供として、NPO法人が行う裁判所等への付き添い支援等に対して補助する。</t>
    <phoneticPr fontId="0" type="Hiragana"/>
  </si>
  <si>
    <t>犯罪被害者等支援ボランティア確保育成事業（犯罪被害者等支援費）</t>
    <phoneticPr fontId="0" type="Hiragana"/>
  </si>
  <si>
    <t>犯罪被害者等支援の現場活動を担う人材を確保するため、ボランティアの効果的な募集と管理、育成を図る。NPO法人に対して、犯罪被害者等支援員養成講座の開催を委託する。</t>
    <phoneticPr fontId="0" type="Hiragana"/>
  </si>
  <si>
    <t>犯罪被害者サポートステーション運営費
（犯罪被害者等支援費）</t>
    <phoneticPr fontId="0" type="Hiragana"/>
  </si>
  <si>
    <t>犯罪被害者等への総合的な支援体制として「かながわ犯罪被害者サポートステーション」を運営する。NPO法人に対しては、犯罪被害者等相談業務を委託する。</t>
    <phoneticPr fontId="0" type="Hiragana"/>
  </si>
  <si>
    <t>かながわ安心・安全な住まいづくり支援事業</t>
    <phoneticPr fontId="0" type="Hiragana"/>
  </si>
  <si>
    <t>実施主体：NPO法人横浜市まちづくりセンター
概要：住宅の防犯対策をはじめ、安心・安全な住まいづくりに関する相談に対して、的確に助言、支援を行う相談窓口を整備する。</t>
    <phoneticPr fontId="0" type="Hiragana"/>
  </si>
  <si>
    <t>NPO法人横浜市まちづくりセンター</t>
    <phoneticPr fontId="0" type="Hiragana"/>
  </si>
  <si>
    <t>消費生活課</t>
  </si>
  <si>
    <t>インターネット被害未然防止講座委託業務</t>
    <phoneticPr fontId="0" type="Hiragana"/>
  </si>
  <si>
    <t>広く県民を対象にパソコンやスマートフォンにおけるインターネット被害事例の情報提供や対処方法、インターネット被害の擬似体験等に関する講座を実施し、消費者被害、トラブルの未然防止を図ることを目的とする。</t>
    <phoneticPr fontId="0" type="Hiragana"/>
  </si>
  <si>
    <t>NPO法人NPO情報
セキュリティフォーラム</t>
    <phoneticPr fontId="0" type="Hiragana"/>
  </si>
  <si>
    <t>高齢者、障害者等の消費者被害防止対策連絡協議会</t>
    <phoneticPr fontId="0" type="Hiragana"/>
  </si>
  <si>
    <t>高齢者、障害者等の被害を防止するため、県と関係団体による協議会を設置し、相互の連携を図りながら情報交換や効果的な対策を協議する。</t>
    <phoneticPr fontId="0" type="Hiragana"/>
  </si>
  <si>
    <t>神奈川県手をつなぐ育成会、神奈川県民生委員児童委員協議会、NPO法人神奈川県介護支援専門員協会、神奈川県消費者団体連絡会、NPO法人神奈川県消費者の会連絡会、（公財)神奈川県老人クラブ連合会</t>
    <phoneticPr fontId="0" type="Hiragana"/>
  </si>
  <si>
    <t>警察本部、市町村消費生活行政担当課（代表）、(社福)神奈川県社会福祉協議会</t>
    <phoneticPr fontId="0" type="Hiragana"/>
  </si>
  <si>
    <t>消費者教育教員研修</t>
    <phoneticPr fontId="0" type="Hiragana"/>
  </si>
  <si>
    <t>学校における消費者教育を推進するため、教員を対象とした研修を行い、授業等への活用を図る。ボランタリー団体等へは、研修講師を依頼する。</t>
    <phoneticPr fontId="0" type="Hiragana"/>
  </si>
  <si>
    <t>公益財団法人生命保険文化センター、一般社団法人日本損害保険協会、金融リテラシー向上コンソーシアム 、一般財団法人マルチメディア振興センター、一般社団法人日本食品添加物協会、公益財団法人消費者教育支援センター、公益社団法人日本消費生活アドバイザー・コンサルタント・相談員協会、特定非営利活動法人開発教育協会</t>
    <phoneticPr fontId="0" type="Hiragana"/>
  </si>
  <si>
    <t>株式会社LIXIL、東日本旅客鉄道株式会社、雪印メグミルク株式会社、ブロードマインド株式会社、株式会社ＪＴＢ</t>
    <phoneticPr fontId="0" type="Hiragana"/>
  </si>
  <si>
    <t>消費生活課</t>
    <phoneticPr fontId="0" type="Hiragana"/>
  </si>
  <si>
    <t>消費者月間及びかながわ消費者週間</t>
    <phoneticPr fontId="0" type="Hiragana"/>
  </si>
  <si>
    <t>国が定めた消費者月間（5月）及び本県のかながわ消費者週間（10月）に、消費者被害の未然防止等に向けたＳＮＳを活用した情報発信を実施</t>
    <phoneticPr fontId="0" type="Hiragana"/>
  </si>
  <si>
    <t>悪質な訪問販売 撲滅！かながわ宣言</t>
    <phoneticPr fontId="0" type="Hiragana"/>
  </si>
  <si>
    <t>高齢者に消費者被害の多い「訪問販売」に関して、事業者の自主的な取組を促す機運を醸成し、県内被害の未然防止につなげるため、平成30年３月、８つの事業者団体と県がチームとなり、悪質な勧誘から消費者を守る取組を推進することを宣言し、その後連携した取組を進めている。
令和４年10月、令和５年３月にそれぞれ３つの事業者団体が新規に加入し、現在は14の団体が宣言団体となっている。</t>
    <phoneticPr fontId="0" type="Hiragana"/>
  </si>
  <si>
    <t>公益社団法人日本訪問販売協会、一般社団法人全日本冠婚葬祭互助協会、公益社団法人かながわ住まいまちづくり協会、一般社団法人生命保険協会神奈川県協会、一般社団法人日本損害保険協会神奈川損保会、一般社団法人ステキ信頼リフォーム推進協会、一般社団法人日本住宅リフォーム産業協会</t>
    <phoneticPr fontId="0" type="Hiragana"/>
  </si>
  <si>
    <t>神奈川県ケーブルテレビ協議会、神奈川県新聞販売組合、京浜新聞販売組合、神奈川県生活協同組合連合会、神奈川県瓦屋根工業連合会、神奈川県板金工業組合、日本木造住宅耐震補強事業者協同組合</t>
    <phoneticPr fontId="0" type="Hiragana"/>
  </si>
  <si>
    <t>事業者向け「特定商取引法」解説小冊子の作成</t>
    <phoneticPr fontId="0" type="Hiragana"/>
  </si>
  <si>
    <t>特定商取引法の要点をまとめた事業者向けの小冊子を作成し、「悪質な訪問販売 撲滅！かながわ宣言」の宣言団体や行政指導の対象となった事業者等へ周知するとともに、研修等での活用を促す。
また、幅広い事業者が閲覧できるよう、小冊子のデータを県ホームページに掲載する。</t>
    <phoneticPr fontId="0" type="Hiragana"/>
  </si>
  <si>
    <t>特定非営利活動法人消費者支援かながわ</t>
    <phoneticPr fontId="0" type="Hiragana"/>
  </si>
  <si>
    <t>神奈川県消費者行政強化事業費補助金（団体）</t>
    <phoneticPr fontId="0" type="Hiragana"/>
  </si>
  <si>
    <t>消費者団体訴訟制度の担い手となる適格消費者団体に対する補助金の交付を通じて、特定適格消費者団体の設立に向けた支援を行うとともに、制度の活用を進め、県内の消費者被害未然防止・拡大防止を目指す。</t>
    <phoneticPr fontId="0" type="Hiragana"/>
  </si>
  <si>
    <t>特定非営利活動法人消費者支援かながわ</t>
  </si>
  <si>
    <t>被害者救済検討チームによる適格消費者団体への情報提供</t>
    <phoneticPr fontId="0" type="Hiragana"/>
  </si>
  <si>
    <t xml:space="preserve">かながわ中央消費生活センターに寄せられた相談事例の中から、差止請求により、消費者被害未然防止を図ることが有効と思われる事案について、適格消費者団体に随時情報提供を行う。
</t>
    <phoneticPr fontId="0" type="Hiragana"/>
  </si>
  <si>
    <t>特定非営利活動法人消費者支援かながわ</t>
    <phoneticPr fontId="2"/>
  </si>
  <si>
    <t>温泉地学研究所</t>
  </si>
  <si>
    <t>災害救援ボランティア講座</t>
  </si>
  <si>
    <t>県内各所で開催される災害救援ボランティア講座に、神奈川県の自然災害について説明するため講師を派遣する。</t>
  </si>
  <si>
    <t>神奈川県災害救援ボランティア推進委員会</t>
  </si>
  <si>
    <t>総合防災センター</t>
    <phoneticPr fontId="0" type="Hiragana"/>
  </si>
  <si>
    <t>自主防災組織リーダー等研修会</t>
    <phoneticPr fontId="0" type="Hiragana"/>
  </si>
  <si>
    <t>県下の自主防災組織リーダー等を対象に防災に関する知識、技術を習得させ、地域及び家庭を通じて防災意識の向上、防災行動力の強化を図るため、簡易救出・搬送訓練、心肺蘇生法等の実技研修、防災情報・体験フロアにおける地震、風水害等の擬似体験学習及び災害対策の実習等を実施する。</t>
    <phoneticPr fontId="0" type="Hiragana"/>
  </si>
  <si>
    <t>NPO法人日本防災士会</t>
    <phoneticPr fontId="0" type="Hiragana"/>
  </si>
  <si>
    <t>消防学校</t>
    <phoneticPr fontId="0" type="Hiragana"/>
  </si>
  <si>
    <t>消防団員教育</t>
    <phoneticPr fontId="0" type="Hiragana"/>
  </si>
  <si>
    <t>消防団員に対する教育訓練のうち専科教育警防科、幹部教育初級幹部科・指揮幹部科、特別教育女性消防団員等活性化研修の実施</t>
    <phoneticPr fontId="0" type="Hiragana"/>
  </si>
  <si>
    <t>(公財)神奈川県消防協会</t>
    <phoneticPr fontId="0" type="Hiragana"/>
  </si>
  <si>
    <t>国際課</t>
  </si>
  <si>
    <t>医療通訳派遣システム事業</t>
    <phoneticPr fontId="0" type="Hiragana"/>
  </si>
  <si>
    <t>日本語を母語としない外国籍患者が安心して医療を受けられるよう、協定医療機関に医療通訳スタッフを派遣する。（県と県内自治体で構成する協議会及びNPO等が実施主体。）</t>
    <phoneticPr fontId="0" type="Hiragana"/>
  </si>
  <si>
    <t>NPO法人多言語社会リソースかながわ</t>
    <phoneticPr fontId="0" type="Hiragana"/>
  </si>
  <si>
    <t>かながわ医療通訳派遣システム自治体推進協議会（県及び県内自治体で構成）、県医師会、県病院協会、県歯科医師会、県薬剤師会</t>
    <phoneticPr fontId="0" type="Hiragana"/>
  </si>
  <si>
    <t>国際課</t>
    <phoneticPr fontId="0" type="Hiragana"/>
  </si>
  <si>
    <t>多言語支援センターかながわ運営事業</t>
    <phoneticPr fontId="0" type="Hiragana"/>
  </si>
  <si>
    <t>外国籍県民や来県外国人が安心・安全に過ごすことができる環境をつくり、多文化共生社会を実現するため、「多言語支援センターかながわ」を設置し、多言語による情報提供・通訳支援を行う。NPOと公益財団法人のグループへ委託し、実施する。</t>
    <phoneticPr fontId="0" type="Hiragana"/>
  </si>
  <si>
    <t>NPO法人多言語社会リソースかながわ、公益財団法人かながわ国際交流財団</t>
    <phoneticPr fontId="0" type="Hiragana"/>
  </si>
  <si>
    <t>ヤングケアラー通訳支援事業</t>
    <phoneticPr fontId="0" type="Hiragana"/>
  </si>
  <si>
    <t>家族等の言語支援を行う外国人ヤングケアラーを支援するため、多言語対応が必要な家庭への通訳支援事業を実施。</t>
    <phoneticPr fontId="0" type="Hiragana"/>
  </si>
  <si>
    <t>地域日本語教育の総合的な体制づくり推進事業</t>
    <phoneticPr fontId="0" type="Hiragana"/>
  </si>
  <si>
    <t>県内外国籍県民の日本語教育環境を強化するため、関係機関等との連携を強化しつつ、各地域の実情に応じたプログラムの提案・調整等を行うコーディネーターの配置や支援等を実施する。公益財団法人かながわ国際交流財団へ委託し、実施する。</t>
    <phoneticPr fontId="0" type="Hiragana"/>
  </si>
  <si>
    <t>公益財団法人かながわ国際交流財団</t>
    <phoneticPr fontId="0" type="Hiragana"/>
  </si>
  <si>
    <t>外国籍県民入居支援事業（委託）</t>
    <phoneticPr fontId="0" type="Hiragana"/>
  </si>
  <si>
    <t>外国人のための居住支援を進めるため、不動産業界等への研修及び広報を、NPOへ委託し、実施する。</t>
    <phoneticPr fontId="0" type="Hiragana"/>
  </si>
  <si>
    <t>NPO法人かながわ外国人すまいサポートセンター等</t>
    <phoneticPr fontId="0" type="Hiragana"/>
  </si>
  <si>
    <t>あーすフェスタかながわ開催事業（実行委員会）</t>
    <phoneticPr fontId="0" type="Hiragana"/>
  </si>
  <si>
    <t>外国籍県民、民族団体、NPO、地域住民、行政等が一体となり、企画・運営を行い、多文化共生社会の実現をめざしたイベントを実施する。（民族団体・NPO・県等で構成する実行委員会が実施主体）</t>
    <phoneticPr fontId="0" type="Hiragana"/>
  </si>
  <si>
    <t>あーすフェスタかながわ実行委員会（公益財団法人かながわ国際交流財団、NPO法人かながわ外国人すまいサポートセンター、NPO法人かながわ難民定住援助協会等）</t>
    <phoneticPr fontId="0" type="Hiragana"/>
  </si>
  <si>
    <t>ベトナムフェスタin神奈川開催事業（実行委員会）</t>
    <phoneticPr fontId="0" type="Hiragana"/>
  </si>
  <si>
    <t>ベトナムとの交流イベントを通じ、文化、食、観光等幅広い分野においてベトナムに対する理解と本県からの国際協力の促進を図るため、「ベトナムフェスタin神奈川」を開催する。</t>
    <phoneticPr fontId="0" type="Hiragana"/>
  </si>
  <si>
    <t>ベトナムフェスタin神奈川実行委員会（KVSS かわさきベトナム人留学生支援会等）</t>
    <phoneticPr fontId="0" type="Hiragana"/>
  </si>
  <si>
    <t>地球市民かながわプラザ指定管理費（事業費）　展示ボランティアシステム運営</t>
  </si>
  <si>
    <t>地球市民かながわプラザ常設展示の運営ボランティアを広く県民に募り、展示内容に関する専門研修の実施や、ボランティアによる自主企画の支援等を行う。</t>
    <phoneticPr fontId="0" type="Hiragana"/>
  </si>
  <si>
    <t xml:space="preserve">個人ボランティア
</t>
    <phoneticPr fontId="0" type="Hiragana"/>
  </si>
  <si>
    <t>地球市民かながわプラザ指定管理費（事業費）　NPO等活動支援事業 情報フォーラム</t>
    <phoneticPr fontId="0" type="Hiragana"/>
  </si>
  <si>
    <t>NPO等への活動支援のため、活動場所の提供や広報協力、相談対応やNPO等が発行する各種資料を収集、保存し、情報普及を実施する。</t>
    <phoneticPr fontId="0" type="Hiragana"/>
  </si>
  <si>
    <t>国際交流・国際協力関係のボランタリー団体</t>
    <phoneticPr fontId="0" type="Hiragana"/>
  </si>
  <si>
    <t>地球市民かながわプラザ指定管理費（事業費）　ＮＰＯ等のための事務室運営事業</t>
  </si>
  <si>
    <t>NPO等への活動支援のため、地球市民かながわプラザ内に設置した貸出し事務室を提供する。</t>
    <phoneticPr fontId="0" type="Hiragana"/>
  </si>
  <si>
    <t>認定NPO法人地球学校、かながわ開発教育センター、認定NPO法人多文化共生教育ネットワークかながわ、NPO法人ダイヤモンド・フォー・ピース、NPO法人不登校・発達支援ネットワークSeedsAPP、NPO法人ナルク南横浜、認定NPO法人横浜日独協会、国際協力NGO「Act for Child」</t>
    <phoneticPr fontId="0" type="Hiragana"/>
  </si>
  <si>
    <t>地球市民かながわプラザ指定管理費（事業費）　NPO等活動支援事業フォーラムスペース</t>
    <phoneticPr fontId="0" type="Hiragana"/>
  </si>
  <si>
    <t>NPO等への活動支援のため、無料登録制にて活動場所「フォーラムスペース」を提供している。</t>
    <phoneticPr fontId="0" type="Hiragana"/>
  </si>
  <si>
    <t>さかえ日本語の会、地球市民文化交流会、ユッカの会、かながわこどもひろば、中国文化サロン、英語でコミュニケーションの会、絵本のひろば等</t>
    <phoneticPr fontId="0" type="Hiragana"/>
  </si>
  <si>
    <t>地球市民かながわプラザ指定管理費（事業費）　NPO等活動支援事業　ラウンジ作業コーナー</t>
    <phoneticPr fontId="0" type="Hiragana"/>
  </si>
  <si>
    <t>NPO等への活動支援のため、活動場所の提供や広報協力、相談対応やNPO等が発行する各種資料の印刷支援のため作業コーナーに無料で使える輪転機（月/3千枚まで）等を設置している。</t>
    <phoneticPr fontId="0" type="Hiragana"/>
  </si>
  <si>
    <t>ムリンディ／ジャパン・ワンラブ・プロジェクト、横浜共同購入の会、グループ「みらい」、NPO法人国際交流ハーティ港南台、神奈川県政モニターOB会、栄区テレビセミナー、さかえ国際理解と交流の会（SIS)、NPO法人ふれんどしっぷASIA、外国人学校の子どもたちの絵画展実行委員会、神奈川・横浜の夜間中学を考える会、中国残留邦人「しゃべり場」、古代史セミナー運営委員会、認定NPO法人WE21ジャパンさかえ、上郷・瀬上の自然を守る会等</t>
    <phoneticPr fontId="0" type="Hiragana"/>
  </si>
  <si>
    <t>海外人的ネットワーク形成事業費（海外技術研修員）</t>
    <phoneticPr fontId="0" type="Hiragana"/>
  </si>
  <si>
    <t>県が招聘する開発途上国等からの海外技術研修員が、より効果的に研修生活を送れるよう、日常の生活指導、日本の生活及び文化の理解促進に係る各種行事、県民・関係団体等との交流促進のための活動、基礎日本語・日本文化等に係る講座等を実施する。</t>
    <phoneticPr fontId="0" type="Hiragana"/>
  </si>
  <si>
    <t>未定</t>
    <phoneticPr fontId="0" type="Hiragana"/>
  </si>
  <si>
    <t>海外人的ネットワーク形成事業費（海外政策研修員）</t>
    <phoneticPr fontId="0" type="Hiragana"/>
  </si>
  <si>
    <t>県が招聘する開発途上国等からの政策研修員が、より効果的に研修生活を送れるよう、日常の生活指導、日本の生活及び文化の理解促進に係る各種行事、県民・関係団体等との交流促進のための活動、基礎日本語・日本文化等に係る講座等を実施する。</t>
    <phoneticPr fontId="0" type="Hiragana"/>
  </si>
  <si>
    <t>外国籍県民同行支援事業</t>
    <phoneticPr fontId="0" type="Hiragana"/>
  </si>
  <si>
    <t>日本語が不自由な外国籍県民等（国籍に関わらず外国にルーツがある方を含む。以下同じ。）に対し、単なる通訳にとどまらず現場での交渉・アドバイスや複数の窓口に同行する業務をNPOへ委託し、行う。</t>
    <phoneticPr fontId="0" type="Hiragana"/>
  </si>
  <si>
    <t>NPO法人かながわ外国人すまいサポートセンター</t>
    <phoneticPr fontId="0" type="Hiragana"/>
  </si>
  <si>
    <t>かながわ一般通訳支援事業</t>
    <phoneticPr fontId="0" type="Hiragana"/>
  </si>
  <si>
    <t>外国籍県民等が公的サービスを受ける場合等に、通訳ボランティアを紹介する事業を、NPOと公益財団法人のグループへ委託し、実施する。</t>
    <phoneticPr fontId="0" type="Hiragana"/>
  </si>
  <si>
    <t>外国籍県民入居支援事業（協議会）</t>
    <phoneticPr fontId="0" type="Hiragana"/>
  </si>
  <si>
    <t>かながわ居住支援ネットワーク協議会（NPO法人かながわ外国人すまいサポートセンター等）</t>
    <phoneticPr fontId="0" type="Hiragana"/>
  </si>
  <si>
    <t>かながわ国際政策推進懇話会</t>
    <phoneticPr fontId="0" type="Hiragana"/>
  </si>
  <si>
    <t>国際社会の変化に対応した神奈川の国際施策の推進について有識者等（学識経験者、関係団体、外国籍県民、市町村、NGO･NPO等）の意見を聴取し、協議を行う。</t>
    <phoneticPr fontId="0" type="Hiragana"/>
  </si>
  <si>
    <t>公益財団法人かながわ国際交流財団、認定NPO法人多文化共生教育ネットワークかながわ、特定非営利活動法人地球学校</t>
    <phoneticPr fontId="0" type="Hiragana"/>
  </si>
  <si>
    <t>慶應義塾大学、横浜市立大学、東海大学、日本労働組合総連合会神奈川県連合会、一般社団法人神奈川県経営者協会、独立行政法人国際協力機構横浜センター、藤沢市、大和市</t>
    <phoneticPr fontId="0" type="Hiragana"/>
  </si>
  <si>
    <t>(公財)かながわ国際交流財団補助金</t>
    <rPh sb="1" eb="3">
      <t>コウザイ</t>
    </rPh>
    <rPh sb="14" eb="17">
      <t>ホジョキン</t>
    </rPh>
    <phoneticPr fontId="2"/>
  </si>
  <si>
    <t>公益財団法人かながわ国際交流財団の事業運営に対して補助する。</t>
    <rPh sb="10" eb="16">
      <t>コクサイコウリュウザイダン</t>
    </rPh>
    <phoneticPr fontId="2"/>
  </si>
  <si>
    <t>公益財団法人かながわ国際交流財団</t>
    <phoneticPr fontId="2"/>
  </si>
  <si>
    <t>かながわ国際政策推進懇話会専門委員会（地域日本語教育）</t>
    <phoneticPr fontId="0" type="Hiragana"/>
  </si>
  <si>
    <t>外国籍県民等の日本語教育環境を強化し、県内の地域における日本語教育の総合的な体制づくりを図るため、日本語教育の有識者等の意見を聴取し、かながわ国際政策推進懇話会での意見聴取、協議に反映させる。</t>
    <phoneticPr fontId="0" type="Hiragana"/>
  </si>
  <si>
    <t>ユッカの会</t>
    <phoneticPr fontId="0" type="Hiragana"/>
  </si>
  <si>
    <t>武蔵野大学、東海大学、藤沢市</t>
    <phoneticPr fontId="0" type="Hiragana"/>
  </si>
  <si>
    <t>文化課</t>
  </si>
  <si>
    <t>相模人形芝居合同公演</t>
  </si>
  <si>
    <t>相模人形芝居５座による合同公演会を行う。</t>
    <phoneticPr fontId="0" type="Hiragana"/>
  </si>
  <si>
    <t>相模人形芝居連合会</t>
  </si>
  <si>
    <t>かながわの太鼓</t>
  </si>
  <si>
    <t>県内太鼓演奏団体による創作太鼓の演奏会を実施する。</t>
    <phoneticPr fontId="0" type="Hiragana"/>
  </si>
  <si>
    <t>神奈川県太鼓連合</t>
  </si>
  <si>
    <t>伝統芸能ワークショップ</t>
    <phoneticPr fontId="2"/>
  </si>
  <si>
    <t>県立高校などにおける相模人形芝居学校交流ワークショップを行う。</t>
    <phoneticPr fontId="0" type="Hiragana"/>
  </si>
  <si>
    <t>伝統芸能ワークショップ</t>
  </si>
  <si>
    <t>公益財団法人鎌倉能舞台による能楽体験ワークショップを行う。</t>
    <phoneticPr fontId="0" type="Hiragana"/>
  </si>
  <si>
    <t>公益財団法人鎌倉能舞台</t>
  </si>
  <si>
    <t>公益社団法人日本舞踊協会神奈川県支部による日本舞踊体験ワークショップを行う。</t>
    <phoneticPr fontId="0" type="Hiragana"/>
  </si>
  <si>
    <t>公益社団法人日本舞踊協会神奈川県支部</t>
  </si>
  <si>
    <t>第19回フレッシュ・コンサート</t>
    <phoneticPr fontId="0" type="Hiragana"/>
  </si>
  <si>
    <t>県にゆかりのある若い音楽家と公益財団法人神奈川フィルハーモニー管弦楽団が共演を行うコンサートを行う。</t>
    <phoneticPr fontId="0" type="Hiragana"/>
  </si>
  <si>
    <t>公益財団法人神奈川フィルハーモニー管弦楽団</t>
    <phoneticPr fontId="0" type="Hiragana"/>
  </si>
  <si>
    <t>文化課</t>
    <phoneticPr fontId="0" type="Hiragana"/>
  </si>
  <si>
    <t>神奈川フィル・ジュニアオーケストラ</t>
    <phoneticPr fontId="0" type="Hiragana"/>
  </si>
  <si>
    <t>例年、小学４年生～高校３年生の子どもたちを集い、神奈川フィル団員の指導を経て神奈川フィルと共演する。</t>
    <phoneticPr fontId="0" type="Hiragana"/>
  </si>
  <si>
    <t>神奈川フィル公開リハーサル</t>
    <phoneticPr fontId="0" type="Hiragana"/>
  </si>
  <si>
    <t>神奈川フィルがアートホールで行っているリハーサルを、年間50回、見学ギャラリーから無料で公開します。</t>
    <phoneticPr fontId="0" type="Hiragana"/>
  </si>
  <si>
    <t>神奈川フィル・カジュアルコンサート</t>
    <phoneticPr fontId="0" type="Hiragana"/>
  </si>
  <si>
    <t>音楽に親しむきっかけとなり、アートホールが地域の文化芸術振興の担い手となるよう、神奈川フィル団員によるカジュアルなコンサートを実施。</t>
    <phoneticPr fontId="0" type="Hiragana"/>
  </si>
  <si>
    <t>赤ちゃんありがとうコンサート</t>
    <phoneticPr fontId="0" type="Hiragana"/>
  </si>
  <si>
    <t>乳児を持つ親をメインターゲットに企画し、観客席を平土間仕様にしてベビーカーのままホールに入り、親の椅子の横に置いてコンサートを観ることができるコンサートを実施。</t>
    <phoneticPr fontId="0" type="Hiragana"/>
  </si>
  <si>
    <t>NPO法人ちゃっと、NPO法人ぎんがむら</t>
    <phoneticPr fontId="0" type="Hiragana"/>
  </si>
  <si>
    <t>神奈川フィルハーモニー管弦楽団補助金</t>
    <phoneticPr fontId="0" type="Hiragana"/>
  </si>
  <si>
    <t>公益財団法人神奈川フィルハーモニー管弦楽団の事業運営に対して補助する。</t>
    <phoneticPr fontId="0" type="Hiragana"/>
  </si>
  <si>
    <t>「楽絵ん祭」</t>
    <phoneticPr fontId="0" type="Hiragana"/>
  </si>
  <si>
    <t>障害児者、ファミリーをメインターゲットにした参加型フェスティバル。絵本、マジック、歌などで参加者みんなで楽しみます。ケアスペースも準備している。</t>
    <phoneticPr fontId="0" type="Hiragana"/>
  </si>
  <si>
    <t>NPO法人ぎんがむら</t>
    <phoneticPr fontId="0" type="Hiragana"/>
  </si>
  <si>
    <t>県営団地におけるシニア合唱事業</t>
  </si>
  <si>
    <t>県内10か所の県営団地において、住民等を対象としたシニア合唱事業を展開し、文化芸術の振興とともに、共生社会の実現や、団地におけるコミュニティの活性化、未病改善など健康団地の推進に向けた取組を実施。</t>
  </si>
  <si>
    <t>一般社団法人ユースクラシック</t>
  </si>
  <si>
    <t>共生共創事業</t>
    <phoneticPr fontId="0" type="Hiragana"/>
  </si>
  <si>
    <t>シニア劇団やシニアダンス企画の運営、障がい者や高齢者等が参加する演劇の舞台公演等を含む良質な内容の舞台公演等を実施する</t>
  </si>
  <si>
    <t>公益財団法人神奈川芸術文化財団</t>
    <phoneticPr fontId="0" type="Hiragana"/>
  </si>
  <si>
    <t>ありがとう神奈川県民ホール</t>
    <rPh sb="5" eb="10">
      <t>カナガワケンミン</t>
    </rPh>
    <phoneticPr fontId="2"/>
  </si>
  <si>
    <t>令和７年４月から休館する神奈川県民ホールを会場に、現行ホール最後の県主催イベントとして、県民の心に残るようなバレエ公演等を実施し、共生社会の理念普及に向けた企画との連携も行った。</t>
    <rPh sb="57" eb="59">
      <t>コウエン</t>
    </rPh>
    <rPh sb="59" eb="60">
      <t>トウ</t>
    </rPh>
    <phoneticPr fontId="2"/>
  </si>
  <si>
    <t>公益財団法人神奈川芸術文化財団</t>
    <rPh sb="0" eb="2">
      <t>コウエキ</t>
    </rPh>
    <rPh sb="2" eb="4">
      <t>ザイダン</t>
    </rPh>
    <rPh sb="4" eb="6">
      <t>ホウジン</t>
    </rPh>
    <phoneticPr fontId="2"/>
  </si>
  <si>
    <t>文化課</t>
    <phoneticPr fontId="2"/>
  </si>
  <si>
    <t>ビブリオバトル</t>
  </si>
  <si>
    <t>ビブリオバトル、ＰＯＰフェスタ、図書館報コンクールなど、高校生の主体的な運営による複数の文芸イベントを開催する。</t>
    <phoneticPr fontId="0" type="Hiragana"/>
  </si>
  <si>
    <t>神奈川県高等学校文化連盟図書専門部</t>
    <phoneticPr fontId="0" type="Hiragana"/>
  </si>
  <si>
    <t>「花音」朗読コンサート</t>
    <phoneticPr fontId="0" type="Hiragana"/>
  </si>
  <si>
    <t>県内の図書館・美術館で活動する朗読ユニット「花音」と共催で、企画展の内容に合わせた文学作品の朗読コンサートを開催する。</t>
    <phoneticPr fontId="0" type="Hiragana"/>
  </si>
  <si>
    <t>語りと音楽「花音」</t>
    <phoneticPr fontId="0" type="Hiragana"/>
  </si>
  <si>
    <t>かなぶんキッズクラブ
紙芝居がはじまるよ！</t>
  </si>
  <si>
    <t>地域で活動する「横浜紙芝居普及会」と共催で、夏休み期間中に親子連れを主な対象とした紙芝居の実演を行う。</t>
    <phoneticPr fontId="0" type="Hiragana"/>
  </si>
  <si>
    <t>横浜紙芝居普及会</t>
  </si>
  <si>
    <t>文化課（財団）</t>
  </si>
  <si>
    <t>かなぶんキッズクラブ
絵本であそぼ！</t>
  </si>
  <si>
    <t>横浜市内の地域文庫の連絡団体「よこはま文庫の会」と共催で、親子連れを対象に絵本の読み聞かせ（パネルシアター等）を実施する。</t>
    <phoneticPr fontId="0" type="Hiragana"/>
  </si>
  <si>
    <t>よこはま文庫の会</t>
  </si>
  <si>
    <t>神奈川フィルハーモニー管弦楽団による演奏会を年数回実施。</t>
    <phoneticPr fontId="0" type="Hiragana"/>
  </si>
  <si>
    <t xml:space="preserve">公益財団法人 神奈川フィルハーモニー管弦楽団
</t>
  </si>
  <si>
    <t>英国ロイヤル・オペラ2024年日本公演「リゴレット」</t>
    <phoneticPr fontId="0" type="Hiragana"/>
  </si>
  <si>
    <t>海外歌劇場の本格引越し公演を実施。</t>
    <phoneticPr fontId="0" type="Hiragana"/>
  </si>
  <si>
    <t xml:space="preserve">公益財団法人日本舞台芸術振興会
</t>
  </si>
  <si>
    <t>ありがとう神奈川県民ホール
ウクライナ国立オデーサ歌劇場オーケストラ日本公演</t>
  </si>
  <si>
    <t>海外歌劇場オーケストラの本格公演を実施。</t>
  </si>
  <si>
    <t>ウクライナ国立オデーサ歌劇場オーケストラ日本公演実行委員（中核団体：ライジング・サン・オペラファウンデーション）</t>
    <phoneticPr fontId="2"/>
  </si>
  <si>
    <t>在日ウクライナ大使館、神奈川県</t>
    <rPh sb="0" eb="2">
      <t>ザイニチ</t>
    </rPh>
    <rPh sb="7" eb="10">
      <t>タイシカン</t>
    </rPh>
    <rPh sb="11" eb="15">
      <t>カナガワケン</t>
    </rPh>
    <phoneticPr fontId="2"/>
  </si>
  <si>
    <t>ＮＤＴ（ネザーランド・ダンス・シアター）プレミアム・ジャパン・ツアー2024 神奈川公演</t>
    <rPh sb="39" eb="42">
      <t>かながわ</t>
    </rPh>
    <rPh sb="42" eb="44">
      <t>こうえん</t>
    </rPh>
    <phoneticPr fontId="0" type="Hiragana"/>
  </si>
  <si>
    <t>海外一流のダンスカンパニーの本格引越し公演を実施。</t>
    <rPh sb="2" eb="4">
      <t>いちりゅう</t>
    </rPh>
    <phoneticPr fontId="0" type="Hiragana"/>
  </si>
  <si>
    <t>Dance Base Yokohama［一般財団法人セガサミー文化芸術財団］</t>
  </si>
  <si>
    <t>愛知県芸術劇場、オランダ王国大使館</t>
  </si>
  <si>
    <t>松山バレエ団　クリスマス公演「くるみ割り人形」</t>
  </si>
  <si>
    <t>初演から30年以上の時を経て今なお進化しつづける、松山バレエ団の代表作「くるみ割り人形」全幕。</t>
  </si>
  <si>
    <t xml:space="preserve">公益財団法人　松山バレエ団
</t>
  </si>
  <si>
    <t>ありがとう神奈川県民ホール
松山バレエ団　新「白鳥の湖」</t>
    <rPh sb="21" eb="22">
      <t>シン</t>
    </rPh>
    <rPh sb="23" eb="25">
      <t>ハクチョウ</t>
    </rPh>
    <rPh sb="26" eb="27">
      <t>ミズウミ</t>
    </rPh>
    <phoneticPr fontId="2"/>
  </si>
  <si>
    <t>神奈川県民ホール休館に際して県民におくる名作バレエの記念公演</t>
    <rPh sb="0" eb="5">
      <t>カナガワケンミン</t>
    </rPh>
    <rPh sb="8" eb="10">
      <t>キュウカン</t>
    </rPh>
    <rPh sb="11" eb="12">
      <t>サイ</t>
    </rPh>
    <rPh sb="14" eb="16">
      <t>ケンミン</t>
    </rPh>
    <rPh sb="20" eb="22">
      <t>メイサク</t>
    </rPh>
    <rPh sb="26" eb="28">
      <t>キネン</t>
    </rPh>
    <rPh sb="28" eb="30">
      <t>コウエン</t>
    </rPh>
    <phoneticPr fontId="2"/>
  </si>
  <si>
    <t>(公社）日本バレエ協会 関東支部神奈川ブロック
第39回自主公演 Ballet Art Kanagawa 2025
「眠れる森の美女」全幕</t>
    <rPh sb="1" eb="3">
      <t>コウシャ</t>
    </rPh>
    <rPh sb="4" eb="6">
      <t>ニホン</t>
    </rPh>
    <rPh sb="9" eb="11">
      <t>キョウカイ</t>
    </rPh>
    <rPh sb="12" eb="14">
      <t>カントウ</t>
    </rPh>
    <rPh sb="14" eb="16">
      <t>シブ</t>
    </rPh>
    <rPh sb="16" eb="19">
      <t>カナガワ</t>
    </rPh>
    <rPh sb="24" eb="25">
      <t>ダイ</t>
    </rPh>
    <rPh sb="27" eb="28">
      <t>カイ</t>
    </rPh>
    <rPh sb="28" eb="30">
      <t>ジシュ</t>
    </rPh>
    <rPh sb="30" eb="32">
      <t>コウエン</t>
    </rPh>
    <rPh sb="59" eb="60">
      <t>ネム</t>
    </rPh>
    <rPh sb="62" eb="63">
      <t>モリ</t>
    </rPh>
    <rPh sb="64" eb="66">
      <t>ビジョ</t>
    </rPh>
    <rPh sb="67" eb="68">
      <t>ゼン</t>
    </rPh>
    <rPh sb="68" eb="69">
      <t>マク</t>
    </rPh>
    <phoneticPr fontId="2"/>
  </si>
  <si>
    <t>神奈川県内を拠点に活動を続けるバレエ団体の名作バレエ上演</t>
    <rPh sb="0" eb="3">
      <t>カナガワ</t>
    </rPh>
    <rPh sb="3" eb="5">
      <t>ケンナイ</t>
    </rPh>
    <rPh sb="6" eb="8">
      <t>キョテン</t>
    </rPh>
    <rPh sb="9" eb="11">
      <t>カツドウ</t>
    </rPh>
    <rPh sb="12" eb="13">
      <t>ツヅ</t>
    </rPh>
    <rPh sb="18" eb="20">
      <t>ダンタイ</t>
    </rPh>
    <rPh sb="21" eb="23">
      <t>メイサク</t>
    </rPh>
    <rPh sb="26" eb="28">
      <t>ジョウエン</t>
    </rPh>
    <phoneticPr fontId="2"/>
  </si>
  <si>
    <t>公益社団法人日本バレエ協会関東支部神奈川ブロック</t>
    <rPh sb="0" eb="2">
      <t>コウエキ</t>
    </rPh>
    <rPh sb="2" eb="4">
      <t>シャダン</t>
    </rPh>
    <rPh sb="4" eb="6">
      <t>ホウジン</t>
    </rPh>
    <rPh sb="6" eb="8">
      <t>ニホン</t>
    </rPh>
    <rPh sb="11" eb="13">
      <t>キョウカイ</t>
    </rPh>
    <rPh sb="13" eb="15">
      <t>カントウ</t>
    </rPh>
    <rPh sb="15" eb="17">
      <t>シブ</t>
    </rPh>
    <rPh sb="17" eb="20">
      <t>カナガワ</t>
    </rPh>
    <phoneticPr fontId="2"/>
  </si>
  <si>
    <t>神奈川県／神奈川県教育委員会／横浜市／横浜市教育委員会／（公財）横浜市芸術文化振興財団
神奈川新聞社／TVK(テレビ神奈川)／（公社）日本バレエ協会</t>
  </si>
  <si>
    <t>Ferris Concert Vol.75　フェリス・音楽の花束
横浜に響く音色</t>
    <rPh sb="27" eb="29">
      <t>オンガク</t>
    </rPh>
    <rPh sb="30" eb="32">
      <t>ハナタバ</t>
    </rPh>
    <rPh sb="33" eb="35">
      <t>ヨコハマ</t>
    </rPh>
    <rPh sb="36" eb="37">
      <t>ヒビ</t>
    </rPh>
    <rPh sb="38" eb="40">
      <t>ネイロ</t>
    </rPh>
    <phoneticPr fontId="2"/>
  </si>
  <si>
    <t>横浜を拠点とする大学の音楽学部による公演</t>
    <rPh sb="0" eb="2">
      <t>ヨコハマ</t>
    </rPh>
    <rPh sb="3" eb="5">
      <t>キョテン</t>
    </rPh>
    <rPh sb="8" eb="10">
      <t>ダイガク</t>
    </rPh>
    <rPh sb="11" eb="13">
      <t>オンガク</t>
    </rPh>
    <rPh sb="13" eb="15">
      <t>ガクブ</t>
    </rPh>
    <rPh sb="18" eb="20">
      <t>コウエン</t>
    </rPh>
    <phoneticPr fontId="2"/>
  </si>
  <si>
    <t>フェリス女学院大学演奏会室</t>
    <rPh sb="4" eb="7">
      <t>ジョガクイン</t>
    </rPh>
    <rPh sb="7" eb="9">
      <t>ダイガク</t>
    </rPh>
    <rPh sb="9" eb="12">
      <t>エンソウカイ</t>
    </rPh>
    <rPh sb="12" eb="13">
      <t>シツ</t>
    </rPh>
    <phoneticPr fontId="2"/>
  </si>
  <si>
    <t>オープンシアター2024「くるみ割り人形」</t>
    <phoneticPr fontId="0" type="Hiragana"/>
  </si>
  <si>
    <t>劇場を街に開き、音楽、美術、舞台に出会えるオープンシアター。バレエダンサーによる家族向けのリラックス・パフォーマンス公演</t>
    <phoneticPr fontId="0" type="Hiragana"/>
  </si>
  <si>
    <t>公益財団法人スターダンサーズ・バレエ団</t>
  </si>
  <si>
    <t>横浜シティオペラ歌曲コンサートシリーズ'24</t>
    <phoneticPr fontId="0" type="Hiragana"/>
  </si>
  <si>
    <t>横浜シティオペラのメンバーが歌い継ぎ、残していきたい日本の歌曲を届ける。</t>
    <phoneticPr fontId="0" type="Hiragana"/>
  </si>
  <si>
    <t>NPO法人横浜シティオペラ</t>
  </si>
  <si>
    <t>第40回芸術舞踊展　モダン＆バレエ2024</t>
    <phoneticPr fontId="0" type="Hiragana"/>
  </si>
  <si>
    <t>モダンとバレエそれぞれの振付家の作品による公演。</t>
    <phoneticPr fontId="0" type="Hiragana"/>
  </si>
  <si>
    <t xml:space="preserve">公益社団法人神奈川県芸術舞踊協会
</t>
  </si>
  <si>
    <t>細川久恵オルガンリサイタル2025
沈黙の光</t>
  </si>
  <si>
    <t>「細川久恵オルガンリサイタル」はオルガン音楽と、美術をはじめ様々なジャンルとともに新たな“響きの空間”を創り出す</t>
  </si>
  <si>
    <t>新オルガンプロジェクト光・風・音　</t>
  </si>
  <si>
    <t>公益財団法人横浜市芸術文化振興財団
よこはま市民メセナ協会</t>
  </si>
  <si>
    <t>第59回神奈川県美術展
併催展
中高生特別企画展</t>
    <rPh sb="12" eb="14">
      <t>へいさい</t>
    </rPh>
    <rPh sb="14" eb="15">
      <t>てん</t>
    </rPh>
    <rPh sb="16" eb="19">
      <t>ちゅうこうせい</t>
    </rPh>
    <rPh sb="19" eb="21">
      <t>とくべつ</t>
    </rPh>
    <rPh sb="21" eb="24">
      <t>きかくてん</t>
    </rPh>
    <phoneticPr fontId="0" type="Hiragana"/>
  </si>
  <si>
    <t>神奈川県民ホールギャラリーにおいて伝統的に行われている全国的に著名な現代美術公募展</t>
  </si>
  <si>
    <t>神奈川県美術展委員会</t>
    <rPh sb="0" eb="4">
      <t>かながわけん</t>
    </rPh>
    <rPh sb="4" eb="6">
      <t>びじゅつ</t>
    </rPh>
    <rPh sb="6" eb="7">
      <t>てん</t>
    </rPh>
    <rPh sb="7" eb="10">
      <t>いいんかい</t>
    </rPh>
    <phoneticPr fontId="0" type="Hiragana"/>
  </si>
  <si>
    <t>第59回神奈川県美術展　巡回展</t>
    <phoneticPr fontId="0" type="Hiragana"/>
  </si>
  <si>
    <t>神奈川県民ホールから、県内の劇場を巡回する展示会。</t>
    <phoneticPr fontId="0" type="Hiragana"/>
  </si>
  <si>
    <t>公益財団法人鎌倉市芸術文化振興財団</t>
    <phoneticPr fontId="0" type="Hiragana"/>
  </si>
  <si>
    <t>第62回日本現代工芸美術展 共催展
横浜近郊美術大学卒業制作選抜展
現代工芸美術家協会 関東在住作家
陶磁・革小作品展
第7回 神奈川工芸美術展</t>
    <rPh sb="0" eb="1">
      <t>だい</t>
    </rPh>
    <rPh sb="3" eb="4">
      <t>かい</t>
    </rPh>
    <rPh sb="4" eb="6">
      <t>にほん</t>
    </rPh>
    <rPh sb="6" eb="8">
      <t>げんだい</t>
    </rPh>
    <rPh sb="8" eb="10">
      <t>こうげい</t>
    </rPh>
    <rPh sb="10" eb="12">
      <t>びじゅつ</t>
    </rPh>
    <rPh sb="12" eb="13">
      <t>てん</t>
    </rPh>
    <rPh sb="14" eb="16">
      <t>きょうさい</t>
    </rPh>
    <rPh sb="16" eb="17">
      <t>てん</t>
    </rPh>
    <rPh sb="18" eb="20">
      <t>よこはま</t>
    </rPh>
    <rPh sb="20" eb="22">
      <t>きんこう</t>
    </rPh>
    <rPh sb="22" eb="24">
      <t>びじゅつ</t>
    </rPh>
    <rPh sb="24" eb="26">
      <t>だいがく</t>
    </rPh>
    <rPh sb="26" eb="28">
      <t>そつぎょう</t>
    </rPh>
    <rPh sb="28" eb="30">
      <t>せいさく</t>
    </rPh>
    <rPh sb="30" eb="32">
      <t>せんばつ</t>
    </rPh>
    <rPh sb="32" eb="33">
      <t>てん</t>
    </rPh>
    <rPh sb="34" eb="36">
      <t>げんだい</t>
    </rPh>
    <rPh sb="36" eb="38">
      <t>こうげい</t>
    </rPh>
    <rPh sb="38" eb="40">
      <t>びじゅつ</t>
    </rPh>
    <rPh sb="40" eb="41">
      <t>か</t>
    </rPh>
    <rPh sb="41" eb="43">
      <t>きょうかい</t>
    </rPh>
    <rPh sb="44" eb="46">
      <t>かんとう</t>
    </rPh>
    <rPh sb="46" eb="48">
      <t>ざいじゅう</t>
    </rPh>
    <rPh sb="48" eb="50">
      <t>さっか</t>
    </rPh>
    <rPh sb="51" eb="53">
      <t>とうじ</t>
    </rPh>
    <rPh sb="54" eb="55">
      <t>かわ</t>
    </rPh>
    <rPh sb="55" eb="58">
      <t>しょうさくひん</t>
    </rPh>
    <rPh sb="58" eb="59">
      <t>てん</t>
    </rPh>
    <rPh sb="60" eb="61">
      <t>だい</t>
    </rPh>
    <rPh sb="62" eb="63">
      <t>かい</t>
    </rPh>
    <rPh sb="64" eb="67">
      <t>かながわ</t>
    </rPh>
    <rPh sb="67" eb="69">
      <t>こうげい</t>
    </rPh>
    <rPh sb="69" eb="71">
      <t>びじゅつ</t>
    </rPh>
    <rPh sb="71" eb="72">
      <t>てん</t>
    </rPh>
    <phoneticPr fontId="0" type="Hiragana"/>
  </si>
  <si>
    <t>神奈川県民ホールギャラリーにおいて伝統的に行われている全国的に著名な現代工芸公募展</t>
    <rPh sb="0" eb="5">
      <t>かながわけんみん</t>
    </rPh>
    <rPh sb="17" eb="19">
      <t>でんとう</t>
    </rPh>
    <rPh sb="19" eb="20">
      <t>てき</t>
    </rPh>
    <rPh sb="21" eb="22">
      <t>おこな</t>
    </rPh>
    <rPh sb="27" eb="30">
      <t>ぜんこくてき</t>
    </rPh>
    <rPh sb="31" eb="33">
      <t>ちょめい</t>
    </rPh>
    <rPh sb="34" eb="36">
      <t>げんだい</t>
    </rPh>
    <rPh sb="36" eb="38">
      <t>こうげい</t>
    </rPh>
    <rPh sb="38" eb="40">
      <t>こうぼ</t>
    </rPh>
    <rPh sb="40" eb="41">
      <t>てん</t>
    </rPh>
    <phoneticPr fontId="0" type="Hiragana"/>
  </si>
  <si>
    <t>一般社団法人現代工芸美術家協会、現代工芸美術家協会＝神奈川・静岡会</t>
    <rPh sb="0" eb="2">
      <t>いっぱん</t>
    </rPh>
    <rPh sb="2" eb="4">
      <t>しゃだん</t>
    </rPh>
    <rPh sb="4" eb="6">
      <t>ほうじん</t>
    </rPh>
    <rPh sb="6" eb="8">
      <t>げんだい</t>
    </rPh>
    <rPh sb="8" eb="10">
      <t>こうげい</t>
    </rPh>
    <rPh sb="10" eb="12">
      <t>びじゅつ</t>
    </rPh>
    <rPh sb="12" eb="13">
      <t>か</t>
    </rPh>
    <rPh sb="13" eb="15">
      <t>きょうかい</t>
    </rPh>
    <rPh sb="16" eb="18">
      <t>げんだい</t>
    </rPh>
    <rPh sb="18" eb="20">
      <t>こうげい</t>
    </rPh>
    <rPh sb="20" eb="22">
      <t>びじゅつ</t>
    </rPh>
    <rPh sb="22" eb="23">
      <t>か</t>
    </rPh>
    <rPh sb="23" eb="25">
      <t>きょうかい</t>
    </rPh>
    <rPh sb="26" eb="29">
      <t>かながわ</t>
    </rPh>
    <rPh sb="30" eb="32">
      <t>しずおか</t>
    </rPh>
    <rPh sb="32" eb="33">
      <t>かい</t>
    </rPh>
    <phoneticPr fontId="0" type="Hiragana"/>
  </si>
  <si>
    <t>ありがとう神奈川県民ホール
ＭＥＴＡ2025</t>
  </si>
  <si>
    <t>神奈川県民ホールギャラリーを活用した現代作家によるグループ展</t>
    <rPh sb="0" eb="5">
      <t>カナガワケンミン</t>
    </rPh>
    <rPh sb="14" eb="16">
      <t>カツヨウ</t>
    </rPh>
    <rPh sb="18" eb="20">
      <t>ゲンダイ</t>
    </rPh>
    <rPh sb="20" eb="22">
      <t>サッカ</t>
    </rPh>
    <rPh sb="29" eb="30">
      <t>テン</t>
    </rPh>
    <phoneticPr fontId="2"/>
  </si>
  <si>
    <t>META実行委員会</t>
  </si>
  <si>
    <t>劇場マネージメント講座</t>
    <rPh sb="0" eb="2">
      <t>げきじょう</t>
    </rPh>
    <rPh sb="9" eb="11">
      <t>こうざ</t>
    </rPh>
    <phoneticPr fontId="0" type="Hiragana"/>
  </si>
  <si>
    <t>神奈川県民ホールが幹事館を務める全国公立文化施設協議会との共催による年間複数回の公立文化施設運営者のための専門的講座などの人材育成事業</t>
    <rPh sb="0" eb="5">
      <t>かながわけんみん</t>
    </rPh>
    <rPh sb="9" eb="11">
      <t>かんじ</t>
    </rPh>
    <rPh sb="11" eb="12">
      <t>かん</t>
    </rPh>
    <rPh sb="13" eb="14">
      <t>つと</t>
    </rPh>
    <rPh sb="16" eb="18">
      <t>ぜんこく</t>
    </rPh>
    <rPh sb="18" eb="20">
      <t>こうりつ</t>
    </rPh>
    <rPh sb="20" eb="22">
      <t>ぶんか</t>
    </rPh>
    <rPh sb="22" eb="24">
      <t>しせつ</t>
    </rPh>
    <rPh sb="24" eb="27">
      <t>きょうぎかい</t>
    </rPh>
    <rPh sb="29" eb="31">
      <t>きょうさい</t>
    </rPh>
    <rPh sb="34" eb="36">
      <t>ねんかん</t>
    </rPh>
    <rPh sb="36" eb="39">
      <t>ふくすうかい</t>
    </rPh>
    <rPh sb="40" eb="42">
      <t>こうりつ</t>
    </rPh>
    <rPh sb="42" eb="44">
      <t>ぶんか</t>
    </rPh>
    <rPh sb="44" eb="46">
      <t>しせつ</t>
    </rPh>
    <rPh sb="46" eb="48">
      <t>うんえい</t>
    </rPh>
    <rPh sb="48" eb="49">
      <t>しゃ</t>
    </rPh>
    <rPh sb="53" eb="56">
      <t>せんもんてき</t>
    </rPh>
    <rPh sb="56" eb="58">
      <t>こうざ</t>
    </rPh>
    <rPh sb="61" eb="63">
      <t>じんざい</t>
    </rPh>
    <rPh sb="63" eb="65">
      <t>いくせい</t>
    </rPh>
    <rPh sb="65" eb="67">
      <t>じぎょう</t>
    </rPh>
    <phoneticPr fontId="0" type="Hiragana"/>
  </si>
  <si>
    <t>神奈川県公立文化施設協議会</t>
    <rPh sb="0" eb="4">
      <t>かながわけん</t>
    </rPh>
    <rPh sb="4" eb="6">
      <t>こうりつ</t>
    </rPh>
    <rPh sb="6" eb="8">
      <t>ぶんか</t>
    </rPh>
    <rPh sb="8" eb="10">
      <t>しせつ</t>
    </rPh>
    <rPh sb="10" eb="13">
      <t>きょうぎかい</t>
    </rPh>
    <phoneticPr fontId="0" type="Hiragana"/>
  </si>
  <si>
    <t>県立音楽堂の主な主催公演での手作り菓子・パン販売</t>
    <rPh sb="0" eb="2">
      <t>けんりつ</t>
    </rPh>
    <rPh sb="2" eb="5">
      <t>おんがくどう</t>
    </rPh>
    <rPh sb="6" eb="7">
      <t>おも</t>
    </rPh>
    <rPh sb="8" eb="10">
      <t>しゅさい</t>
    </rPh>
    <rPh sb="10" eb="12">
      <t>こうえん</t>
    </rPh>
    <rPh sb="14" eb="16">
      <t>てづく</t>
    </rPh>
    <rPh sb="17" eb="19">
      <t>かし</t>
    </rPh>
    <rPh sb="22" eb="24">
      <t>はんばい</t>
    </rPh>
    <phoneticPr fontId="0" type="Hiragana"/>
  </si>
  <si>
    <t>神奈川県内の福祉作業所スタッフによる手作りの焼き菓子やパンを、県立音楽堂の主な主催事業の際ホワイエで来場者サービスの一環として販売する。福祉作業所の選定あっせんは神奈川セルプセンターが行う。</t>
    <rPh sb="0" eb="3">
      <t>かながわ</t>
    </rPh>
    <rPh sb="3" eb="5">
      <t>けんない</t>
    </rPh>
    <rPh sb="6" eb="8">
      <t>ふくし</t>
    </rPh>
    <rPh sb="8" eb="10">
      <t>さぎょう</t>
    </rPh>
    <rPh sb="10" eb="11">
      <t>しょ</t>
    </rPh>
    <rPh sb="18" eb="20">
      <t>てづく</t>
    </rPh>
    <rPh sb="22" eb="23">
      <t>や</t>
    </rPh>
    <rPh sb="24" eb="26">
      <t>がし</t>
    </rPh>
    <rPh sb="31" eb="33">
      <t>けんりつ</t>
    </rPh>
    <rPh sb="33" eb="36">
      <t>おんがくどう</t>
    </rPh>
    <rPh sb="37" eb="38">
      <t>おも</t>
    </rPh>
    <rPh sb="39" eb="41">
      <t>しゅさい</t>
    </rPh>
    <rPh sb="41" eb="43">
      <t>じぎょう</t>
    </rPh>
    <rPh sb="44" eb="45">
      <t>さい</t>
    </rPh>
    <rPh sb="50" eb="53">
      <t>らいじょうしゃ</t>
    </rPh>
    <rPh sb="58" eb="60">
      <t>いっかん</t>
    </rPh>
    <rPh sb="63" eb="65">
      <t>はんばい</t>
    </rPh>
    <rPh sb="68" eb="70">
      <t>ふくし</t>
    </rPh>
    <rPh sb="70" eb="72">
      <t>さぎょう</t>
    </rPh>
    <rPh sb="72" eb="73">
      <t>しょ</t>
    </rPh>
    <rPh sb="74" eb="76">
      <t>せんてい</t>
    </rPh>
    <rPh sb="81" eb="84">
      <t>かながわ</t>
    </rPh>
    <rPh sb="92" eb="93">
      <t>おこな</t>
    </rPh>
    <phoneticPr fontId="0" type="Hiragana"/>
  </si>
  <si>
    <t>特定非営利活動法人神奈川セルプセンター、神奈川県内の福祉作業所</t>
    <rPh sb="0" eb="2">
      <t>トクテイ</t>
    </rPh>
    <rPh sb="2" eb="5">
      <t>ヒエイリ</t>
    </rPh>
    <rPh sb="5" eb="7">
      <t>カツドウ</t>
    </rPh>
    <rPh sb="7" eb="9">
      <t>ホウジン</t>
    </rPh>
    <rPh sb="9" eb="12">
      <t>カナガワ</t>
    </rPh>
    <rPh sb="20" eb="23">
      <t>カナガワ</t>
    </rPh>
    <rPh sb="23" eb="25">
      <t>ケンナイ</t>
    </rPh>
    <rPh sb="26" eb="28">
      <t>フクシ</t>
    </rPh>
    <rPh sb="28" eb="30">
      <t>サギョウ</t>
    </rPh>
    <rPh sb="30" eb="31">
      <t>ショ</t>
    </rPh>
    <phoneticPr fontId="2"/>
  </si>
  <si>
    <t>横浜・紅葉ケ丘まいらん アートな初詣（紅葉ケ丘公立文化施設５館連携事業）</t>
    <rPh sb="0" eb="2">
      <t>よこはま</t>
    </rPh>
    <rPh sb="3" eb="5">
      <t>もみじ</t>
    </rPh>
    <rPh sb="6" eb="7">
      <t>おか</t>
    </rPh>
    <rPh sb="16" eb="18">
      <t>はつもうで</t>
    </rPh>
    <rPh sb="19" eb="21">
      <t>もみじ</t>
    </rPh>
    <rPh sb="22" eb="23">
      <t>おか</t>
    </rPh>
    <rPh sb="23" eb="25">
      <t>こうりつ</t>
    </rPh>
    <rPh sb="25" eb="27">
      <t>ぶんか</t>
    </rPh>
    <rPh sb="27" eb="29">
      <t>しせつ</t>
    </rPh>
    <rPh sb="30" eb="31">
      <t>かん</t>
    </rPh>
    <rPh sb="31" eb="33">
      <t>れんけい</t>
    </rPh>
    <rPh sb="33" eb="35">
      <t>じぎょう</t>
    </rPh>
    <phoneticPr fontId="0" type="Hiragana"/>
  </si>
  <si>
    <t>紅葉ケ丘地域に設立された神奈川県立および横浜市立の公立文化施設による協働アクションでさんぽマップを発行。ＳＮＳ発信やスタンプラリー、グッズ配布、親子向けクイズイベント等を開催し、地域の魅力を発信する。</t>
    <rPh sb="0" eb="2">
      <t>もみじ</t>
    </rPh>
    <rPh sb="3" eb="4">
      <t>おか</t>
    </rPh>
    <rPh sb="4" eb="6">
      <t>ちいき</t>
    </rPh>
    <rPh sb="7" eb="9">
      <t>せつりつ</t>
    </rPh>
    <rPh sb="12" eb="16">
      <t>かながわけん</t>
    </rPh>
    <rPh sb="16" eb="17">
      <t>りつ</t>
    </rPh>
    <rPh sb="20" eb="24">
      <t>よこはましりつ</t>
    </rPh>
    <rPh sb="25" eb="27">
      <t>こうりつ</t>
    </rPh>
    <rPh sb="27" eb="29">
      <t>ぶんか</t>
    </rPh>
    <rPh sb="29" eb="31">
      <t>しせつ</t>
    </rPh>
    <rPh sb="34" eb="36">
      <t>きょうどう</t>
    </rPh>
    <rPh sb="49" eb="51">
      <t>はっこう</t>
    </rPh>
    <rPh sb="55" eb="57">
      <t>はっしん</t>
    </rPh>
    <rPh sb="69" eb="71">
      <t>はいふ</t>
    </rPh>
    <rPh sb="72" eb="74">
      <t>おやこ</t>
    </rPh>
    <rPh sb="74" eb="75">
      <t>む</t>
    </rPh>
    <rPh sb="83" eb="84">
      <t>とう</t>
    </rPh>
    <rPh sb="85" eb="87">
      <t>かいさい</t>
    </rPh>
    <rPh sb="89" eb="91">
      <t>ちいき</t>
    </rPh>
    <rPh sb="92" eb="94">
      <t>みりょく</t>
    </rPh>
    <rPh sb="95" eb="97">
      <t>はっしん</t>
    </rPh>
    <phoneticPr fontId="0" type="Hiragana"/>
  </si>
  <si>
    <t>公益財団法人横浜市芸術文化財団</t>
    <rPh sb="0" eb="2">
      <t>コウエキ</t>
    </rPh>
    <rPh sb="2" eb="4">
      <t>ザイダン</t>
    </rPh>
    <rPh sb="4" eb="6">
      <t>ホウジン</t>
    </rPh>
    <rPh sb="6" eb="9">
      <t>ヨコハマシ</t>
    </rPh>
    <rPh sb="9" eb="11">
      <t>ゲイジュツ</t>
    </rPh>
    <rPh sb="11" eb="13">
      <t>ブンカ</t>
    </rPh>
    <rPh sb="13" eb="15">
      <t>ザイダン</t>
    </rPh>
    <phoneticPr fontId="2"/>
  </si>
  <si>
    <t>伊勢山皇大神宮</t>
    <rPh sb="0" eb="3">
      <t>イセヤマ</t>
    </rPh>
    <rPh sb="3" eb="7">
      <t>コウタイジングウ</t>
    </rPh>
    <phoneticPr fontId="2"/>
  </si>
  <si>
    <t>第63回「音楽堂・おかあさんコーラス」</t>
    <phoneticPr fontId="0" type="Hiragana"/>
  </si>
  <si>
    <t>県内の女性コーラス団体による演奏会。</t>
    <phoneticPr fontId="0" type="Hiragana"/>
  </si>
  <si>
    <t>「音楽堂・おかあさんコーラス」実行委員会</t>
  </si>
  <si>
    <t>前川建築見学ツアー in 音楽堂</t>
  </si>
  <si>
    <t>ボランティアグループ bridge</t>
  </si>
  <si>
    <t>文化課（財団）</t>
    <phoneticPr fontId="2"/>
  </si>
  <si>
    <t>音楽堂アウトリーチ「先生のためのアウトリーチ」</t>
    <rPh sb="0" eb="3">
      <t>オンガクドウ</t>
    </rPh>
    <rPh sb="10" eb="12">
      <t>センセイ</t>
    </rPh>
    <phoneticPr fontId="2"/>
  </si>
  <si>
    <t>県内各地の小中学校教員や教育関係者の研究会対象に、音楽堂が音楽家などの専門講師を派遣し、音楽を楽しむ体験などのヒントとなるワークショップや研究会などを開催、また教育者のヒントとなる映像プログラムを制作する。</t>
    <rPh sb="0" eb="2">
      <t>ケンナイ</t>
    </rPh>
    <rPh sb="2" eb="4">
      <t>カクチ</t>
    </rPh>
    <rPh sb="5" eb="9">
      <t>ショウチュウガッコウ</t>
    </rPh>
    <rPh sb="9" eb="11">
      <t>キョウイン</t>
    </rPh>
    <rPh sb="12" eb="14">
      <t>キョウイク</t>
    </rPh>
    <rPh sb="14" eb="17">
      <t>カンケイシャ</t>
    </rPh>
    <rPh sb="18" eb="21">
      <t>ケンキュウカイ</t>
    </rPh>
    <rPh sb="21" eb="23">
      <t>タイショウ</t>
    </rPh>
    <rPh sb="25" eb="28">
      <t>オンガクドウ</t>
    </rPh>
    <rPh sb="29" eb="32">
      <t>オンガクカ</t>
    </rPh>
    <rPh sb="35" eb="37">
      <t>センモン</t>
    </rPh>
    <rPh sb="37" eb="39">
      <t>コウシ</t>
    </rPh>
    <rPh sb="40" eb="42">
      <t>ハケン</t>
    </rPh>
    <rPh sb="44" eb="46">
      <t>オンガク</t>
    </rPh>
    <rPh sb="47" eb="48">
      <t>タノ</t>
    </rPh>
    <rPh sb="50" eb="52">
      <t>タイケン</t>
    </rPh>
    <rPh sb="69" eb="72">
      <t>ケンキュウカイ</t>
    </rPh>
    <rPh sb="75" eb="77">
      <t>カイサイ</t>
    </rPh>
    <rPh sb="80" eb="82">
      <t>キョウイク</t>
    </rPh>
    <rPh sb="82" eb="83">
      <t>シャ</t>
    </rPh>
    <rPh sb="90" eb="92">
      <t>エイゾウ</t>
    </rPh>
    <rPh sb="98" eb="100">
      <t>セイサク</t>
    </rPh>
    <phoneticPr fontId="2"/>
  </si>
  <si>
    <t>鎌倉市学校教育研究会、足柄上郡中学校教育研究会教科部音楽科、小田原市・足柄下郡小学校、青山学院大学教育人間科学部教育学科</t>
    <rPh sb="0" eb="3">
      <t>カマクラシ</t>
    </rPh>
    <rPh sb="3" eb="5">
      <t>ガッコウ</t>
    </rPh>
    <rPh sb="5" eb="7">
      <t>キョウイク</t>
    </rPh>
    <rPh sb="7" eb="10">
      <t>ケンキュウカイ</t>
    </rPh>
    <rPh sb="11" eb="15">
      <t>アシガラカミグン</t>
    </rPh>
    <rPh sb="15" eb="18">
      <t>チュウガッコウ</t>
    </rPh>
    <rPh sb="18" eb="20">
      <t>キョウイク</t>
    </rPh>
    <rPh sb="20" eb="23">
      <t>ケンキュウカイ</t>
    </rPh>
    <rPh sb="23" eb="25">
      <t>キョウカ</t>
    </rPh>
    <rPh sb="25" eb="26">
      <t>ブ</t>
    </rPh>
    <rPh sb="26" eb="29">
      <t>オンガクカ</t>
    </rPh>
    <rPh sb="30" eb="34">
      <t>オダワラシ</t>
    </rPh>
    <rPh sb="35" eb="37">
      <t>アシガラ</t>
    </rPh>
    <rPh sb="37" eb="39">
      <t>シモグン</t>
    </rPh>
    <rPh sb="39" eb="42">
      <t>ショウガッコウ</t>
    </rPh>
    <rPh sb="43" eb="45">
      <t>アオヤマ</t>
    </rPh>
    <rPh sb="45" eb="47">
      <t>ガクイン</t>
    </rPh>
    <rPh sb="47" eb="49">
      <t>ダイガク</t>
    </rPh>
    <rPh sb="49" eb="51">
      <t>キョウイク</t>
    </rPh>
    <rPh sb="51" eb="53">
      <t>ニンゲン</t>
    </rPh>
    <rPh sb="53" eb="55">
      <t>カガク</t>
    </rPh>
    <rPh sb="55" eb="56">
      <t>ブ</t>
    </rPh>
    <rPh sb="56" eb="58">
      <t>キョウイク</t>
    </rPh>
    <rPh sb="58" eb="60">
      <t>ガッカ</t>
    </rPh>
    <phoneticPr fontId="2"/>
  </si>
  <si>
    <t>開館70周年記念週間　音楽堂建築見学会</t>
    <rPh sb="0" eb="2">
      <t>カイカン</t>
    </rPh>
    <rPh sb="4" eb="6">
      <t>シュウネン</t>
    </rPh>
    <rPh sb="6" eb="8">
      <t>キネン</t>
    </rPh>
    <rPh sb="8" eb="10">
      <t>シュウカン</t>
    </rPh>
    <rPh sb="11" eb="14">
      <t>オンガクドウ</t>
    </rPh>
    <rPh sb="14" eb="16">
      <t>ケンチク</t>
    </rPh>
    <rPh sb="16" eb="19">
      <t>ケンガクカイ</t>
    </rPh>
    <phoneticPr fontId="2"/>
  </si>
  <si>
    <t>前川國男設計による戦後モダニズム建築の傑作として評価される神奈川県立音楽堂の魅力を、シンポジウムと館内自由見学によって伝える見学会</t>
    <rPh sb="49" eb="51">
      <t>かんない</t>
    </rPh>
    <rPh sb="51" eb="53">
      <t>じゆう</t>
    </rPh>
    <rPh sb="53" eb="55">
      <t>けんがく</t>
    </rPh>
    <rPh sb="59" eb="60">
      <t>つた</t>
    </rPh>
    <rPh sb="62" eb="64">
      <t>けんがく</t>
    </rPh>
    <rPh sb="64" eb="65">
      <t>かい</t>
    </rPh>
    <phoneticPr fontId="0" type="Hiragana"/>
  </si>
  <si>
    <t>開館70周年記念／子どものための音楽堂
せかいはともだち！</t>
    <rPh sb="0" eb="2">
      <t>カイカン</t>
    </rPh>
    <rPh sb="4" eb="6">
      <t>シュウネン</t>
    </rPh>
    <rPh sb="6" eb="8">
      <t>キネン</t>
    </rPh>
    <rPh sb="9" eb="10">
      <t>コ</t>
    </rPh>
    <rPh sb="16" eb="19">
      <t>オンガクドウ</t>
    </rPh>
    <phoneticPr fontId="2"/>
  </si>
  <si>
    <t>多文化共生をテーマに、地域の親子連れに音楽堂を開き、神奈川在住やゆかりの方々による踊りや世界の多様な文化につながる音楽、絵本などを楽しむワインデイイベント。多言語アナウンスや通訳を行う多言語サポーターを配置。</t>
    <rPh sb="0" eb="3">
      <t>たぶんか</t>
    </rPh>
    <rPh sb="3" eb="5">
      <t>きょうせい</t>
    </rPh>
    <rPh sb="11" eb="13">
      <t>ちいき</t>
    </rPh>
    <rPh sb="14" eb="16">
      <t>おやこ</t>
    </rPh>
    <rPh sb="16" eb="17">
      <t>づ</t>
    </rPh>
    <rPh sb="19" eb="22">
      <t>おんがくどう</t>
    </rPh>
    <rPh sb="23" eb="24">
      <t>ひら</t>
    </rPh>
    <rPh sb="26" eb="29">
      <t>かながわ</t>
    </rPh>
    <rPh sb="29" eb="31">
      <t>ざいじゅう</t>
    </rPh>
    <rPh sb="36" eb="38">
      <t>かたがた</t>
    </rPh>
    <rPh sb="41" eb="42">
      <t>おど</t>
    </rPh>
    <rPh sb="44" eb="46">
      <t>せかい</t>
    </rPh>
    <rPh sb="47" eb="49">
      <t>たよう</t>
    </rPh>
    <rPh sb="50" eb="52">
      <t>ぶんか</t>
    </rPh>
    <rPh sb="57" eb="59">
      <t>おんがく</t>
    </rPh>
    <rPh sb="60" eb="62">
      <t>えほん</t>
    </rPh>
    <rPh sb="65" eb="66">
      <t>たの</t>
    </rPh>
    <rPh sb="78" eb="81">
      <t>たげんご</t>
    </rPh>
    <rPh sb="87" eb="89">
      <t>つうやく</t>
    </rPh>
    <rPh sb="90" eb="91">
      <t>おこな</t>
    </rPh>
    <rPh sb="92" eb="95">
      <t>たげんご</t>
    </rPh>
    <rPh sb="101" eb="103">
      <t>はいち</t>
    </rPh>
    <phoneticPr fontId="0" type="Hiragana"/>
  </si>
  <si>
    <t>ＮＰＯ法人在日カンボジアコミュニティ、多文化まちづくり工房、公益財団法人横浜市国際交流協会、多言語サポーター（個人ボランティア）</t>
    <rPh sb="3" eb="5">
      <t>ホウジン</t>
    </rPh>
    <rPh sb="5" eb="7">
      <t>ザイニチ</t>
    </rPh>
    <rPh sb="19" eb="22">
      <t>タブンカ</t>
    </rPh>
    <rPh sb="27" eb="29">
      <t>コウボウ</t>
    </rPh>
    <rPh sb="30" eb="32">
      <t>コウエキ</t>
    </rPh>
    <rPh sb="32" eb="34">
      <t>ザイダン</t>
    </rPh>
    <rPh sb="34" eb="36">
      <t>ホウジン</t>
    </rPh>
    <rPh sb="36" eb="38">
      <t>ヨコハマ</t>
    </rPh>
    <rPh sb="38" eb="39">
      <t>シ</t>
    </rPh>
    <rPh sb="39" eb="41">
      <t>コクサイ</t>
    </rPh>
    <rPh sb="41" eb="43">
      <t>コウリュウ</t>
    </rPh>
    <rPh sb="43" eb="45">
      <t>キョウカイ</t>
    </rPh>
    <rPh sb="46" eb="49">
      <t>タゲンゴ</t>
    </rPh>
    <rPh sb="55" eb="57">
      <t>コジン</t>
    </rPh>
    <phoneticPr fontId="2"/>
  </si>
  <si>
    <t>神奈川フィルハーモニー管弦楽団定期演奏会
音楽堂シリーズ「Classic Modern」</t>
    <rPh sb="21" eb="24">
      <t>オンガクドウ</t>
    </rPh>
    <phoneticPr fontId="2"/>
  </si>
  <si>
    <t>公益財団法人 神奈川フィルハーモニー管弦楽団</t>
    <phoneticPr fontId="0" type="Hiragana"/>
  </si>
  <si>
    <t>小中高校生のための公開リハーサル</t>
    <rPh sb="0" eb="3">
      <t>しょうちゅうこう</t>
    </rPh>
    <rPh sb="3" eb="4">
      <t>こう</t>
    </rPh>
    <rPh sb="4" eb="5">
      <t>せい</t>
    </rPh>
    <phoneticPr fontId="0" type="Hiragana"/>
  </si>
  <si>
    <t>神奈川フィルハーモニー管弦楽団演奏会のリハーサルを、小・中・高校生を対象に無料で公開。年数回実施。</t>
    <phoneticPr fontId="0" type="Hiragana"/>
  </si>
  <si>
    <t>オペラ『オルフェオ』を読み解くワークショップ～バロックオペラへの誘い～</t>
    <rPh sb="11" eb="12">
      <t>よ</t>
    </rPh>
    <rPh sb="13" eb="14">
      <t>と</t>
    </rPh>
    <rPh sb="32" eb="33">
      <t>さそ</t>
    </rPh>
    <phoneticPr fontId="0" type="Hiragana"/>
  </si>
  <si>
    <t>昭和音楽大学が学生だけでなく地域住民や進学希望者などを中心的対象に、古楽やバロックオペラへの理解を深める公開講座に、公益財団法人神奈川芸術文化財団が県立音楽堂主催事業のオペラの関連プログラムとして、音楽監督、演奏家を派遣し、講義を提供。</t>
    <rPh sb="0" eb="2">
      <t>しょうわ</t>
    </rPh>
    <rPh sb="2" eb="4">
      <t>おんがく</t>
    </rPh>
    <rPh sb="4" eb="6">
      <t>だいがく</t>
    </rPh>
    <rPh sb="7" eb="9">
      <t>がくせい</t>
    </rPh>
    <rPh sb="14" eb="16">
      <t>ちいき</t>
    </rPh>
    <rPh sb="16" eb="18">
      <t>じゅうみん</t>
    </rPh>
    <rPh sb="19" eb="21">
      <t>しんがく</t>
    </rPh>
    <rPh sb="21" eb="24">
      <t>きぼうしゃ</t>
    </rPh>
    <rPh sb="27" eb="29">
      <t>ちゅうしん</t>
    </rPh>
    <rPh sb="29" eb="30">
      <t>てき</t>
    </rPh>
    <rPh sb="30" eb="32">
      <t>たいしょう</t>
    </rPh>
    <rPh sb="34" eb="36">
      <t>こがく</t>
    </rPh>
    <rPh sb="46" eb="48">
      <t>りかい</t>
    </rPh>
    <rPh sb="49" eb="50">
      <t>ふか</t>
    </rPh>
    <rPh sb="52" eb="54">
      <t>こうかい</t>
    </rPh>
    <rPh sb="54" eb="56">
      <t>こうざ</t>
    </rPh>
    <rPh sb="58" eb="60">
      <t>こうえき</t>
    </rPh>
    <rPh sb="60" eb="62">
      <t>ざいだん</t>
    </rPh>
    <rPh sb="62" eb="64">
      <t>ほうじん</t>
    </rPh>
    <rPh sb="64" eb="67">
      <t>かながわ</t>
    </rPh>
    <rPh sb="67" eb="69">
      <t>げいじゅつ</t>
    </rPh>
    <rPh sb="69" eb="71">
      <t>ぶんか</t>
    </rPh>
    <rPh sb="71" eb="73">
      <t>ざいだん</t>
    </rPh>
    <rPh sb="74" eb="76">
      <t>けんりつ</t>
    </rPh>
    <rPh sb="76" eb="79">
      <t>おんがくどう</t>
    </rPh>
    <rPh sb="79" eb="81">
      <t>しゅさい</t>
    </rPh>
    <rPh sb="81" eb="83">
      <t>じぎょう</t>
    </rPh>
    <rPh sb="88" eb="90">
      <t>かんれん</t>
    </rPh>
    <rPh sb="99" eb="101">
      <t>おんがく</t>
    </rPh>
    <rPh sb="101" eb="103">
      <t>かんとく</t>
    </rPh>
    <rPh sb="104" eb="106">
      <t>えんそう</t>
    </rPh>
    <rPh sb="106" eb="107">
      <t>か</t>
    </rPh>
    <rPh sb="108" eb="110">
      <t>はけん</t>
    </rPh>
    <rPh sb="112" eb="114">
      <t>こうぎ</t>
    </rPh>
    <rPh sb="115" eb="117">
      <t>ていきょう</t>
    </rPh>
    <phoneticPr fontId="0" type="Hiragana"/>
  </si>
  <si>
    <t>昭和音楽大学
　</t>
    <rPh sb="0" eb="2">
      <t>しょうわ</t>
    </rPh>
    <rPh sb="2" eb="4">
      <t>おんがく</t>
    </rPh>
    <rPh sb="4" eb="6">
      <t>だいがく</t>
    </rPh>
    <phoneticPr fontId="0" type="Hiragana"/>
  </si>
  <si>
    <t>相模原市芸術文化財団の主催事業として杜のホールはしもとで行う、古楽やバロックオペラへの理解を深めるワークショップに、公益財団法人神奈川芸術文化財団が県立音楽堂主催事業のオペラの関連プログラムとして、演出家、演奏家を派遣し、プログラムを提供。</t>
    <rPh sb="0" eb="4">
      <t>さがみはらし</t>
    </rPh>
    <rPh sb="4" eb="10">
      <t>げいじゅつぶんかざいだん</t>
    </rPh>
    <rPh sb="11" eb="13">
      <t>しゅさい</t>
    </rPh>
    <rPh sb="13" eb="15">
      <t>じぎょう</t>
    </rPh>
    <rPh sb="18" eb="19">
      <t>もり</t>
    </rPh>
    <rPh sb="28" eb="29">
      <t>おこな</t>
    </rPh>
    <rPh sb="31" eb="33">
      <t>こがく</t>
    </rPh>
    <rPh sb="43" eb="45">
      <t>りかい</t>
    </rPh>
    <rPh sb="46" eb="47">
      <t>ふか</t>
    </rPh>
    <rPh sb="58" eb="60">
      <t>こうえき</t>
    </rPh>
    <rPh sb="60" eb="62">
      <t>ざいだん</t>
    </rPh>
    <rPh sb="62" eb="64">
      <t>ほうじん</t>
    </rPh>
    <rPh sb="64" eb="67">
      <t>かながわ</t>
    </rPh>
    <rPh sb="67" eb="69">
      <t>げいじゅつ</t>
    </rPh>
    <rPh sb="69" eb="71">
      <t>ぶんか</t>
    </rPh>
    <rPh sb="71" eb="73">
      <t>ざいだん</t>
    </rPh>
    <rPh sb="74" eb="76">
      <t>けんりつ</t>
    </rPh>
    <rPh sb="76" eb="79">
      <t>おんがくどう</t>
    </rPh>
    <rPh sb="79" eb="81">
      <t>しゅさい</t>
    </rPh>
    <rPh sb="81" eb="83">
      <t>じぎょう</t>
    </rPh>
    <rPh sb="88" eb="90">
      <t>かんれん</t>
    </rPh>
    <rPh sb="99" eb="102">
      <t>えんしゅつか</t>
    </rPh>
    <rPh sb="103" eb="105">
      <t>えんそう</t>
    </rPh>
    <rPh sb="105" eb="106">
      <t>か</t>
    </rPh>
    <rPh sb="107" eb="109">
      <t>はけん</t>
    </rPh>
    <rPh sb="117" eb="119">
      <t>ていきょう</t>
    </rPh>
    <phoneticPr fontId="0" type="Hiragana"/>
  </si>
  <si>
    <t>公益財団法人相模原市民文化財団
　</t>
    <rPh sb="4" eb="6">
      <t>ほうじん</t>
    </rPh>
    <rPh sb="6" eb="9">
      <t>さがみはら</t>
    </rPh>
    <rPh sb="9" eb="11">
      <t>しみん</t>
    </rPh>
    <rPh sb="11" eb="13">
      <t>ぶんか</t>
    </rPh>
    <rPh sb="13" eb="15">
      <t>ざいだん</t>
    </rPh>
    <phoneticPr fontId="0" type="Hiragana"/>
  </si>
  <si>
    <t>第67回　神奈川県合唱祭</t>
    <phoneticPr fontId="0" type="Hiragana"/>
  </si>
  <si>
    <t>神奈川県合唱連盟に加盟する合唱団による演奏。</t>
    <phoneticPr fontId="0" type="Hiragana"/>
  </si>
  <si>
    <t xml:space="preserve">神奈川県合唱連盟
</t>
  </si>
  <si>
    <t>第67回神奈川県合唱コンクール</t>
    <phoneticPr fontId="0" type="Hiragana"/>
  </si>
  <si>
    <t>神奈川県合唱連盟に加盟する合唱団による演奏。</t>
  </si>
  <si>
    <t>第38回ヨコハマ・コンペティション</t>
    <phoneticPr fontId="0" type="Hiragana"/>
  </si>
  <si>
    <t xml:space="preserve">県内外の個人・団体・ジャンルを問わず、芸術舞踊の振興とレベルの向上を図ることを目的とする公演。
</t>
    <phoneticPr fontId="0" type="Hiragana"/>
  </si>
  <si>
    <t>公益社団法人神奈川県芸術舞踊協会</t>
  </si>
  <si>
    <t>第58回神奈川県名流三曲祭</t>
    <phoneticPr fontId="0" type="Hiragana"/>
  </si>
  <si>
    <t>音楽堂で続く三曲（箏（こと）、三味線（しゃみせん）尺八（しゃくはち））の演奏会。</t>
    <phoneticPr fontId="0" type="Hiragana"/>
  </si>
  <si>
    <t>神奈川県三曲会</t>
    <phoneticPr fontId="0" type="Hiragana"/>
  </si>
  <si>
    <t>第33回神奈川オペラフェスティバル</t>
    <phoneticPr fontId="0" type="Hiragana"/>
  </si>
  <si>
    <t>横浜市内・神奈川県内に住む演奏家・舞台芸術家・オーケストラが結集し、県民の間にオペラフェスティバルを定着させ、横浜市・神奈川県の芸術資質を全国にアピールしている。</t>
    <phoneticPr fontId="0" type="Hiragana"/>
  </si>
  <si>
    <t>神奈川オペラフェスティバル実行委員会（NPO法人 横浜シティオペラ）</t>
    <phoneticPr fontId="2"/>
  </si>
  <si>
    <t>文化課（財団）</t>
    <phoneticPr fontId="0" type="Hiragana"/>
  </si>
  <si>
    <t>第18回フレッシュ・コンサート</t>
    <phoneticPr fontId="0" type="Hiragana"/>
  </si>
  <si>
    <t>神奈川県ゆかりの若く才能ある音楽家を紹介する、神奈川フィルハーモニー管弦楽団による演奏会。</t>
    <phoneticPr fontId="0" type="Hiragana"/>
  </si>
  <si>
    <t>公益財団法人 神奈川フィルハーモニー管弦楽団</t>
  </si>
  <si>
    <t>神奈川県合唱連盟に加盟する合唱団を中心とした演奏。</t>
    <phoneticPr fontId="0" type="Hiragana"/>
  </si>
  <si>
    <t>第57回クリスマス音楽会「メサイア」全曲演奏会</t>
    <phoneticPr fontId="0" type="Hiragana"/>
  </si>
  <si>
    <t>50年以上続く音楽堂伝統の演奏会。県合唱連盟所属の合唱団所属の団員が公募により個人参加。県内の高等学校合唱部員が部活単位で参加。</t>
    <phoneticPr fontId="2"/>
  </si>
  <si>
    <t>MUSIC DAY 2024　IN KANAGAWA</t>
    <phoneticPr fontId="0" type="Hiragana"/>
  </si>
  <si>
    <t>加藤訓子プロデュースによる、韓国伝統音楽と現代音楽が邂逅する打楽器コンチェルトと、世紀のクセナキスイベントの２公演。</t>
    <phoneticPr fontId="0" type="Hiragana"/>
  </si>
  <si>
    <t>特定非営利活動法人芸術文化ワークス</t>
    <phoneticPr fontId="0" type="Hiragana"/>
  </si>
  <si>
    <t>横浜国際舞台芸術ミーティング2024</t>
    <phoneticPr fontId="0" type="Hiragana"/>
  </si>
  <si>
    <t>舞台芸術の関係者を中心に海外作品のショーケースやセミナー、会議等を行う。横浜市内の文化施設が協力して実施する。</t>
    <phoneticPr fontId="0" type="Hiragana"/>
  </si>
  <si>
    <t>横浜国際舞台芸術ミーティング実行委員会</t>
    <phoneticPr fontId="0" type="Hiragana"/>
  </si>
  <si>
    <t>TAK in KAAT（神奈川県演劇連盟プロデュース公演）</t>
    <phoneticPr fontId="2"/>
  </si>
  <si>
    <t>神奈川県の地で50年活動を続ける神奈川県演劇連盟が贈る、もう一つの演劇の形を提案する公演（提携公演）。</t>
    <phoneticPr fontId="0" type="Hiragana"/>
  </si>
  <si>
    <t>神奈川県演劇連盟</t>
  </si>
  <si>
    <t>横浜夢座25周年記念公演「富貴楼お倉-横濱から日本を動かした女-」</t>
    <phoneticPr fontId="0" type="Hiragana"/>
  </si>
  <si>
    <t>横浜で長年活動をつづける女優・五大路子による、横浜夢座25周年記念公演（提携公演）。</t>
    <phoneticPr fontId="0" type="Hiragana"/>
  </si>
  <si>
    <t>一般社団法人横浜夢座</t>
    <phoneticPr fontId="0" type="Hiragana"/>
  </si>
  <si>
    <t>Co.山田うん　2025　新作ダンス公演</t>
    <phoneticPr fontId="0" type="Hiragana"/>
  </si>
  <si>
    <t>山田うん振付による、新作ダンス公演（提携公演）。</t>
    <phoneticPr fontId="0" type="Hiragana"/>
  </si>
  <si>
    <t>一般社団法人 Co.山田うん</t>
    <phoneticPr fontId="0" type="Hiragana"/>
  </si>
  <si>
    <t>KAATフレンドシッププログラム「クラウンパレード2024　in　KANAGAWA　笑いで平和を」</t>
    <phoneticPr fontId="0" type="Hiragana"/>
  </si>
  <si>
    <t>KAAT神奈川芸術劇場アトリウムや周辺にて、クラウンやパフォーマーによるパフォーマンスやパレードを実施。</t>
    <phoneticPr fontId="0" type="Hiragana"/>
  </si>
  <si>
    <t>クラウンパレード実行委員会</t>
    <phoneticPr fontId="0" type="Hiragana"/>
  </si>
  <si>
    <t>KAAT神奈川芸術劇場プロデュース「ライカムで待っとく」</t>
    <phoneticPr fontId="0" type="Hiragana"/>
  </si>
  <si>
    <t>神奈川芸術劇場から、全国の劇場を巡回する演劇公演。</t>
    <phoneticPr fontId="0" type="Hiragana"/>
  </si>
  <si>
    <t>公益財団法人京都市音楽芸術文化振興財団</t>
    <phoneticPr fontId="0" type="Hiragana"/>
  </si>
  <si>
    <t>KAATキッズ・プログラム「ペック」from　スコットランド</t>
    <phoneticPr fontId="0" type="Hiragana"/>
  </si>
  <si>
    <t>キッズ・プログラムの作品として、他劇場と一緒に海外アーティストの招聘公演をおこなう。</t>
    <phoneticPr fontId="0" type="Hiragana"/>
  </si>
  <si>
    <t>公益財団法人京都市音楽芸術文化振興財団
一般社団法人エーシーオー</t>
    <phoneticPr fontId="0" type="Hiragana"/>
  </si>
  <si>
    <t>KAATキッズ・プログラム「らんぼうものめ」</t>
    <phoneticPr fontId="0" type="Hiragana"/>
  </si>
  <si>
    <t>神奈川芸術劇場から、全国の劇場を巡回するこどもと大人が楽しめる演劇公演。</t>
    <phoneticPr fontId="0" type="Hiragana"/>
  </si>
  <si>
    <t>一般財団法人松本市芸術文化振興財団</t>
    <phoneticPr fontId="0" type="Hiragana"/>
  </si>
  <si>
    <t>KAAT×ケダゴロ×韓国国立現代舞踊団 国際共同制作「黙れ、子宮」（仮）</t>
    <phoneticPr fontId="0" type="Hiragana"/>
  </si>
  <si>
    <t>韓国国立現代舞踊団（KNCDC）とKAAT神奈川芸術劇場との国際共同制作によるダンス公演。</t>
    <phoneticPr fontId="0" type="Hiragana"/>
  </si>
  <si>
    <t>韓国国立現代舞踊団（KNCDC）</t>
    <phoneticPr fontId="0" type="Hiragana"/>
  </si>
  <si>
    <t>新ロイヤル大衆舎×KAAT vol.2「花と龍」</t>
    <phoneticPr fontId="0" type="Hiragana"/>
  </si>
  <si>
    <t>公益財団法人富山市民文化事業団
公益財団法人兵庫県芸術文化協会
公益財団法人北九州市芸術文化振興財団</t>
    <phoneticPr fontId="0" type="Hiragana"/>
  </si>
  <si>
    <t>鑑賞サポート</t>
    <phoneticPr fontId="0" type="Hiragana"/>
  </si>
  <si>
    <t>神奈川芸術劇場の主催公演で、聴覚障がい者へのタブレット字幕提供などの鑑賞サポートを実施。</t>
    <phoneticPr fontId="0" type="Hiragana"/>
  </si>
  <si>
    <t>一般社団法人日本障害者舞台芸術協働機構</t>
  </si>
  <si>
    <t>KAAT舞台技術講座</t>
  </si>
  <si>
    <t>プロフェッショナルとして活動している舞台技術者・制作者が、専門分野を超えて視野を広げ、スキルアップするための場として、KAATが継続的に開催している講座。</t>
    <phoneticPr fontId="0" type="Hiragana"/>
  </si>
  <si>
    <t>公共劇場舞台技術者連絡会</t>
  </si>
  <si>
    <t>文化課（紅葉ケ丘駐在事務所）</t>
    <phoneticPr fontId="0" type="Hiragana"/>
  </si>
  <si>
    <t>かながわ伝統芸能祭</t>
    <phoneticPr fontId="0" type="Hiragana"/>
  </si>
  <si>
    <t xml:space="preserve">県民の伝統文化への理解を促進し、継承、発展への機運を盛り上げるため、県及び伝統芸能関係団体等で、「かながわ伝統芸能祭実行委員会」を組織し、この実行委員会で青少年、一般を対象とした伝統芸能の鑑賞や活動成果発表の場の提供などを行う。
</t>
    <phoneticPr fontId="0" type="Hiragana"/>
  </si>
  <si>
    <t>かながわ伝統芸能祭実行委員会</t>
    <phoneticPr fontId="0" type="Hiragana"/>
  </si>
  <si>
    <t>独立行政法人日本芸術文化振興会(歌舞伎)、公益財団法人文楽協会(文楽)</t>
    <phoneticPr fontId="0" type="Hiragana"/>
  </si>
  <si>
    <t>劇団カオニャオ（ラオス）×デフ・パペットシアター・ひとみ（日本）×白神ももこ（振付家・演出家）による国際共同制作作品（提携公演）。</t>
    <rPh sb="56" eb="58">
      <t>サクヒン</t>
    </rPh>
    <rPh sb="59" eb="63">
      <t>テイケイコウエン</t>
    </rPh>
    <phoneticPr fontId="2"/>
  </si>
  <si>
    <t>公益財団法人現代人形劇センター</t>
  </si>
  <si>
    <t>瀬戸内サーカスファクトリー×KAAT
カイハツ・ワークショップ／「現代サーカスのための技術創作ラボラトリー」報告会</t>
    <rPh sb="0" eb="3">
      <t>セトウチ</t>
    </rPh>
    <rPh sb="33" eb="35">
      <t>ゲンダイ</t>
    </rPh>
    <rPh sb="43" eb="45">
      <t>ギジュツ</t>
    </rPh>
    <rPh sb="45" eb="47">
      <t>ソウサク</t>
    </rPh>
    <rPh sb="54" eb="57">
      <t>ホウコクカイ</t>
    </rPh>
    <phoneticPr fontId="2"/>
  </si>
  <si>
    <t>日本の現代サーカスの未来の創作を担うアーティストや技術者を育てていく機会となる技術創作ラボラトリー。</t>
    <rPh sb="39" eb="43">
      <t>ギジュツソウサク</t>
    </rPh>
    <phoneticPr fontId="2"/>
  </si>
  <si>
    <t>一般社団法人瀬戸内サーカスファクトリー</t>
  </si>
  <si>
    <t>KAAT人材育成プログラム
グリーンシアター・ワークショップ</t>
    <phoneticPr fontId="2"/>
  </si>
  <si>
    <t>環境配慮のためのガイドライン「シアター・グリーン・ブック」について学び、舞台芸術と環境を考えるワークショップ。</t>
    <phoneticPr fontId="2"/>
  </si>
  <si>
    <t>一般社団法人Image Nation Green</t>
  </si>
  <si>
    <t>KAATフレンドシッププログラム「横浜中華街 2025横浜春節祭　ランタンオブジェ展示」</t>
    <rPh sb="17" eb="19">
      <t>ヨコハマ</t>
    </rPh>
    <rPh sb="19" eb="22">
      <t>チュウカガイ</t>
    </rPh>
    <rPh sb="27" eb="29">
      <t>ヨコハマ</t>
    </rPh>
    <rPh sb="29" eb="32">
      <t>シュンセツサイ</t>
    </rPh>
    <rPh sb="41" eb="43">
      <t>テンジ</t>
    </rPh>
    <phoneticPr fontId="2"/>
  </si>
  <si>
    <t>横濱中華街「2025春節」イベントの一環として、「西遊記」をモチーフにしたランタンをアトリウムに展示。</t>
    <rPh sb="0" eb="2">
      <t>ヨコハマ</t>
    </rPh>
    <rPh sb="2" eb="5">
      <t>チュウカガイ</t>
    </rPh>
    <rPh sb="10" eb="12">
      <t>シュンセツ</t>
    </rPh>
    <rPh sb="18" eb="20">
      <t>イッカン</t>
    </rPh>
    <phoneticPr fontId="2"/>
  </si>
  <si>
    <t>横浜中華街発展会協同組合</t>
  </si>
  <si>
    <t>観光課</t>
    <phoneticPr fontId="0" type="Hiragana"/>
  </si>
  <si>
    <t>地域観光振興事業費</t>
    <phoneticPr fontId="0" type="Hiragana"/>
  </si>
  <si>
    <t>かながわガイド協議会負担金</t>
    <phoneticPr fontId="0" type="Hiragana"/>
  </si>
  <si>
    <t>かながわガイド協議会</t>
    <phoneticPr fontId="0" type="Hiragana"/>
  </si>
  <si>
    <t>神奈川共同観光プロモーション負担金(県、市町村、各観光協会、民間事業者が連携して、「持続可能な観光」の観点を意識してプロモーションを行う。）</t>
    <phoneticPr fontId="0" type="Hiragana"/>
  </si>
  <si>
    <t>神奈川共同観光プロモーション実行委員会</t>
    <phoneticPr fontId="0" type="Hiragana"/>
  </si>
  <si>
    <t>観光課</t>
    <phoneticPr fontId="1" type="Hiragana"/>
  </si>
  <si>
    <t>地域観光振興事業費</t>
    <phoneticPr fontId="1" type="Hiragana"/>
  </si>
  <si>
    <t>神奈川県名菓展会負担金(菓子業界、県、観光協会で組織され、県内で味・意匠・技術等が特に優れた菓子をほう賞し、これを広く県民に紹介するとともに、新たな神奈川県銘菓の発掘を行う。）</t>
    <rPh sb="3" eb="4">
      <t>けん</t>
    </rPh>
    <rPh sb="4" eb="6">
      <t>めいか</t>
    </rPh>
    <rPh sb="6" eb="8">
      <t>てんかい</t>
    </rPh>
    <rPh sb="12" eb="14">
      <t>かし</t>
    </rPh>
    <rPh sb="14" eb="16">
      <t>ぎょうかい</t>
    </rPh>
    <rPh sb="17" eb="18">
      <t>けん</t>
    </rPh>
    <rPh sb="19" eb="21">
      <t>かんこう</t>
    </rPh>
    <rPh sb="21" eb="23">
      <t>きょうかい</t>
    </rPh>
    <rPh sb="24" eb="26">
      <t>そしき</t>
    </rPh>
    <rPh sb="74" eb="78">
      <t>かながわけん</t>
    </rPh>
    <rPh sb="84" eb="85">
      <t>おこな</t>
    </rPh>
    <phoneticPr fontId="1" type="Hiragana"/>
  </si>
  <si>
    <t>神奈川菓子コンクール実行委員会</t>
    <rPh sb="3" eb="5">
      <t>かし</t>
    </rPh>
    <phoneticPr fontId="1" type="Hiragana"/>
  </si>
  <si>
    <t>アンテナショップ運営委託事業費</t>
    <phoneticPr fontId="0" type="Hiragana"/>
  </si>
  <si>
    <t>かながわ産品を一堂に集めたアンテナショップを設置及び運営委託事業。</t>
    <phoneticPr fontId="0" type="Hiragana"/>
  </si>
  <si>
    <t>公益社団法人　神奈川県観光協会</t>
    <phoneticPr fontId="0" type="Hiragana"/>
  </si>
  <si>
    <t>国内観光プロモーション事業費補助</t>
    <phoneticPr fontId="0" type="Hiragana"/>
  </si>
  <si>
    <t>県外からの観光客の誘客や県内周遊を促進するため、公益社団法人観光協会が行う情報発信等に対する補助（インターネット等による情報提供、県全域の観光情報収集等）。</t>
    <phoneticPr fontId="0" type="Hiragana"/>
  </si>
  <si>
    <t>かながわ産品魅力発信事業費補助</t>
    <phoneticPr fontId="0" type="Hiragana"/>
  </si>
  <si>
    <t>県産品の発掘・魅力発信や、物産展への出展、オンライン販売サイトの運営等を通じた観光ＰＲを行う事業に対して補助する。</t>
    <phoneticPr fontId="0" type="Hiragana"/>
  </si>
  <si>
    <t>京浜臨海部における産業観光の推進組織として、公民連携による京浜臨海部産業観光推進協議会により、地域のポテンシャルを最大限に活用した産業観光の推進。</t>
    <phoneticPr fontId="0" type="Hiragana"/>
  </si>
  <si>
    <t>京浜臨海部　産業観光推進協議会</t>
    <phoneticPr fontId="0" type="Hiragana"/>
  </si>
  <si>
    <t>外国人観光客誘致広域連携事業費</t>
    <phoneticPr fontId="0" type="Hiragana"/>
  </si>
  <si>
    <t>善意通訳ガイド活動支援</t>
    <phoneticPr fontId="0" type="Hiragana"/>
  </si>
  <si>
    <t>神奈川SGGクラブ、小田原・箱根SGGクラブ</t>
    <phoneticPr fontId="0" type="Hiragana"/>
  </si>
  <si>
    <t>インバウンド一元的対応窓口整備事業費補助</t>
    <phoneticPr fontId="0" type="Hiragana"/>
  </si>
  <si>
    <t>インバウンドの来県を促進し、観光消費額を向上させるため、かながわＤＭＯに一元的対応窓口機能（ランドオペレーター・コンベンションプランナーの役割）を実装し、戦略的かつ一貫性のある効果的なプロモーションを実施。</t>
    <phoneticPr fontId="0" type="Hiragana"/>
  </si>
  <si>
    <t>スポーツ課</t>
    <phoneticPr fontId="0" type="Hiragana"/>
  </si>
  <si>
    <t>競技スポーツ振興事業費</t>
    <phoneticPr fontId="0" type="Hiragana"/>
  </si>
  <si>
    <t>市町村等からの要望を受け、スポーツ教室等に「かながわアスリートネットワーク」メンバーの派遣等を通して、本県のスポーツ振興を図る。</t>
    <phoneticPr fontId="0" type="Hiragana"/>
  </si>
  <si>
    <t>かながわアスリートネットワーク</t>
    <phoneticPr fontId="0" type="Hiragana"/>
  </si>
  <si>
    <t>各市町村スポーツ主管課</t>
    <phoneticPr fontId="0" type="Hiragana"/>
  </si>
  <si>
    <t>国民スポーツ大会等関連事業費</t>
    <phoneticPr fontId="0" type="Hiragana"/>
  </si>
  <si>
    <t>競技スポーツの普及・振興を図るため、国民スポーツ大会・関東ブロック大会等への県選手団(役員、選手及び監督)の派遣等を実施する。</t>
    <phoneticPr fontId="0" type="Hiragana"/>
  </si>
  <si>
    <t>公益財団法人神奈川県スポーツ協会</t>
    <phoneticPr fontId="0" type="Hiragana"/>
  </si>
  <si>
    <t>高齢者スポーツ推進事業費</t>
    <phoneticPr fontId="0" type="Hiragana"/>
  </si>
  <si>
    <t>高齢者の日ごろの健康づくり、スポーツ活動等の成果を発表する機会を提供し、高齢者の社会参画、健康、生きがいづくりを支援する。</t>
    <phoneticPr fontId="0" type="Hiragana"/>
  </si>
  <si>
    <t>3033生涯スポーツ推進会議</t>
    <phoneticPr fontId="0" type="Hiragana"/>
  </si>
  <si>
    <t>生涯スポーツ社会の実現に向け、行政と民間が一体となり、3033運動や健康・体力つくりをはじめとする、生涯スポーツを全県的に推進する。</t>
    <phoneticPr fontId="0" type="Hiragana"/>
  </si>
  <si>
    <t>特定非営利活動法人神奈川県レクリエーション協会、特定非営利活動法人神奈川県歩け歩け協会、特定非営利活動法人かながわスポーツボランティアバンク（KSVB）、公益財団法人神奈川県スポーツ協会、神奈川県スポーツ推進委員連合会、一般社団法人神奈川県総合型スポーツクラブネットワーク、公益財団法人神奈川県老人クラブ連合会、神奈川県障害者スポーツ協会、神奈川県地域婦人団体連絡協議会、神奈川県子ども会連絡協議会、一般社団法人神奈川県商工会議所連合会、神奈川県商工会連合会、神奈川県労働者福祉協議会、神奈川県ラジオ体操連盟、公益財団法人かながわ健康財団</t>
    <phoneticPr fontId="0" type="Hiragana"/>
  </si>
  <si>
    <t>株式会社神奈川新聞社、株式会社テレビ神奈川</t>
    <phoneticPr fontId="0" type="Hiragana"/>
  </si>
  <si>
    <t>県民スポーツ月間推進事業費</t>
    <phoneticPr fontId="0" type="Hiragana"/>
  </si>
  <si>
    <t>スポーツ体験教室等のイベント実施や、施設の無料開放等、県民がスポーツに親しむきっかけづくりとなる各種事業を実施する。ＮＰＯ等はスポーツ体験教室や各種関連事業を実施する。
　</t>
    <phoneticPr fontId="0" type="Hiragana"/>
  </si>
  <si>
    <t>特定非営利活動法人神奈川県レクリエーション協会
かながわアスリートネットワーク
総合型地域スポーツクラブ(NPO法人格のスポーツクラブ、一般社団法人格のスポーツクラブ)
公益財団法人神奈川県スポーツ協会
一般社団法人神奈川県総合型スポーツクラブネットワーク</t>
    <phoneticPr fontId="0" type="Hiragana"/>
  </si>
  <si>
    <t>民間スポーツクラブ
3033生涯スポーツ推進会議　県内各市町村
公益財団法人神奈川県スポーツ協会
一般社団法人神奈川県障がい者スポーツ協会</t>
    <phoneticPr fontId="0" type="Hiragana"/>
  </si>
  <si>
    <t>かながわレクリエーション大会負担事業</t>
    <phoneticPr fontId="0" type="Hiragana"/>
  </si>
  <si>
    <t>本県の生涯スポーツを推進するため、県レクリエーション協会に加盟する団体が一堂に会して開催する「かながわレクリエーション大会」の運営支援を行う。</t>
    <phoneticPr fontId="0" type="Hiragana"/>
  </si>
  <si>
    <t>特定非営利活動法人神奈川県レクリエーション協会</t>
    <phoneticPr fontId="0" type="Hiragana"/>
  </si>
  <si>
    <t>県レクリエーション協会加盟各団体</t>
    <phoneticPr fontId="0" type="Hiragana"/>
  </si>
  <si>
    <t>レクリエーション指導者の派遣</t>
    <phoneticPr fontId="0" type="Hiragana"/>
  </si>
  <si>
    <t>レクリエーション指導者を派遣し、高齢者を対象とした健康・体力つくりや、子どもと親子や高齢者が共に参加できるような世代間交流イベントを実施する。</t>
    <phoneticPr fontId="0" type="Hiragana"/>
  </si>
  <si>
    <t>障害者スポーツ普及推進事業費（神奈川県障害者スポーツ振興事業委託）</t>
    <phoneticPr fontId="0" type="Hiragana"/>
  </si>
  <si>
    <t>公益財団法人神奈川県身体障害者連合会</t>
    <phoneticPr fontId="0" type="Hiragana"/>
  </si>
  <si>
    <t>かながわパラスポーツ推進強化事業費（学校や地域資源を活用した障がい者スポーツの環境整備）</t>
    <phoneticPr fontId="0" type="Hiragana"/>
  </si>
  <si>
    <t>特別支援学校の施設を活用して、定期的にスポーツ教室等を開催する。</t>
    <phoneticPr fontId="0" type="Hiragana"/>
  </si>
  <si>
    <r>
      <t>くろがね倶楽部、特定非営利活動法人ＳＲＣ</t>
    </r>
    <r>
      <rPr>
        <strike/>
        <sz val="9"/>
        <color rgb="FFFF0000"/>
        <rFont val="ＭＳ 明朝"/>
        <family val="1"/>
        <charset val="128"/>
      </rPr>
      <t/>
    </r>
    <phoneticPr fontId="0" type="Hiragana"/>
  </si>
  <si>
    <t>かながわパラスポーツ推進事業費</t>
    <phoneticPr fontId="0" type="Hiragana"/>
  </si>
  <si>
    <t>「かながわパラスポーツ」の普及推進のため、パラスポーツを知り、体験する「かながわパラスポーツフェスタ2024」等を開催する。</t>
    <phoneticPr fontId="0" type="Hiragana"/>
  </si>
  <si>
    <t>一般社団法人神奈川県障がい者スポーツ協会、各障がい者スポーツ競技団体ほか</t>
    <phoneticPr fontId="0" type="Hiragana"/>
  </si>
  <si>
    <t>スポーツセンター</t>
  </si>
  <si>
    <t xml:space="preserve">生涯スポーツ推進事業費
3033運動キャンペーンイベント事業
</t>
    <phoneticPr fontId="0" type="Hiragana"/>
  </si>
  <si>
    <t>県内各地で3033運動普及・啓発キャンペーンを行うことにより、健康づくりや仲間との交流などを推進し、運動やスポーツの習慣化を図るために、簡単体力測定や外遊びを実施している。
ボランタリー団体等には、実施に関する協力を依頼している。</t>
    <phoneticPr fontId="0" type="Hiragana"/>
  </si>
  <si>
    <t>3033運動普及員</t>
    <phoneticPr fontId="0" type="Hiragana"/>
  </si>
  <si>
    <t>生涯スポーツ推進事業費
スポーツコミュニケーションデー</t>
    <phoneticPr fontId="0" type="Hiragana"/>
  </si>
  <si>
    <t>行政と総合型クラブ等が連携して行う地域スポーツの活性化及びスポーツ活動を通じた地域コミュニケーションの活性化のためのスポーツイベントを開催する。</t>
    <phoneticPr fontId="0" type="Hiragana"/>
  </si>
  <si>
    <t>特定非営利活動法人かながわスポーツボランティアバンク（KSVB）
チームFUJISAWA2020
子育てじゃん・けん・ぽん</t>
    <phoneticPr fontId="0" type="Hiragana"/>
  </si>
  <si>
    <t xml:space="preserve">城下町スポーツクラブ
</t>
    <phoneticPr fontId="0" type="Hiragana"/>
  </si>
  <si>
    <t xml:space="preserve">生涯スポーツ推進事業費
ＫＳＮ交流会
</t>
    <phoneticPr fontId="0" type="Hiragana"/>
  </si>
  <si>
    <t>県内総合型クラブのネットワーク強化及び認知度の向上につながるような、交流会を開催する。</t>
    <phoneticPr fontId="0" type="Hiragana"/>
  </si>
  <si>
    <t>一般社団法人神奈川県総合型スポーツクラブネットワーク（KSN)</t>
    <phoneticPr fontId="0" type="Hiragana"/>
  </si>
  <si>
    <t>スポーツセンター</t>
    <phoneticPr fontId="0" type="Hiragana"/>
  </si>
  <si>
    <t>障害者スポーツ普及推進事業費（神奈川県ゆうあいピック大会補助）</t>
    <phoneticPr fontId="0" type="Hiragana"/>
  </si>
  <si>
    <t>障がい者スポーツの団体競技の大会である神奈川県ゆうあいピック大会の開催に係る経費等の一部を補助する。</t>
    <phoneticPr fontId="0" type="Hiragana"/>
  </si>
  <si>
    <t>一般社団法人神奈川県障がい者スポーツ協会
（神奈川県障害者スポーツ振興協議会は解散し、事務は神奈川県障がい者スポーツ協会へ引継ぎ）</t>
    <phoneticPr fontId="0" type="Hiragana"/>
  </si>
  <si>
    <t>県精神障害者スポーツ大会開催事業</t>
    <phoneticPr fontId="0" type="Hiragana"/>
  </si>
  <si>
    <t>精神障がい者にスポーツに参加する機会を提供するとともに、精神障がい者の社会参加を推進するため、精神障害者スポーツ大会を開催する。</t>
    <phoneticPr fontId="0" type="Hiragana"/>
  </si>
  <si>
    <t>一般社団法人神奈川県障がい者スポーツ協会</t>
    <phoneticPr fontId="0" type="Hiragana"/>
  </si>
  <si>
    <t>障害者スポーツサポーター養成事業</t>
    <phoneticPr fontId="0" type="Hiragana"/>
  </si>
  <si>
    <t>障がい者スポーツに対する理解を促進し、障害者スポーツの振興を図るため、障害者スポーツサポーターを養成する。</t>
    <phoneticPr fontId="0" type="Hiragana"/>
  </si>
  <si>
    <t>かながわパラスポーツ推進強化事業費</t>
    <phoneticPr fontId="0" type="Hiragana"/>
  </si>
  <si>
    <t>「かながわパラスポーツ」のさらなる普及のため、県立スポーツセンターを活用し、障がい者がスポーツを継続するきっかけづくりのための環境整備を進める。</t>
    <phoneticPr fontId="0" type="Hiragana"/>
  </si>
  <si>
    <t>一般社団法人神奈川県障がい者スポーツ協会
各障がい者スポーツ競技団体</t>
    <phoneticPr fontId="0" type="Hiragana"/>
  </si>
  <si>
    <t>神奈川県立スポーツセンター障害者スポーツ定着化事業</t>
    <phoneticPr fontId="0" type="Hiragana"/>
  </si>
  <si>
    <t>障害者が日常的にスポーツを楽しめる社会の実現に向け、県の障がい者スポーツの牽引役となりうる県内障がい者スポーツ団体との協力を得て、障がい者スポーツの定着化を図る。</t>
    <phoneticPr fontId="0" type="Hiragana"/>
  </si>
  <si>
    <t>一般社団法人神奈川県障がい者スポーツ協会、一般社団法人パラ神奈川スポーツクラブ、認定特定非営利活動法人スペシャルオリンピックス日本・神奈川、神奈川ボッチャ協会</t>
    <phoneticPr fontId="2"/>
  </si>
  <si>
    <t>ゴールデンエイジと言われる世代の児童や障がいのある児童を対象に、体力・運動能力の測定機会を提供することにより、一人ひとりが体力・運動能力の特性や競技の適性を見いだすことができるよう支援し、競技スポーツの裾野を拡げる。
さらに、ジュニア期から優れた能力を有する人材を発掘し、計画的にトップアスリートとして必要な資質・能力の向上・育成を図り、オリンピック・パラリンピック競技大会等の国際大会や全国大会等で活躍する神奈川育ちのトップアスリートを輩出する。</t>
    <phoneticPr fontId="0" type="Hiragana"/>
  </si>
  <si>
    <t>一般社団法人スポーツ能力発見協会</t>
    <phoneticPr fontId="0" type="Hiragana"/>
  </si>
  <si>
    <t>脱炭素戦略本部室</t>
  </si>
  <si>
    <t>地域向け脱炭素普及啓発業務</t>
  </si>
  <si>
    <t>地域における脱炭素に関する普及啓発活動の支援</t>
  </si>
  <si>
    <t>一般社団法人環境政策対話研究所</t>
    <rPh sb="0" eb="1">
      <t>いち</t>
    </rPh>
    <phoneticPr fontId="0" type="Hiragana"/>
  </si>
  <si>
    <t>環境情報提供・相談業務</t>
  </si>
  <si>
    <t>環境全般に関する相談への対応、環境活動へのアドバイス、環境情報の収集及び発信</t>
  </si>
  <si>
    <t>（特非）かながわアジェンダ推進センター</t>
  </si>
  <si>
    <t>地域主導再生可能エネルギー事業費補助に係る収益納付</t>
  </si>
  <si>
    <t>地域のNPO法人や中小企業者等が県内で資金調達し、県内の施工業者等を活用する再生可能エネルギー発電事業について、その初期投資費用の一部を補助した。（平成29年度終了事業）
補助を受けた再生可能エネルギー発電事業について、売電収入を得た翌年度以降に毎年度、売電収入の一部を一定期間納付する。</t>
  </si>
  <si>
    <t>特定非営利活動法人原発ゼロ市民共同かわさき発電所</t>
  </si>
  <si>
    <t>環境課</t>
    <phoneticPr fontId="0" type="Hiragana"/>
  </si>
  <si>
    <t>環境・エネルギー学校派遣事業</t>
    <phoneticPr fontId="0" type="Hiragana"/>
  </si>
  <si>
    <t>環境・エネルギー等に関して豊富な知識・経験を有する方を講師として県内の学校に派遣し、体験型の授業を実施する。</t>
    <phoneticPr fontId="0" type="Hiragana"/>
  </si>
  <si>
    <t>資源循環推進課　</t>
    <phoneticPr fontId="0" type="Hiragana"/>
  </si>
  <si>
    <t>海岸清掃事業</t>
    <phoneticPr fontId="0" type="Hiragana"/>
  </si>
  <si>
    <t>公益財団法人かながわ海岸美化財団では、ＮＰＯ等と連携・協力し、海岸清掃活動や各種美化キャンペーン事業を実施するとともに、ＮＰＯ等への支援として、清掃用具の貸出しや清掃後のごみ回収等を行っている。県は、一部の美化キャンペーン事業について後援している。</t>
    <phoneticPr fontId="0" type="Hiragana"/>
  </si>
  <si>
    <t>公益財団法人かながわ海岸美化財団</t>
  </si>
  <si>
    <t>かながわ環境整備センター管理用地における緑地管理作業</t>
  </si>
  <si>
    <t>県（かながわ環境整備センター）の管理地の適正な維持管理や、そこに生息する動植物の保全を図るために、NPO法人の協力申出に基づき、緑地管理作業を行っている。</t>
  </si>
  <si>
    <t>ＮＰＯ法人三浦半島生物多様性保全</t>
  </si>
  <si>
    <t>自然環境保全課</t>
    <phoneticPr fontId="0" type="Hiragana"/>
  </si>
  <si>
    <t>トラスト運動事業費補助</t>
    <phoneticPr fontId="0" type="Hiragana"/>
  </si>
  <si>
    <t>小網代の森の維持管理・環境整備・植物等の調査活動・普及啓発活動・環境学習活動をNPOが主体となって行う。</t>
    <phoneticPr fontId="0" type="Hiragana"/>
  </si>
  <si>
    <t>NPO法人小網代野外活動調整会議</t>
    <phoneticPr fontId="0" type="Hiragana"/>
  </si>
  <si>
    <t>久田緑地の維持管理・環境整備・植物等の調査活動・普及啓発活動・環境学習活動を行う。</t>
  </si>
  <si>
    <t>久田緑地くらぶ</t>
    <phoneticPr fontId="0" type="Hiragana"/>
  </si>
  <si>
    <t>桜ヶ丘緑地の維持管理・環境整備・植生調査活動を行う。</t>
  </si>
  <si>
    <t>桜ヶ丘・水辺のある森再生プロジェクト</t>
    <phoneticPr fontId="0" type="Hiragana"/>
  </si>
  <si>
    <t>鳥獣保護指導推進費（野生動物救護活動に関する支援事業）</t>
    <phoneticPr fontId="0" type="Hiragana"/>
  </si>
  <si>
    <t>野生動物リハビリテーター資格認定制度づくりのための検討委員会を設置して、リハビリテーターの育成を行う。</t>
    <phoneticPr fontId="0" type="Hiragana"/>
  </si>
  <si>
    <t>NPO法人野生動物救護獣医師協会神奈川支部</t>
    <phoneticPr fontId="0" type="Hiragana"/>
  </si>
  <si>
    <t>二子山山系自然保護協働事業</t>
    <phoneticPr fontId="0" type="Hiragana"/>
  </si>
  <si>
    <t>団体、行政、企業が協働して、二子山山系の自然の維持管理を行うとともに、緑地保全、人材育成、調査研究などの事業を実施する。</t>
    <phoneticPr fontId="0" type="Hiragana"/>
  </si>
  <si>
    <t>二子山山系自然保護協議会</t>
    <phoneticPr fontId="0" type="Hiragana"/>
  </si>
  <si>
    <t>西武鉄道㈱、大和ハウス工業㈱、葉山町</t>
    <phoneticPr fontId="0" type="Hiragana"/>
  </si>
  <si>
    <t>小網代の森における環境保全活動</t>
    <phoneticPr fontId="0" type="Hiragana"/>
  </si>
  <si>
    <t>団体、行政が協働して、小網代近郊緑地特別保全地区内において、湿地の回復及び保全活動等を行う。</t>
    <phoneticPr fontId="0" type="Hiragana"/>
  </si>
  <si>
    <t>NPO法人小網代野外活動調整会議</t>
  </si>
  <si>
    <t>三浦市</t>
    <phoneticPr fontId="0" type="Hiragana"/>
  </si>
  <si>
    <t>水源環境保全課</t>
  </si>
  <si>
    <t>市民事業等支援費</t>
  </si>
  <si>
    <t>第４期かながわ水源環境保全・再生実行５か年計画に基づき、水源環境保全・再生に係る県民主体の取組の推進を図るため、NPO等による水源環境保全・再生を目的とした活動に財政的な支援を行う。</t>
  </si>
  <si>
    <t>特定非営利活動法人 ファームパーク湘南
南足柄市森林ボランティア協議会
ＮＰＯ法人おだわらイノシカネット
特定非営利活動法人東海大学地域環境ネットワーク</t>
  </si>
  <si>
    <t>桂川・相模川流域協議会事業</t>
  </si>
  <si>
    <t xml:space="preserve">上流の桂川を含めた相模川の流域環境保全に取り組むための神奈川、山梨両県の共同の仕組みとして設立した市民、事業者、行政による「桂川･相模川流域協議会」において、行動計画である「アジェンダ21桂川･相模川」に基づく流域環境保全活動を流域市町村･事業者･市民等と一体となって推進する。
</t>
  </si>
  <si>
    <t>帝京科学大学フィールドミュージアムOPEN AIR LAB
相模川ｷｬﾝﾌﾟｲﾝｼﾝﾎﾟｼﾞｳﾑ
鳩川・縄文の谷戸の会
あいかわ自然ネットワーク
NPO法人くらし・つながる森里川海
NPO法人海の森・山の森事務局
NPO法人ふるさと環境市民</t>
  </si>
  <si>
    <t>シチズンファインデバイス㈱
桂川漁業協同組合
山英建設㈱
東京電力リニューアブルパワー㈱甲府営業所
生活共同組合パルシステム山梨
北都留森林組合
堀内電気㈱
南都留森林組合
山梨県環境整備事業協同組合
笹一酒造㈱
旭ファイバーグラス㈱湘南工場
ＪＸ金属㈱倉見工場
共生食品㈱
さがみはら津久井郡森林組合
神奈川県治水砂防協会
(財)かながわ海岸美化財団
(財)神奈川県下水道公社
(財)宮ヶ瀬ダム周辺振興財団
神奈川県企業庁企業局利水電気部利水課
神奈川県企業庁企業局水道部浄水課
横浜市水道局
川崎市上下水道局
横須賀市上下水道局
神奈川県内広域水道企業団
全水道神奈川県支部
相模原の環境をよくする会
(株)ワコーグリーン</t>
  </si>
  <si>
    <t>県民との協働による森林づくり実行委員会</t>
  </si>
  <si>
    <t>水源の森林づくり事業に対する県民の理解と参加を促進するため、各種イベントの企画・立案などを行う。</t>
  </si>
  <si>
    <t>特定非営利活動法人かながわ森林インストラクターの会
南足柄緑の少年団
相模原市みどりの少年団
公益財団法人かながわトラストみどり財団</t>
  </si>
  <si>
    <t xml:space="preserve">神奈川県森林組合連合会
神奈川県木材業協同組合連合会
神奈川県森林協会
神奈川県山林種苗協同組合
連合神奈川
株式会社神奈川新聞社
相模原市
</t>
  </si>
  <si>
    <t>農政課（大船フラワーセンター）</t>
    <phoneticPr fontId="0" type="Hiragana"/>
  </si>
  <si>
    <t>大船フラワーセンター指定管理費</t>
    <phoneticPr fontId="0" type="Hiragana"/>
  </si>
  <si>
    <t>ボランタリー団体の協力により、各種展示会、セミナー等を実施し、多岐にわたる園芸知識の普及向上を図る。(指定管理者：アメニス大船フラワーセンターグループ)</t>
    <phoneticPr fontId="0" type="Hiragana"/>
  </si>
  <si>
    <t>農地課</t>
    <phoneticPr fontId="0" type="Hiragana"/>
  </si>
  <si>
    <t>認定協定活動団体支援事業費補助</t>
    <phoneticPr fontId="0" type="Hiragana"/>
  </si>
  <si>
    <t>認定里地里山活動協定に係る活動団体が、当該協定に基づいて行う里地里山の保全等活動に対し、市町村が補助するのに要する経費を助成する。</t>
  </si>
  <si>
    <t>かながわホームファーマー事業</t>
    <phoneticPr fontId="0" type="Hiragana"/>
  </si>
  <si>
    <t>耕作されなくなった農地を県が土地所有者から借り受けて復旧した後、市民農園として整備し、意欲ある県民を対象に貸し出す事業。この農園の復旧や整備及び巡回指導を委託する。</t>
    <phoneticPr fontId="0" type="Hiragana"/>
  </si>
  <si>
    <t>中山間地域等農業活性化支援事業費補助</t>
    <phoneticPr fontId="0" type="Hiragana"/>
  </si>
  <si>
    <t>耕作放棄地の増加等により、多面的機能の低下が特に懸念されている中山間地域等において、農業生産の維持を図りつつ多面的機能を確保するため、協定に基づき農業生産活動等を行う農業者等に対し、市町村が補助するのに要する経費を補助する。</t>
    <phoneticPr fontId="0" type="Hiragana"/>
  </si>
  <si>
    <t>久野南舟原集落協定、高尾集落協定、中央集落協定、川西平山集落協定、透間集落協定、向山集落協定、日向集落協定、内川せき棚田の会集落協定</t>
    <phoneticPr fontId="0" type="Hiragana"/>
  </si>
  <si>
    <t>多面的機能支払事業推進費</t>
    <phoneticPr fontId="0" type="Hiragana"/>
  </si>
  <si>
    <t>集落などを単位として設立された活動組織が、市町村に認定を受けた農業資源の保全に関する地域ぐるみでの効果の高い共同活動に要する経費に対し、市町村が補助するのに要する経費を補助する。</t>
    <phoneticPr fontId="0" type="Hiragana"/>
  </si>
  <si>
    <t>豊田の里を守る会、
城所の環境向上協力隊、
金旭の郷を守る会、
根方の水を守る会、
西俣野環境保全向上の会、
うつもちの里保全の会、
早川の自然を楽しむ会、
梅の郷環境保全会、
石橋のふるさとを守る会、
千代の農村環境を守り育てる会、
永塚環境保全会、
東大友環境保全会、
東栢山の水田を守る会、
上曽我ほ場管理活動組織、
曽比城北地域資源保全会、
西大友環境保全会、
初声・仲田元屋敷地区農地・水・環境保全会、
松輪地区農地・水・環境保全会、
菊名地区農地・水・環境保全会、
毘沙門地区農地・水・環境保全会、
金田地区農地・水・環境保全会、
諸磯小網代地区農地・水・環境保全会、
三戸地区農地・水・環境保全会、
鶴巻の田園環境を育む会、
厚木愛川水土里会、
下和田水路等管理組合、
伊勢原市ふるさと大田を守り楽しむ会、
あしがらの農地環境を守る会、
牛久保用水水と緑の会、
早川吉岡農地保全会、深谷川水土里会</t>
    <phoneticPr fontId="0" type="Hiragana"/>
  </si>
  <si>
    <t>水産課</t>
    <phoneticPr fontId="0" type="Hiragana"/>
  </si>
  <si>
    <t>内水面漁場回復調査研究事業費</t>
    <phoneticPr fontId="0" type="Hiragana"/>
  </si>
  <si>
    <t>カワウの飛来数調査などを行い、カワウの動向を把握する。また、県カワウ対策協議会を開催して、関係者による被害防除対策の進め方等の検討を行う。</t>
  </si>
  <si>
    <t>(一財）神奈川県内水面漁業振興会、（公財）日本野鳥の会神奈川支部、神奈川野生動物サポートネットワーク</t>
    <phoneticPr fontId="0" type="Hiragana"/>
  </si>
  <si>
    <t>厚木市、相模原市、箱根町、相模川漁業協同組合連合会、川崎河川漁業協同組合、酒匂川漁業協同組合、早川河川漁業協同組合、芦之湖漁業協同組合、湯河原観光漁業協同組合</t>
    <phoneticPr fontId="0" type="Hiragana"/>
  </si>
  <si>
    <t>水産業運営費補助</t>
    <phoneticPr fontId="0" type="Hiragana"/>
  </si>
  <si>
    <t>アユの遡上期である春季とアユ産卵期である秋季に、花火等で追い払い等を行うことにより、カワウによる被害の低減を図る事業を補助する。</t>
    <phoneticPr fontId="0" type="Hiragana"/>
  </si>
  <si>
    <t>(一財）神奈川県内水面漁業振興会</t>
    <phoneticPr fontId="0" type="Hiragana"/>
  </si>
  <si>
    <t>漁場環境保全活動支援事業費</t>
    <phoneticPr fontId="0" type="Hiragana"/>
  </si>
  <si>
    <t>漁業者などが行う自主的な海の環境保全活動を支援し、漁場環境の維持保全活動の効果的な展開を図る。</t>
    <phoneticPr fontId="0" type="Hiragana"/>
  </si>
  <si>
    <t>神奈川県地域協議会、長井町漁協地区食害生物除去活動組織、湘南漁協佐島支所食害生物除去活動組織、城ヶ島藻場保全活動組織、諸磯藻場保全活動組織、葉山アマモ協議会、JOFIクリーンオーシャンプロジェクト活動組織、鎌倉漁師とインクルージョン協議会、江ノ島・フィッシャーマンズ・プロジェクト、小田原藻場再生活動組織</t>
    <phoneticPr fontId="0" type="Hiragana"/>
  </si>
  <si>
    <t>横須賀市、三浦市、葉山町、鎌倉市、藤沢市、小田原市</t>
    <phoneticPr fontId="0" type="Hiragana"/>
  </si>
  <si>
    <t>あゆ種苗生産委託事業費</t>
    <phoneticPr fontId="0" type="Hiragana"/>
  </si>
  <si>
    <t>あゆ種苗を安定供給するために県が実施してきたあゆ種苗生産業務を委託し、生産された種苗を河川放流や養殖等の種苗として有償配布することにより、内水面漁業・養殖業の振興に役立てる。</t>
  </si>
  <si>
    <t>水産業福祉連携推進事業費</t>
    <phoneticPr fontId="0" type="Hiragana"/>
  </si>
  <si>
    <t>水産業福祉連携の推進を通じて、障がい者のみならず、高齢者や生活困窮者なども含めた幅広い福祉人材を新たな水産業の担い手として確保するとともに、付加価値をつけていくことで水産業収入の向上を図り、担い手の就業継続、定着化を促進し、漁村コミュニティの立て直し、地域の活性化を図る。</t>
    <phoneticPr fontId="0" type="Hiragana"/>
  </si>
  <si>
    <t>認定NPO法人藤沢市民活動推進機構、NPO法人湘南NPOサポートセンター</t>
    <phoneticPr fontId="0" type="Hiragana"/>
  </si>
  <si>
    <t>水産技術センター内水面試験場</t>
    <phoneticPr fontId="0" type="Hiragana"/>
  </si>
  <si>
    <t>地域課題研究費</t>
    <phoneticPr fontId="0" type="Hiragana"/>
  </si>
  <si>
    <t>・ヤマメ、カワウ及び外来種の調査について、関係の団体と協力する。
・淡水魚等の水生生物の分布・生態調査を淡水魚の保護活動を行っている団体と協力して行う。
･水域ビオトープの復元
を関係団体と協力して行う。</t>
    <phoneticPr fontId="0" type="Hiragana"/>
  </si>
  <si>
    <t>生田緑地の谷戸とホトケドジョウを守る会、茅ヶ崎自然生態園、三浦メダカの会、さむかわエコネット、藤沢メダカの学校を作る会、酒匂川のメダカとその生息地を守る会、酒匂川水系の環境を考える会、田んぼの恵みを感じる会、桂川・相模川流域協議会、めだかサポーターの会、ゆめたま</t>
    <phoneticPr fontId="0" type="Hiragana"/>
  </si>
  <si>
    <t>川崎市、横浜市、秦野市、寒川町、小田原市、Nexco東日本、相模川漁連、酒匂川漁協、（一財）内水面漁業振興会</t>
    <phoneticPr fontId="0" type="Hiragana"/>
  </si>
  <si>
    <t>かながわ海業モデル創出事業（その２）</t>
    <phoneticPr fontId="0" type="Hiragana"/>
  </si>
  <si>
    <t>本県の海、魚、漁村文化等を活用した「海業」の展開とそれによる地域活性化を目指し、「海業」のビジネスモデルを創出する事業を行う。</t>
    <phoneticPr fontId="0" type="Hiragana"/>
  </si>
  <si>
    <t>NPO法人江の島・フィッシャーマンズ・プロジェクト</t>
    <phoneticPr fontId="0" type="Hiragana"/>
  </si>
  <si>
    <t>藤沢市、江の島片瀬漁業協同組合</t>
    <phoneticPr fontId="0" type="Hiragana"/>
  </si>
  <si>
    <t>環境科学センター</t>
    <phoneticPr fontId="0" type="Hiragana"/>
  </si>
  <si>
    <t>夏休み子ども環境体験教室</t>
    <phoneticPr fontId="0" type="Hiragana"/>
  </si>
  <si>
    <t>小学生を対象に、大気や水環境などに係る工作や実験等の体験を通じ、環境保全意識の醸成を図る。</t>
    <phoneticPr fontId="0" type="Hiragana"/>
  </si>
  <si>
    <t>ＮＰＯ法人神奈川県環境学習リーダー会</t>
    <phoneticPr fontId="0" type="Hiragana"/>
  </si>
  <si>
    <t>自然環境保全センター</t>
    <phoneticPr fontId="0" type="Hiragana"/>
  </si>
  <si>
    <t>丹沢大山保全対策県民参加促進事業費
(丹沢大山ボランティアネットワーク)</t>
    <phoneticPr fontId="0" type="Hiragana"/>
  </si>
  <si>
    <t>丹沢大山で自然環境保全活動を実施しているNPO等が自主的に連携し、行政とのパートナーシップのもとで活動の推進を図るための情報提供をする。</t>
    <phoneticPr fontId="0" type="Hiragana"/>
  </si>
  <si>
    <t>丹沢大山保全対策県民参加促進事業費
(丹沢の緑を育む集い)</t>
    <phoneticPr fontId="0" type="Hiragana"/>
  </si>
  <si>
    <t>丹沢大山自然環境保全対策の一環として、丹沢大山地域における県民参加による自然環境保全活動を実施、支援する。</t>
    <phoneticPr fontId="0" type="Hiragana"/>
  </si>
  <si>
    <t>丹沢の緑を育む集い実行委員会
（ＮＰＯ法人丹沢自然保護協会、丹沢大山ボランティアネットワーク）</t>
    <phoneticPr fontId="0" type="Hiragana"/>
  </si>
  <si>
    <t>(公財)かながわトラストみどり財団、(公財)神奈川県公園協会、秦野市、清川村</t>
    <phoneticPr fontId="0" type="Hiragana"/>
  </si>
  <si>
    <t>丹沢大山保全・再生対策事業費</t>
    <phoneticPr fontId="0" type="Hiragana"/>
  </si>
  <si>
    <t>丹沢大山国定公園内の公園歩道の維持管理補修等をNPO等県民との協働により実施する。</t>
    <phoneticPr fontId="0" type="Hiragana"/>
  </si>
  <si>
    <t>NPO法人みろく山の会
丹沢山小屋組合
神奈川県自然公園指導員連絡会
神奈川県山岳連盟</t>
    <phoneticPr fontId="0" type="Hiragana"/>
  </si>
  <si>
    <t>自然環境保全センター研修等事業費</t>
    <phoneticPr fontId="0" type="Hiragana"/>
  </si>
  <si>
    <t>自然環境の保全再生に関する資料展示、研修、指導等を行い、県民の理解促進を図る。（県民向け観察会、指導者向け研修会の開催）</t>
    <phoneticPr fontId="0" type="Hiragana"/>
  </si>
  <si>
    <t>NPO法人かながわフィールドスタッフクラブ、グリーンタフ七沢、みずきの会、谷戸っ子</t>
    <phoneticPr fontId="0" type="Hiragana"/>
  </si>
  <si>
    <t>自然公園施設維持管理費</t>
    <phoneticPr fontId="0" type="Hiragana"/>
  </si>
  <si>
    <t>丹沢大山国定公園を中心とする山岳地帯及びその周辺地域の自然を美しく保存し、健全なレクリエーションの場として良好な環境保全に寄与するため、ゴミ持ち帰り運動を推進する。</t>
    <phoneticPr fontId="0" type="Hiragana"/>
  </si>
  <si>
    <t>傷病鳥獣保護業務</t>
    <phoneticPr fontId="0" type="Hiragana"/>
  </si>
  <si>
    <t>　当センターに保護された野生動物の世話や救護動物を介したデータ解析・環境教育・普及啓発活動を実施する野生動物救護ボランティアの育成を行う。</t>
    <phoneticPr fontId="0" type="Hiragana"/>
  </si>
  <si>
    <t>NPO法人野生動物救護の会、（公社）神奈川県獣医師会</t>
    <phoneticPr fontId="0" type="Hiragana"/>
  </si>
  <si>
    <t>丹沢大山保全対策県民参加促進事業費</t>
    <phoneticPr fontId="0" type="Hiragana"/>
  </si>
  <si>
    <t>丹沢大山の自然環境の保全・再生のための県等の事業の点検・評価及び広報・普及啓発事業、調査事業を行う。</t>
    <phoneticPr fontId="0" type="Hiragana"/>
  </si>
  <si>
    <t>丹沢大山自然再生委員会</t>
    <phoneticPr fontId="0" type="Hiragana"/>
  </si>
  <si>
    <t>共生推進本部室</t>
    <phoneticPr fontId="0" type="Hiragana"/>
  </si>
  <si>
    <t>人権施策推進費</t>
    <phoneticPr fontId="0" type="Hiragana"/>
  </si>
  <si>
    <t xml:space="preserve">県民または企業向けに性的マイノリティについての理解の促進を図ることを目的とした研修会・講演会等を実施する。
</t>
    <phoneticPr fontId="0" type="Hiragana"/>
  </si>
  <si>
    <t>ＮＰＯ法人 ReBit</t>
    <phoneticPr fontId="0" type="Hiragana"/>
  </si>
  <si>
    <t>人権啓発推進費補助</t>
    <phoneticPr fontId="0" type="Hiragana"/>
  </si>
  <si>
    <t>県民への人権啓発活動を行う団体に対して補助する。</t>
    <phoneticPr fontId="0" type="Hiragana"/>
  </si>
  <si>
    <t>国連NGO　横浜国際人権センター</t>
    <phoneticPr fontId="0" type="Hiragana"/>
  </si>
  <si>
    <t>神奈川県人権擁護委員連合会の人権尊重思想の普及活動等に対して補助する。</t>
    <phoneticPr fontId="0" type="Hiragana"/>
  </si>
  <si>
    <t>神奈川県人権擁護委員連合会</t>
    <phoneticPr fontId="0" type="Hiragana"/>
  </si>
  <si>
    <t xml:space="preserve">特定非営利活動法人　かながわ女のスペースみずら
特定非営利活動法人　かながわ外国人すまいサポートセンター
NPO法人在日外国人教育生活相談センター・信愛塾
神奈川県障害者運動団体連絡会
</t>
    <phoneticPr fontId="2"/>
  </si>
  <si>
    <t>性的マイノリティ当事者や関係機関への直接的な支援として、性的マイノリティに関する派遣型個別専門相談とピアサポート相談事業を行う。</t>
    <phoneticPr fontId="0" type="Hiragana"/>
  </si>
  <si>
    <t>ＮＰＯ法人 SHIP</t>
    <phoneticPr fontId="0" type="Hiragana"/>
  </si>
  <si>
    <t>女性への暴力等一時保護事業</t>
    <phoneticPr fontId="0" type="Hiragana"/>
  </si>
  <si>
    <t>民間団体へ県有財産を無償で貸し付け、暴力等被害女性のための一時保護施設を運営する。</t>
    <phoneticPr fontId="0" type="Hiragana"/>
  </si>
  <si>
    <t>非公表</t>
    <phoneticPr fontId="0" type="Hiragana"/>
  </si>
  <si>
    <t>被害者等自立支援活動への補助</t>
    <phoneticPr fontId="0" type="Hiragana"/>
  </si>
  <si>
    <t>配偶者等暴力被害者等の自立を促進するための事業に取組む民間団体に補助する。</t>
    <phoneticPr fontId="0" type="Hiragana"/>
  </si>
  <si>
    <t>農福連携マッチング等支援事業</t>
    <phoneticPr fontId="0" type="Hiragana"/>
  </si>
  <si>
    <t>障がい者の日中活動の場の充実や農業分野での就労機会の確保及び工賃向上を図るとともに、農業の担い手の確保のほか、障がい者が生涯を通じて活躍できるまちづくりのため、NPOが担う事業企画などコーディネート経費へのスタートアップ支援を行う。</t>
    <phoneticPr fontId="0" type="Hiragana"/>
  </si>
  <si>
    <t>ＮＰＯ法人湘南ＮＰＯサポートセンター
認定ＮＰＯ法人藤沢市民活動推進機構</t>
    <phoneticPr fontId="0" type="Hiragana"/>
  </si>
  <si>
    <t>平塚市、JA湘南、藤沢市、JAさがみ</t>
    <phoneticPr fontId="0" type="Hiragana"/>
  </si>
  <si>
    <t>セーフティネット補助金</t>
    <phoneticPr fontId="0" type="Hiragana"/>
  </si>
  <si>
    <t>神奈川県内における行政と民間が連携した配偶者暴力被害者等支援の充実を図るため、県及び県内市町村（指定都市を除く。以下同じ。）が、配偶者からの暴力被害者等を支援する民間シェルター等の行う先進的な取組に要する経費に対し、交付金を交付する。</t>
    <phoneticPr fontId="0" type="Hiragana"/>
  </si>
  <si>
    <t>かながわボランタリー活動合う井アイン基金21令和7年度協働事業負担金</t>
    <rPh sb="10" eb="12">
      <t>かつどう</t>
    </rPh>
    <rPh sb="12" eb="13">
      <t>あ</t>
    </rPh>
    <rPh sb="14" eb="15">
      <t>い</t>
    </rPh>
    <rPh sb="18" eb="20">
      <t>ききん</t>
    </rPh>
    <rPh sb="22" eb="24">
      <t>れいわ</t>
    </rPh>
    <rPh sb="25" eb="27">
      <t>ねんど</t>
    </rPh>
    <rPh sb="27" eb="29">
      <t>きょうどう</t>
    </rPh>
    <rPh sb="29" eb="31">
      <t>じぎょう</t>
    </rPh>
    <rPh sb="31" eb="34">
      <t>ふたんきん</t>
    </rPh>
    <phoneticPr fontId="0" type="Hiragana"/>
  </si>
  <si>
    <t>令和7年度実施協働事業負担金にて、支援の隙間で孤立する若年女性のための自立サポート付きシェアハウス事業を協働事業として実施する。</t>
    <rPh sb="17" eb="19">
      <t>しえん</t>
    </rPh>
    <rPh sb="20" eb="22">
      <t>すきま</t>
    </rPh>
    <rPh sb="23" eb="25">
      <t>こりつ</t>
    </rPh>
    <rPh sb="27" eb="29">
      <t>じゃくねん</t>
    </rPh>
    <rPh sb="29" eb="31">
      <t>じょせい</t>
    </rPh>
    <rPh sb="35" eb="37">
      <t>じりつ</t>
    </rPh>
    <rPh sb="41" eb="42">
      <t>つ</t>
    </rPh>
    <rPh sb="49" eb="51">
      <t>じぎょう</t>
    </rPh>
    <rPh sb="52" eb="54">
      <t>きょうどう</t>
    </rPh>
    <rPh sb="54" eb="56">
      <t>じぎょう</t>
    </rPh>
    <rPh sb="59" eb="61">
      <t>じっし</t>
    </rPh>
    <phoneticPr fontId="0" type="Hiragana"/>
  </si>
  <si>
    <t>共生の場創出事業費</t>
    <phoneticPr fontId="0" type="Hiragana"/>
  </si>
  <si>
    <t>新たに誰もが気軽に参加できる余暇活動を中心とした共生の場を創出することで、若者や子どもを中心に障がいに対する理解の促進を図る。</t>
    <phoneticPr fontId="0" type="Hiragana"/>
  </si>
  <si>
    <t>特定非営利活動法人laule'a、一般社団法人SSP、社会福祉法人アール・ド・ヴィーヴル</t>
    <phoneticPr fontId="0" type="Hiragana"/>
  </si>
  <si>
    <t>障がい者文化芸術普及支援事業費</t>
    <rPh sb="0" eb="1">
      <t>しょう</t>
    </rPh>
    <rPh sb="3" eb="4">
      <t>しゃ</t>
    </rPh>
    <rPh sb="4" eb="6">
      <t>ぶんか</t>
    </rPh>
    <rPh sb="6" eb="8">
      <t>げいじゅつ</t>
    </rPh>
    <rPh sb="8" eb="10">
      <t>ふきゅう</t>
    </rPh>
    <rPh sb="10" eb="12">
      <t>しえん</t>
    </rPh>
    <rPh sb="12" eb="14">
      <t>じぎょう</t>
    </rPh>
    <rPh sb="14" eb="15">
      <t>ひ</t>
    </rPh>
    <phoneticPr fontId="0" type="Hiragana"/>
  </si>
  <si>
    <t>「ともに生きる社会かながわ憲章」の理念をより反映させたかながわ県らしい展覧会を実施する。</t>
    <rPh sb="4" eb="5">
      <t>い</t>
    </rPh>
    <rPh sb="7" eb="9">
      <t>しゃかい</t>
    </rPh>
    <phoneticPr fontId="0" type="Hiragana"/>
  </si>
  <si>
    <t>NPO法人studioFLAT、NPO法人ハイテンション</t>
    <phoneticPr fontId="0" type="Hiragana"/>
  </si>
  <si>
    <t>ジョイン・クリエイティブマネジメント株式会社、社会福祉法人アール・ド・ヴィーヴル、社会福祉法人かれん、社会福祉法人 翔の会</t>
  </si>
  <si>
    <t>共生の場の創出</t>
    <phoneticPr fontId="0" type="Hiragana"/>
  </si>
  <si>
    <t>障がい者を含むあらゆる世代が喜びを実感できる地域共生社会を体感できる場を創出することを目的に、「鎌倉海藻ポーク×インクルーシブビーチクリーン」を実施する。</t>
    <phoneticPr fontId="0" type="Hiragana"/>
  </si>
  <si>
    <t>鎌倉漁師とインクルージョン協議会</t>
    <phoneticPr fontId="0" type="Hiragana"/>
  </si>
  <si>
    <t>当事者目線の障害福祉普及啓発事業費</t>
    <phoneticPr fontId="0" type="Hiragana"/>
  </si>
  <si>
    <t>当事者目線の障がい福祉の取組や実践に向けた課題、その解決策等について、神奈川県や他自治体の事例も交えて議論し、全国に発信するため「当事者目線の権利擁護支援全国フォーラムin神奈川」を実施する。</t>
    <phoneticPr fontId="0" type="Hiragana"/>
  </si>
  <si>
    <t>一般社団法人　全国権利擁護支援ネットワーク</t>
    <phoneticPr fontId="0" type="Hiragana"/>
  </si>
  <si>
    <t>意思決定支援普及・定着事業</t>
    <phoneticPr fontId="0" type="Hiragana"/>
  </si>
  <si>
    <t>障害福祉サービス事業所の職員等が、意思決定支援ガイドラインの内容等を現場で実践するとともに指導できるよう、同ガイドラインの理解促進を図り、当事者中心の意思決定支援のプロセス等を学ぶ研修を実施する。</t>
    <phoneticPr fontId="0" type="Hiragana"/>
  </si>
  <si>
    <t>特定非営利活動法人かながわ障がいケアマネジメント従事者ネットワーク</t>
    <phoneticPr fontId="0" type="Hiragana"/>
  </si>
  <si>
    <t>次世代育成課</t>
    <phoneticPr fontId="0" type="Hiragana"/>
  </si>
  <si>
    <t>子育て支援情報サービスかながわ</t>
    <phoneticPr fontId="2"/>
  </si>
  <si>
    <t>県の運営するホームページ「子育て支援情報サービスかながわ」において、ＮＰＯ、企業、行政等の子ども・子育て支援に関する各種情報を発信し、子育て家庭を支援するとともに、地域ぐるみで子ども・子育て支援に取り組む機運の醸成を図る。_x000D_　　　　　　　　</t>
  </si>
  <si>
    <t>公益社団法人かながわ福祉サービス振興会</t>
    <phoneticPr fontId="0" type="Hiragana"/>
  </si>
  <si>
    <t>かながわ子ども子育て支援大賞</t>
    <phoneticPr fontId="0" type="Hiragana"/>
  </si>
  <si>
    <t>事業者や子ども・子育て支援機関等民間による自主的な子ども・子育て支援活動の活性化と、県民総ぐるみの取組みへの機運の醸成を図る。</t>
    <phoneticPr fontId="0" type="Hiragana"/>
  </si>
  <si>
    <t>受賞者：［ことさんち］、非営利組織「寺子屋くすくすの木」、あすのち、特定非営利活動法人街メダカのお弁当、アート葉山、つどいの場きらく学習室、学校に行きづらい子とその親のための居場所SOW、特定非営利活動法人フードコミュニティ、特定非営利活動法人街の家族</t>
    <rPh sb="0" eb="2">
      <t>じゅしょう</t>
    </rPh>
    <rPh sb="2" eb="3">
      <t>しゃ</t>
    </rPh>
    <phoneticPr fontId="0" type="Hiragana"/>
  </si>
  <si>
    <t>受賞者：株式会社ファンケル、株式会社ダイワコーポレーション</t>
    <rPh sb="0" eb="2">
      <t>じゅしょう</t>
    </rPh>
    <rPh sb="2" eb="3">
      <t>しゃ</t>
    </rPh>
    <phoneticPr fontId="0" type="Hiragana"/>
  </si>
  <si>
    <t>神奈川県子ども・子育て支援推進協議会</t>
    <phoneticPr fontId="2"/>
  </si>
  <si>
    <t>神奈川県子ども・子育て支援推進条例に基づき、県民、地域団体、事業者、行政機関等の協働により、子ども・子育て支援を目指した県民運動を展開する推進母体として、県内の関係団体・個人で構成する「神奈川県子ども・子育て支援推進協議会」を平成19年より設置している。</t>
    <phoneticPr fontId="0" type="Hiragana"/>
  </si>
  <si>
    <t>特定認定非営利活動法人神奈川子ども未来ファンド、特定非営利活動法人かながわ女性会議、特定非営利活動法人葉山っ子すくすくパラダイス他</t>
    <phoneticPr fontId="0" type="Hiragana"/>
  </si>
  <si>
    <t>神奈川県町村会、神奈川県弁護士会他</t>
    <phoneticPr fontId="0" type="Hiragana"/>
  </si>
  <si>
    <t>かながわ版父子手帳「パパノミカタ」</t>
    <phoneticPr fontId="0" type="Hiragana"/>
  </si>
  <si>
    <t>父親育児支援情報サイトのコンテンツの拡充及び、普及啓発を実施する。</t>
    <phoneticPr fontId="0" type="Hiragana"/>
  </si>
  <si>
    <t>次世代育成課</t>
  </si>
  <si>
    <t>保育関係団体補助事業費</t>
    <phoneticPr fontId="2"/>
  </si>
  <si>
    <t>保育関係者の資質の向上、保育内容の充実を図る。</t>
  </si>
  <si>
    <t>一般社団法人神奈川県保育会
公益社団法人神奈川県医師会</t>
  </si>
  <si>
    <t>―</t>
  </si>
  <si>
    <t>保育園等における食物アレルギー事故発生防止事業</t>
    <phoneticPr fontId="2"/>
  </si>
  <si>
    <t>園児にわかる言葉で食物アレルギーを伝え、食物アレルギーの正しい理解と協力が得られる啓発教材を制作する。</t>
  </si>
  <si>
    <t>NPO法人ピアサポートF.A.cafe
(協働事業評価・報告書６)</t>
    <phoneticPr fontId="2"/>
  </si>
  <si>
    <t>LINE公式アカウント「かながわ子育てパーソナルサポート」</t>
    <phoneticPr fontId="0" type="Hiragana"/>
  </si>
  <si>
    <t>子育てに関する情報を必要としている方に、わかりやすくタイムリーにお届けするため、スマートフォンのコミュニケーションアプリ「LINE」を活用し、子育て世帯に対し子育て支援情報を発信する。</t>
    <phoneticPr fontId="0" type="Hiragana"/>
  </si>
  <si>
    <t>子ども家庭課</t>
    <phoneticPr fontId="0" type="Hiragana"/>
  </si>
  <si>
    <t>ふれあい心の友訪問援助事業</t>
    <phoneticPr fontId="0" type="Hiragana"/>
  </si>
  <si>
    <t>ひきこもこりや不登校等の児童の兄・姉に相当する世代を中心に、児童福祉に理解と熱意を有する大学生等を、支援を要する児童の家庭等に派遣し、ふれあい交流を図る。</t>
    <phoneticPr fontId="0" type="Hiragana"/>
  </si>
  <si>
    <t>メンタルフレンド</t>
    <phoneticPr fontId="0" type="Hiragana"/>
  </si>
  <si>
    <t>青少年課</t>
    <phoneticPr fontId="0" type="Hiragana"/>
  </si>
  <si>
    <t>子ども支援活動地域サポート推進事業</t>
    <phoneticPr fontId="0" type="Hiragana"/>
  </si>
  <si>
    <t>子どもたちの健やかな育ちを社会全体で支える地域づくりを進めるため、「ピンクシャツデーin神奈川～いじめストップ！～」などのイベントを通じ、多様性を認め合う大切さを積極的に発信し、子どもや若者が生きる喜びと未来への希望を育める地域社会になることを目指す。</t>
    <phoneticPr fontId="0" type="Hiragana"/>
  </si>
  <si>
    <t>ＮＰＯ法人 神奈川子ども未来ファンド</t>
    <phoneticPr fontId="0" type="Hiragana"/>
  </si>
  <si>
    <t>地域活動人材育成事業費補助</t>
    <phoneticPr fontId="0" type="Hiragana"/>
  </si>
  <si>
    <t>県内の子ども会活動の活性化と青少年の健全育成を目的として、神奈川県子ども会連絡協議会が実施する青少年指導者の育成事業に対し、補助金を交付している。</t>
    <phoneticPr fontId="0" type="Hiragana"/>
  </si>
  <si>
    <t>神奈川県子ども会連絡協議会</t>
    <phoneticPr fontId="0" type="Hiragana"/>
  </si>
  <si>
    <t>ひきこもり等支援団体支援事業</t>
    <rPh sb="5" eb="14">
      <t>トウシエンダンタイシエンジギョウ</t>
    </rPh>
    <phoneticPr fontId="2"/>
  </si>
  <si>
    <t>原油価格・物価高騰等に直面している、不登校やひきこもり等支援団体に対し、ひきこもり等の当事者及び家族への支援活動の継続を支援するため、支援金を支給する。</t>
    <rPh sb="0" eb="4">
      <t>ゲンユカカク</t>
    </rPh>
    <rPh sb="5" eb="10">
      <t>ブッカコウトウナド</t>
    </rPh>
    <rPh sb="11" eb="13">
      <t>チョクメン</t>
    </rPh>
    <rPh sb="18" eb="21">
      <t>フトウコウ</t>
    </rPh>
    <rPh sb="27" eb="28">
      <t>トウ</t>
    </rPh>
    <rPh sb="28" eb="30">
      <t>シエン</t>
    </rPh>
    <rPh sb="30" eb="32">
      <t>ダンタイ</t>
    </rPh>
    <rPh sb="33" eb="34">
      <t>タイ</t>
    </rPh>
    <rPh sb="41" eb="42">
      <t>トウ</t>
    </rPh>
    <rPh sb="43" eb="46">
      <t>トウジシャ</t>
    </rPh>
    <rPh sb="46" eb="47">
      <t>オヨ</t>
    </rPh>
    <rPh sb="48" eb="50">
      <t>カゾク</t>
    </rPh>
    <rPh sb="52" eb="54">
      <t>シエン</t>
    </rPh>
    <rPh sb="54" eb="56">
      <t>カツドウ</t>
    </rPh>
    <rPh sb="57" eb="59">
      <t>ケイゾク</t>
    </rPh>
    <rPh sb="60" eb="62">
      <t>シエン</t>
    </rPh>
    <rPh sb="67" eb="69">
      <t>シエン</t>
    </rPh>
    <rPh sb="69" eb="70">
      <t>キン</t>
    </rPh>
    <rPh sb="71" eb="73">
      <t>シキュウ</t>
    </rPh>
    <phoneticPr fontId="2"/>
  </si>
  <si>
    <t>NPO法人 教育ステーション、特定非営利活動法人 バンブーまなび塾、特定非営利活動法人遊悠楽舎、特定非営利活動法人アンガージュマン・よこすか、特定非営利活動法人フリースクール鈴蘭学園、ひきこもり当事者グループ「ひき桜」in横浜、フレンドリースペース金沢、特定非営利活動法人太陽の村、つづき父親の会、フリースクール　SACHI station、NPO法人ここだね、しんゆり親の会　Ｏｕｒ Ｐｌａｃｅ、特定非営利活動法人ユースポート横濱、ＮＰＯ法人森の仔じゆうがっこう、ミナクルあすなろの家、ＮＰＯ法人子どもと共に歩むフリースペースたんぽぽ、特定非営利活動法人湘南国際、ＮＰＯ法人湘南国際サポートセンター、ふわふわの会、不登校と学校に行きづらい子の親の集い はなまといる、不登校の子どもを持つ親の会　ホープ＆ライフ、特定非営利活動法人ぜんしん、生き×居きコミュニティ、特定非営利活動法人楠の木学園、すばる、かながわ「非行」と向き合う親たちの会（道草の会）、おっちー塾、ＫＨＪ横浜ばらの会、特定非営利活動法人湘南市民メディアネットワーク、特定非営利活動法人 くだかけ会、えびな・ざまエールの会、任意団体 ひきこもり発信プロジェクト、ＩＤＥＡ、ＮＰＯ法人子どもと生活文化協会、ぷれーん 不登校を考える親の会in川崎区、特定非営利活動法人ワーコレたんぽぽひろば、特定非営利活動法人パノラマ、特定非営利活動法人 アーモンドコミュニティネットワーク、特定非営利活動法人コロンブスアカデミー、特定非営利活動法人フリースペースたまりば、step、特定非営利活動法人プラットファーム、不登校親の居場所パステル、つぼみの会、ヒッキーネット、アリビオ、花きりんの会、こどものカフェ、ゆるり瀬谷、横浜不登校親の会ネットワーク”はま親ねっと”、鎌倉会、ＮＰＯ法人マナビノキ、ＳＯＷ、マイクラおかん、cas!ca、特定非営利活動法人横浜メンタルサービスネットワーク、認定特定非営利活動法人こまちぷらす、認定特定非営利活動法人鎌倉あそび基地、親の会パレット</t>
    <rPh sb="664" eb="666">
      <t>トクテイ</t>
    </rPh>
    <rPh sb="666" eb="669">
      <t>ヒエイリ</t>
    </rPh>
    <rPh sb="669" eb="673">
      <t>カツドウホウジン</t>
    </rPh>
    <rPh sb="682" eb="685">
      <t>フトウコウ</t>
    </rPh>
    <rPh sb="685" eb="686">
      <t>オヤ</t>
    </rPh>
    <rPh sb="687" eb="690">
      <t>イバショ</t>
    </rPh>
    <rPh sb="699" eb="700">
      <t>カイ</t>
    </rPh>
    <rPh sb="714" eb="715">
      <t>ハナ</t>
    </rPh>
    <rPh sb="719" eb="720">
      <t>カイ</t>
    </rPh>
    <rPh sb="732" eb="734">
      <t>セヤ</t>
    </rPh>
    <rPh sb="735" eb="737">
      <t>ヨコハマ</t>
    </rPh>
    <rPh sb="737" eb="740">
      <t>フトウコウ</t>
    </rPh>
    <rPh sb="740" eb="741">
      <t>オヤ</t>
    </rPh>
    <rPh sb="742" eb="743">
      <t>カイ</t>
    </rPh>
    <rPh sb="752" eb="753">
      <t>オヤ</t>
    </rPh>
    <rPh sb="758" eb="760">
      <t>カマクラ</t>
    </rPh>
    <rPh sb="760" eb="761">
      <t>カイ</t>
    </rPh>
    <rPh sb="765" eb="767">
      <t>ホウジン</t>
    </rPh>
    <rPh sb="792" eb="801">
      <t>トクテイヒエイリカツドウホウジン</t>
    </rPh>
    <rPh sb="801" eb="803">
      <t>ヨコハマ</t>
    </rPh>
    <rPh sb="818" eb="820">
      <t>ニンテイ</t>
    </rPh>
    <rPh sb="820" eb="822">
      <t>トクテイ</t>
    </rPh>
    <rPh sb="822" eb="825">
      <t>ヒエイリ</t>
    </rPh>
    <rPh sb="825" eb="827">
      <t>カツドウ</t>
    </rPh>
    <rPh sb="827" eb="829">
      <t>ホウジン</t>
    </rPh>
    <rPh sb="836" eb="838">
      <t>ニンテイ</t>
    </rPh>
    <rPh sb="838" eb="840">
      <t>トクテイ</t>
    </rPh>
    <rPh sb="840" eb="847">
      <t>ヒエイリカツドウホウジン</t>
    </rPh>
    <rPh sb="847" eb="849">
      <t>カマクラ</t>
    </rPh>
    <rPh sb="852" eb="854">
      <t>キチ</t>
    </rPh>
    <rPh sb="855" eb="856">
      <t>オヤ</t>
    </rPh>
    <rPh sb="857" eb="858">
      <t>カイ</t>
    </rPh>
    <phoneticPr fontId="2"/>
  </si>
  <si>
    <t>かながわ若者サポートステーション事業</t>
    <phoneticPr fontId="0" type="Hiragana"/>
  </si>
  <si>
    <t>ニート等の働くことに悩みを抱えている若者への職業的自立を支援することを目的に、県西部地域(小田原市）および県央地域（厚木市）の２箇所のサポートステーションを国と共同で運営する。</t>
    <phoneticPr fontId="0" type="Hiragana"/>
  </si>
  <si>
    <t>ＮＰＯ法人子どもと生活文化協会</t>
  </si>
  <si>
    <t>厚生労働省、県内の24の市町村</t>
    <phoneticPr fontId="0" type="Hiragana"/>
  </si>
  <si>
    <t>地域福祉課</t>
    <phoneticPr fontId="0" type="Hiragana"/>
  </si>
  <si>
    <t>福祉有償運送推進事業</t>
    <phoneticPr fontId="0" type="Hiragana"/>
  </si>
  <si>
    <t>　地域の移動制約者の相談に応じる行政職員や地域の相談機関を対象に、福祉有償運送制度等の理解、推進を図るための研修や関連団体との情報交換を行っている。</t>
    <phoneticPr fontId="0" type="Hiragana"/>
  </si>
  <si>
    <t>特定非営利活動法人かながわ福祉移動サービスネットワーク</t>
    <phoneticPr fontId="0" type="Hiragana"/>
  </si>
  <si>
    <t>地域福祉課</t>
  </si>
  <si>
    <t>神奈川被災者支援機関連絡会議</t>
    <phoneticPr fontId="0" type="Hiragana"/>
  </si>
  <si>
    <t>・災害復興くらし応援・みんなのネットワークかながわ
・特定非営利活動法人神奈川災害ボランティアネットワーク</t>
    <phoneticPr fontId="0" type="Hiragana"/>
  </si>
  <si>
    <t>・（福）神奈川県社会福祉協議会
・（福）神奈川県共同募金会</t>
    <phoneticPr fontId="0" type="Hiragana"/>
  </si>
  <si>
    <t>情報アクセシビリティ社会モデル事業</t>
    <phoneticPr fontId="0" type="Hiragana"/>
  </si>
  <si>
    <t>複数の店舗にコミュニケーション支援デバイスやコミュニケーションボードを設置し、設置前後の意識調査を実施する。また、利用者や関係者の意見や認知度の変化を評価し、調査結果をまとめる。</t>
    <phoneticPr fontId="0" type="Hiragana"/>
  </si>
  <si>
    <t>一般社団法人４Ｈｅａｒｔｓ
(協働事業評価・報告書７)</t>
    <phoneticPr fontId="0" type="Hiragana"/>
  </si>
  <si>
    <t xml:space="preserve">・神奈川県聴覚障害者福祉センター
・公益社団法人　神奈川県聴覚障害者協会
・特定非営利活動法人　藤沢市聴覚障害者協会
・障害福祉課
</t>
    <phoneticPr fontId="0" type="Hiragana"/>
  </si>
  <si>
    <t>障害福祉課</t>
    <phoneticPr fontId="0" type="Hiragana"/>
  </si>
  <si>
    <t>工賃向上支援事業（障害者生産活動支援事業）</t>
    <phoneticPr fontId="0" type="Hiragana"/>
  </si>
  <si>
    <t>働く障がい者の工賃向上を目的に、事業所の生産活動を充実させ、支援力を高めるために、複数の事業所が共同で受注等を行う共同受注窓口の運営や発注に貢献した企業表彰、イベント等を実施する。</t>
    <phoneticPr fontId="0" type="Hiragana"/>
  </si>
  <si>
    <t>特定非営利活動法人　神奈川セルプセンター</t>
    <phoneticPr fontId="0" type="Hiragana"/>
  </si>
  <si>
    <t>小規模事業所等支援事業費補助</t>
    <phoneticPr fontId="0" type="Hiragana"/>
  </si>
  <si>
    <t>小規模な事業所等が事業所内支援にとどまらず、地域住民の障がい者理解の促進と障がい福祉の充実につながる地域支援力を高めることを目的に、研修事業等を実施する。</t>
    <phoneticPr fontId="0" type="Hiragana"/>
  </si>
  <si>
    <t>特定非営利活動法人　神奈川県障害者地域作業所連絡協議会</t>
    <phoneticPr fontId="0" type="Hiragana"/>
  </si>
  <si>
    <t>障害者理解促進事業（障害者理解促進研修コーディネート事業）</t>
    <phoneticPr fontId="0" type="Hiragana"/>
  </si>
  <si>
    <t>障がい者の接客対応が求められる企業等が行う社員研修において、障がい者の受け入れに際して必要な配慮等に関する研修の企画や実施を働きかけたり、コーディネートする。また、企業等において、障がい者に対する取組みの中心的な役割を担う人を心のバリアフリー推進員として養成する「心のバリアフリー推進員養成研修講座」を実施する。</t>
    <phoneticPr fontId="0" type="Hiragana"/>
  </si>
  <si>
    <t>特定非営利活動法人　神奈川県障害者自立生活支援センター</t>
    <phoneticPr fontId="0" type="Hiragana"/>
  </si>
  <si>
    <t>相談支援従事者研修事業（初任者研修）・同（現任研修）</t>
    <phoneticPr fontId="0" type="Hiragana"/>
  </si>
  <si>
    <t>障害者総合支援法に規定されたサービス利用支援等を行う相談支援専門員となるために受講する必要のある初任者研修・現任研修を実施する。</t>
    <phoneticPr fontId="0" type="Hiragana"/>
  </si>
  <si>
    <t>特定非営利活動法人　かながわ障がいケアマネジメント従事者ネットワーク等</t>
    <phoneticPr fontId="0" type="Hiragana"/>
  </si>
  <si>
    <t>相談支援従事者等養成・確保推進事業</t>
    <phoneticPr fontId="0" type="Hiragana"/>
  </si>
  <si>
    <t>障害福祉サービスにおける相談支援従事者等について、さらなる人材の質の向上や地域支援の強化、専門性の強化を目的とした研修を実施する。</t>
    <phoneticPr fontId="0" type="Hiragana"/>
  </si>
  <si>
    <t>特定非営利活動法人　かながわ障がいケアマネジメント従事者ネットワーク</t>
    <phoneticPr fontId="0" type="Hiragana"/>
  </si>
  <si>
    <t>障害者権利擁護センター事業</t>
    <phoneticPr fontId="0" type="Hiragana"/>
  </si>
  <si>
    <t>障がい者に対する虐待防止等のため、都道府県障害者権利擁護センターの機能を果たし、通報の受理その他の必要な支援を行う。</t>
    <phoneticPr fontId="0" type="Hiragana"/>
  </si>
  <si>
    <t>障害保健圏域相談支援ネットワーク形成等事業</t>
    <phoneticPr fontId="0" type="Hiragana"/>
  </si>
  <si>
    <t>相談支援等のネットワークの形成を通じて、重層的な相談支援体制を構築し、広域的かつ専門的な支援を行うことにより、障がい者の福祉の増進を図る。</t>
    <phoneticPr fontId="0" type="Hiragana"/>
  </si>
  <si>
    <t>特定非営利活動法人　藤沢相談支援ネットワーク等</t>
    <phoneticPr fontId="0" type="Hiragana"/>
  </si>
  <si>
    <t>障がい者文化芸術普及支援事業</t>
    <phoneticPr fontId="0" type="Hiragana"/>
  </si>
  <si>
    <t>文化芸術活動に様々な障がい者が活動に取り組むことができるよう、障がい者の芸術文化活動を支援する体制を構築し、障がい者の自立と社会参加を促進することを目的として、「神奈川県障がい者芸術文化活動支援センター」を設置し、相談対応や人材養成などを行う。</t>
    <phoneticPr fontId="0" type="Hiragana"/>
  </si>
  <si>
    <t>特定非営利活動法人　ＳＴスポット横浜</t>
    <phoneticPr fontId="0" type="Hiragana"/>
  </si>
  <si>
    <t>障害福祉課</t>
    <phoneticPr fontId="2"/>
  </si>
  <si>
    <t>オストメイト社会適応訓練事業</t>
    <phoneticPr fontId="0" type="Hiragana"/>
  </si>
  <si>
    <t>オストメイト（人工膀胱・人工肛門造設者）に対して、日常生活上必要な訓練・指導等を行うことにより、生活の質的向上を図る。</t>
    <phoneticPr fontId="0" type="Hiragana"/>
  </si>
  <si>
    <t>公益社団法人日本オストミー協会神奈川支部</t>
  </si>
  <si>
    <t>障害者IT利活用推進事業</t>
  </si>
  <si>
    <t>パソコンやスマートフォン等のＩＴ機器の利活用により、障がい者の社会参加をより一層進めるため、専用サイトによる情報提供を行うとともに、ＩＴ機器の利用支援の相談に応じる。</t>
    <phoneticPr fontId="0" type="Hiragana"/>
  </si>
  <si>
    <t>公益社団法人かながわ福祉サービス振興会</t>
  </si>
  <si>
    <t>身体障害者補助犬育成事業</t>
  </si>
  <si>
    <t>身体障がい者の行動範囲を拡大し、社会参加を促進するために身体障害者補助犬（盲導犬、介助犬、聴導犬）を給付する。</t>
    <phoneticPr fontId="0" type="Hiragana"/>
  </si>
  <si>
    <t>公益財団法人　アイメイト協会</t>
    <phoneticPr fontId="0" type="Hiragana"/>
  </si>
  <si>
    <t>公益財団法人　日本補助犬協会</t>
    <phoneticPr fontId="0" type="Hiragana"/>
  </si>
  <si>
    <t>神奈川県障害者社会参加推進センター事業</t>
    <phoneticPr fontId="0" type="Hiragana"/>
  </si>
  <si>
    <t>障がい者の地域における自立生活と社会参加の推進を目的とした、障害者社会参加推進センターを運営する。</t>
    <phoneticPr fontId="0" type="Hiragana"/>
  </si>
  <si>
    <t>公益財団法人　神奈川県身体障害者連合会</t>
    <phoneticPr fontId="0" type="Hiragana"/>
  </si>
  <si>
    <t>音声機能障害者発声訓練事業</t>
    <phoneticPr fontId="0" type="Hiragana"/>
  </si>
  <si>
    <t>喉頭を摘出し音声機能を喪失した者に対し、食道発声法や器具を使用しての訓練を実施する。</t>
    <phoneticPr fontId="0" type="Hiragana"/>
  </si>
  <si>
    <t>精神障害者ホームヘルパー研修事業</t>
    <phoneticPr fontId="0" type="Hiragana"/>
  </si>
  <si>
    <t>精神障がい者に対する居宅介護のサービス提供体制を構築するため、精神障がい者の特性を理解したホームヘルパーを養成し、継続して従事できるための支援を行うことで精神障がい者への居宅介護の量の確保、質の維持・向上を図る。</t>
    <phoneticPr fontId="0" type="Hiragana"/>
  </si>
  <si>
    <t>公益社団法人　かながわ福祉サービス振興会</t>
    <phoneticPr fontId="0" type="Hiragana"/>
  </si>
  <si>
    <t>失語症者向け意思疎通支援事業</t>
    <phoneticPr fontId="0" type="Hiragana"/>
  </si>
  <si>
    <t>失語症者が、地域の一員として安心して自分らしい暮らしをすることができるよう、失語症者の日常生活のニーズを理解し、コミュニケーション技術など支援方法を身につけた、失語症者向け意思疎通支援者の養成及び派遣を行う。</t>
    <phoneticPr fontId="0" type="Hiragana"/>
  </si>
  <si>
    <t>神奈川県言語聴覚士会</t>
    <phoneticPr fontId="0" type="Hiragana"/>
  </si>
  <si>
    <t>一般社団法人　いばらき盲導犬協会</t>
    <phoneticPr fontId="0" type="Hiragana"/>
  </si>
  <si>
    <t>発達障害支援体制整備事業</t>
    <phoneticPr fontId="0" type="Hiragana"/>
  </si>
  <si>
    <t>住民及び関係者等の発達障害に対する理解を深めること等を通じて、地域でのネットワーク構築による支援体制の整備を図るため、発達障害者地域支援マネージャーによる関係機関への助言や連絡調整等を行う。</t>
    <phoneticPr fontId="0" type="Hiragana"/>
  </si>
  <si>
    <t>特定非営利活動法人藤沢相談支援ネットワーク、一般社団法人クロスオーバー大和</t>
    <phoneticPr fontId="0" type="Hiragana"/>
  </si>
  <si>
    <t>障害者歯科診療推進事業費補助</t>
    <phoneticPr fontId="0" type="Hiragana"/>
  </si>
  <si>
    <t>県歯科医師会が、第一次障害者歯科診療施設の設置数の拡大や質の向上等に資するため、歯科医師等を対象とした研修や、障害者歯科診療システムの整備、充実を図るための障害者歯科推進協議会等を開催する。</t>
    <phoneticPr fontId="0" type="Hiragana"/>
  </si>
  <si>
    <t>公益社団法人　神奈川県歯科医師会</t>
    <phoneticPr fontId="0" type="Hiragana"/>
  </si>
  <si>
    <t>障害者団体事業等補助</t>
    <phoneticPr fontId="0" type="Hiragana"/>
  </si>
  <si>
    <t>県内の障がい児者の父母の会の連合体である心身障害児者父母の会連盟が実施する事業に対して補助を行うことで、障がい及び障がい児者への理解を深める活動を実施する。</t>
    <phoneticPr fontId="0" type="Hiragana"/>
  </si>
  <si>
    <t>神奈川県心身障害児者父母の会連盟</t>
    <phoneticPr fontId="0" type="Hiragana"/>
  </si>
  <si>
    <t>精神障害者地域生活支援団体連合会補助金</t>
    <phoneticPr fontId="0" type="Hiragana"/>
  </si>
  <si>
    <t>生活介護、グループホーム等の支援及び連絡調整を行う団体に補助を行い、各事業所間の連携及び社会復帰施設等の職員の資質向上を図る。</t>
    <phoneticPr fontId="0" type="Hiragana"/>
  </si>
  <si>
    <t>特定非営利活動法人　神奈川県精神障害者地域生活支援団体連合会</t>
    <phoneticPr fontId="0" type="Hiragana"/>
  </si>
  <si>
    <t>神奈川県身体障害者連合会補助事業費</t>
    <phoneticPr fontId="2"/>
  </si>
  <si>
    <t>団体が実施する身体障がい者への事業に対して補助をすることで、身体障がい者全体の福祉の向上を図る。</t>
    <phoneticPr fontId="0" type="Hiragana"/>
  </si>
  <si>
    <t>喀痰吸引等研修事業費</t>
    <phoneticPr fontId="0" type="Hiragana"/>
  </si>
  <si>
    <t>喀痰吸引等が必要な方に対して、適切にたんの吸引等を行うことができる介護職員等の要請に必要な研修事業を実施する（第三号研修のみ）。</t>
    <phoneticPr fontId="0" type="Hiragana"/>
  </si>
  <si>
    <t>一般社団法人　日本ALS協会神奈川支部
特定非営利活動法人　フュージョンコムかながわ・県肢体不自由児協会</t>
    <phoneticPr fontId="0" type="Hiragana"/>
  </si>
  <si>
    <t>医療的ケア児地域相談窓口設置事業費</t>
    <phoneticPr fontId="0" type="Hiragana"/>
  </si>
  <si>
    <t>特定非営利活動法人　藤沢相談支援ネットワーク</t>
    <phoneticPr fontId="0" type="Hiragana"/>
  </si>
  <si>
    <t>医療的ケア児支援センター運営事業費</t>
  </si>
  <si>
    <t>医療的ケア児やその家族に切れ目のない支援を行うため、医療的ケア児支援センターを運営する中で、地域課題の抽出、課題への対応、地域支援等を行う。</t>
    <rPh sb="43" eb="44">
      <t>なか</t>
    </rPh>
    <rPh sb="46" eb="48">
      <t>ちいき</t>
    </rPh>
    <rPh sb="48" eb="50">
      <t>かだい</t>
    </rPh>
    <rPh sb="51" eb="53">
      <t>ちゅうしゅつ</t>
    </rPh>
    <rPh sb="54" eb="56">
      <t>かだい</t>
    </rPh>
    <rPh sb="58" eb="60">
      <t>たいおう</t>
    </rPh>
    <rPh sb="61" eb="63">
      <t>ちいき</t>
    </rPh>
    <rPh sb="63" eb="65">
      <t>しえん</t>
    </rPh>
    <rPh sb="65" eb="66">
      <t>とう</t>
    </rPh>
    <rPh sb="67" eb="68">
      <t>おこな</t>
    </rPh>
    <phoneticPr fontId="0" type="Hiragana"/>
  </si>
  <si>
    <t>障がい者ピアサポート研修事業費</t>
    <phoneticPr fontId="0" type="Hiragana"/>
  </si>
  <si>
    <t>県内の指定障害福祉サービス事業所等において、ピアサポーターとして従事する者又は従事しようとする者や、その者と協働して専門職として従事する者又は従事しようとする者に対して、障がい者ピアサポート研修を実施する。</t>
    <phoneticPr fontId="0" type="Hiragana"/>
  </si>
  <si>
    <t>AYA インクルーシブ 映画上映会 in 川崎</t>
    <phoneticPr fontId="0" type="Hiragana"/>
  </si>
  <si>
    <t>「病気とともに闘っている・障がいとともに生きている・医療的ケアが必要である」子どもたちとその家族に、1 つのシアターを貸し切って、映画上映会を開催する。</t>
    <phoneticPr fontId="0" type="Hiragana"/>
  </si>
  <si>
    <t>特定非営利活動法人AYA</t>
    <phoneticPr fontId="0" type="Hiragana"/>
  </si>
  <si>
    <t>医療的ケア児支援センター運営事業費</t>
    <phoneticPr fontId="0" type="Hiragana"/>
  </si>
  <si>
    <t>医療的ケア児やその家族に切れ目のない支援を行い、医療的ケア児の日常生活及び社会生活を支えるため、医療的ケア児支援センターを運営する。</t>
    <phoneticPr fontId="0" type="Hiragana"/>
  </si>
  <si>
    <t>各障害保健福祉圏域に設置している医療的ケア児支援センターのブランチと共催で医療的ケア児のための座談会、交流会等を開催する。</t>
    <phoneticPr fontId="0" type="Hiragana"/>
  </si>
  <si>
    <t>かながわ県医療的ケア児者家族会～つなぐ～</t>
    <phoneticPr fontId="0" type="Hiragana"/>
  </si>
  <si>
    <t>医療的ケア児やその家族に切れ目のない支援を行うため、医療的ケア児支援センターを運営する中で開催する各種会議への参加、発言、講演等を求める。</t>
    <rPh sb="45" eb="47">
      <t>かいさい</t>
    </rPh>
    <rPh sb="49" eb="51">
      <t>かくしゅ</t>
    </rPh>
    <rPh sb="51" eb="53">
      <t>かいぎ</t>
    </rPh>
    <rPh sb="55" eb="57">
      <t>さんか</t>
    </rPh>
    <rPh sb="58" eb="60">
      <t>はつげん</t>
    </rPh>
    <rPh sb="61" eb="63">
      <t>こうえん</t>
    </rPh>
    <rPh sb="63" eb="64">
      <t>とう</t>
    </rPh>
    <rPh sb="65" eb="66">
      <t>もと</t>
    </rPh>
    <phoneticPr fontId="0" type="Hiragana"/>
  </si>
  <si>
    <t>精神障害にも対応した地域包括ケアシステム構築推進事業研修業務委託事業</t>
    <phoneticPr fontId="0" type="Hiragana"/>
  </si>
  <si>
    <t>精神障がい者が地域の一員として安心して暮らすことができるよう、医療、障がい福祉、介護、住まい、社会参加などが包括的に確保された「精神障害にも対応した地域包括ケアシステム」の構築に向け、地域生活支援関係者への研修及び地域住民に向けた普及啓発講座等を実施する。</t>
    <phoneticPr fontId="0" type="Hiragana"/>
  </si>
  <si>
    <t>相談支援体制拡充強化事業</t>
    <phoneticPr fontId="0" type="Hiragana"/>
  </si>
  <si>
    <t>生活援護課</t>
    <phoneticPr fontId="0" type="Hiragana"/>
  </si>
  <si>
    <t>生活困窮者自立促進支援事業費</t>
    <phoneticPr fontId="0" type="Hiragana"/>
  </si>
  <si>
    <t>生活困窮者の自立支援と、安定した暮らしを支える地域づくりの基盤を形成するため、地域資源の広域的な開拓やネットワーク会議を通じて、支援者同士の情報共有を図り、よりよい支援方策を検討するとともに、支援者同士が顔の見える関係性を築き、有機的で円滑な地域連携体制を構築する。</t>
    <phoneticPr fontId="0" type="Hiragana"/>
  </si>
  <si>
    <t>かながわ生活困窮者自立支援ネットワーク</t>
    <phoneticPr fontId="0" type="Hiragana"/>
  </si>
  <si>
    <t>困難を抱える10代の子ども・若者への相談支援事業</t>
    <phoneticPr fontId="0" type="Hiragana"/>
  </si>
  <si>
    <t>生活に困りごとを抱える子ども・若者に対する相談支援を、社会に出る前のセーフティ-ネットとして、県立高校との連携においてアウトリーチ相談により行うこと、地域の社会資源につなげるために地域の支援団体のネットワークを構築することにより、適正な支援を行う体制を構築する。</t>
    <phoneticPr fontId="0" type="Hiragana"/>
  </si>
  <si>
    <t>NPO法人多文化共生教育ネットワークかながわ
(協働事業評価・報告書９)</t>
    <phoneticPr fontId="0" type="Hiragana"/>
  </si>
  <si>
    <t>子ども・若者未来応援推進事業費</t>
    <phoneticPr fontId="0" type="Hiragana"/>
  </si>
  <si>
    <t>困窮世帯の若者、ケアリーバー、被虐待経験のある若者、ヤングケアラーなど、必ずしも家庭や家族からの十分な支援を受けることができない若者に対して、社会に巣立つために必要な初期費用の支援やアウトリーチによる寄り添い支援に係る経費を県が補助する。</t>
    <phoneticPr fontId="0" type="Hiragana"/>
  </si>
  <si>
    <t>NPO法人神奈川子ども未来ファンド</t>
    <phoneticPr fontId="0" type="Hiragana"/>
  </si>
  <si>
    <t>かながわ男女共同参画センター</t>
    <phoneticPr fontId="2"/>
  </si>
  <si>
    <t>女性への暴力相談“週末ホットライン”</t>
    <phoneticPr fontId="0" type="Hiragana"/>
  </si>
  <si>
    <t>土曜日・日曜日の１７時から２１時及び祝日の９時から２１時に電話による相談窓口を開設する。</t>
    <phoneticPr fontId="0" type="Hiragana"/>
  </si>
  <si>
    <t>かながわ男女共同参画センター</t>
  </si>
  <si>
    <t>外国籍ＤＶ被害者のための多言語による相談</t>
    <phoneticPr fontId="0" type="Hiragana"/>
  </si>
  <si>
    <t>配偶者暴力相談支援センターで実施する相談のうち、外国籍被害者のための相談を多言語（13言語）で実施する。</t>
    <phoneticPr fontId="0" type="Hiragana"/>
  </si>
  <si>
    <t>デートＤＶ防止啓発講座</t>
    <phoneticPr fontId="0" type="Hiragana"/>
  </si>
  <si>
    <t>デートＤＶについて若年層を対象に防止啓発することによって、ＤＶの防止を図ることを目的とし、どこにでもありそうな恋人同士の会話等を題材として、グループワーク等により参加しながら学ぶ講座を実施する。</t>
    <phoneticPr fontId="0" type="Hiragana"/>
  </si>
  <si>
    <t>かながわ男女共同参画センター</t>
    <phoneticPr fontId="0" type="Hiragana"/>
  </si>
  <si>
    <t>男女共同参画推進市町村連携事業</t>
    <phoneticPr fontId="0" type="Hiragana"/>
  </si>
  <si>
    <t>地域における男女共同参画社会の実現に向けて、地域の実情に応じた事業を市町村と連携して実施し、男女共同参画の推進を図る。また、企画段階から市町村とＮＰＯ等との連携を推奨することにより、実質的な協働の促進を図る。</t>
    <phoneticPr fontId="0" type="Hiragana"/>
  </si>
  <si>
    <t>・一般社団法人アンコンシャスバイアス研究所
・一般社団法人ウィーアーワン北上
・一般社団法人女性の実学協会
・NPO法人よこはまチャイルドライン
・一般社団法人インクルージョンネットかながわ
・かながわ生活困窮者自立支援ネットワーク
・かながわ女のスペースみずら
・二宮プロジェクト・Ｄ</t>
    <rPh sb="40" eb="46">
      <t>いっぱんしゃだんほうじん</t>
    </rPh>
    <rPh sb="46" eb="48">
      <t>じょせい</t>
    </rPh>
    <rPh sb="49" eb="51">
      <t>じつがく</t>
    </rPh>
    <rPh sb="51" eb="53">
      <t>きょうかい</t>
    </rPh>
    <rPh sb="58" eb="60">
      <t>ほうじん</t>
    </rPh>
    <rPh sb="74" eb="76">
      <t>いっぱん</t>
    </rPh>
    <rPh sb="76" eb="78">
      <t>しゃだん</t>
    </rPh>
    <rPh sb="78" eb="80">
      <t>ほうじん</t>
    </rPh>
    <rPh sb="101" eb="103">
      <t>せいかつ</t>
    </rPh>
    <rPh sb="103" eb="106">
      <t>こんきゅうしゃ</t>
    </rPh>
    <rPh sb="106" eb="108">
      <t>じりつ</t>
    </rPh>
    <rPh sb="108" eb="110">
      <t>しえん</t>
    </rPh>
    <rPh sb="122" eb="123">
      <t>おんな</t>
    </rPh>
    <rPh sb="133" eb="135">
      <t>にのみや</t>
    </rPh>
    <phoneticPr fontId="0" type="Hiragana"/>
  </si>
  <si>
    <t>神奈川県内の各市町村（政令指定都市除く）</t>
    <phoneticPr fontId="0" type="Hiragana"/>
  </si>
  <si>
    <t>ジェンダー平等×ミライガイダンス</t>
    <phoneticPr fontId="0" type="Hiragana"/>
  </si>
  <si>
    <t>女性技術者・研究者や、男性の育休取得経験者など、今までロールモデルの少なかった「自分らしい生き方や働き方」をしている講師を学校等に派遣し、性別に関わらず、自分らしい生き方や働き方を考える機会を提供するとともに、女子生徒の理工系志望を促進・支援する出前講座を実施する。</t>
    <phoneticPr fontId="0" type="Hiragana"/>
  </si>
  <si>
    <t>NPO法人日本女性技術者科学者ネットワーク</t>
    <phoneticPr fontId="0" type="Hiragana"/>
  </si>
  <si>
    <t>Ｄ＆Ｉかながわメンバーズ会員（企業・団体）</t>
    <phoneticPr fontId="0" type="Hiragana"/>
  </si>
  <si>
    <t>女性のための社会参画セミナー「かなテラスカレッジ」</t>
    <phoneticPr fontId="0" type="Hiragana"/>
  </si>
  <si>
    <t>様々な意思決定の場への女性（議員・審議会委員等、行政・地域・企業等のキーパーソンとして活動する女性）の参画を促進し、地域や社会の課題を発見し解決するための手法を学ぶ。</t>
    <phoneticPr fontId="0" type="Hiragana"/>
  </si>
  <si>
    <t>男性の家事・育児参画促進事業（講師派遣）</t>
    <phoneticPr fontId="0" type="Hiragana"/>
  </si>
  <si>
    <t>男性の家事・育児参画に向けた「職場の理解促進と意識改革」を図り、ジェンダー平等や女性活躍の阻害要因となるジェンダーバイアス（性別役割分担意識）を解消するため、県内事業所等の職場研修へ講師派遣を行う。</t>
    <phoneticPr fontId="0" type="Hiragana"/>
  </si>
  <si>
    <t>・NPO法人ジェンダーイコール
・NPO法人ファザーリング・ジャパン</t>
    <phoneticPr fontId="0" type="Hiragana"/>
  </si>
  <si>
    <t>市町村男女共同参画施策推進者研修・情報交換会</t>
    <phoneticPr fontId="2"/>
  </si>
  <si>
    <t>かながわ男女共同参画センター及び各市町村の事業について情報等を共有し、男女共同参画についての施策能力の向上等を図る研修を実施することにより、効果的な事業展開を図るとともに、県と市町村並びに市町村相互の連携の強化を図る。</t>
    <rPh sb="4" eb="10">
      <t>ダンジョキョウドウサンカク</t>
    </rPh>
    <phoneticPr fontId="2"/>
  </si>
  <si>
    <t xml:space="preserve">NPO法人 ＳＨＩＰ
</t>
    <rPh sb="3" eb="5">
      <t>ホウジン</t>
    </rPh>
    <phoneticPr fontId="2"/>
  </si>
  <si>
    <t>神奈川県内の各市町村（政令指定都市除く）</t>
    <phoneticPr fontId="2"/>
  </si>
  <si>
    <t>女性相談支援センター</t>
    <phoneticPr fontId="0" type="Hiragana"/>
  </si>
  <si>
    <t>困難な問題を抱える女性に対する一時保護委託事業</t>
    <phoneticPr fontId="0" type="Hiragana"/>
  </si>
  <si>
    <t>女性支援法及び配偶者暴力防止法に基づき、困難な問題を抱える女性及びその同伴する家族の緊急一時保護を委託する。</t>
    <phoneticPr fontId="0" type="Hiragana"/>
  </si>
  <si>
    <t>青少年センター</t>
    <phoneticPr fontId="0" type="Hiragana"/>
  </si>
  <si>
    <t>ひきこもり等相談関係事業</t>
    <phoneticPr fontId="0" type="Hiragana"/>
  </si>
  <si>
    <t>地域の課題にもなっている、ひきこもり等の青少年の様々な悩みに関する相談を受けるため、かながわ子ども・若者総合相談センター及び神奈川県ひきこもり地域支援センターにおいて、常勤スタッフの他、ＮＰＯ等で活動の経験が豊かなアドバイザーも相談を担当する。</t>
    <phoneticPr fontId="0" type="Hiragana"/>
  </si>
  <si>
    <t>個人</t>
    <phoneticPr fontId="0" type="Hiragana"/>
  </si>
  <si>
    <t>神奈川県西部地域相談事業（神奈川県西部青少年サポート相談室（神奈川県西部ひきこもり相談窓口））</t>
    <phoneticPr fontId="0" type="Hiragana"/>
  </si>
  <si>
    <t>県西部地域の課題にもなっている、ひきこもり等の青少年の様々な悩みの相談の利便性を高めるとともに、関係機関の連携を推進するため「神奈川県西部地域相談事業」を、ＮＰＯと協働で実施する。</t>
    <phoneticPr fontId="0" type="Hiragana"/>
  </si>
  <si>
    <t>ＮＰＯ法人子どもと生活文化協会</t>
    <phoneticPr fontId="0" type="Hiragana"/>
  </si>
  <si>
    <t>フリースペース等相談事業費補助</t>
    <phoneticPr fontId="0" type="Hiragana"/>
  </si>
  <si>
    <t>ひきこもり等青少年やその家族等に対しての相談活動を通して、青少年やその家族に対しての支援活動を促進するため、相談活動に有意な居場所としてのフリースペース等の活動にあわせて相談活動を実施する民間団体への補助を実施する。</t>
    <phoneticPr fontId="0" type="Hiragana"/>
  </si>
  <si>
    <t>NPO法人教育支援協会南関東、NPO法人楠の木学園、NPO法人アーモンドコミュニティネットワーク、NPO法人教育活動総合サポートセンター、NPO法人フリースクール鈴蘭学園、NPO法人アンガージュマン・よこすか、NPO法人子どもと共に歩むフリースペースたんぽぽ、NPO法人くだかけ会、NPO法人ここだね、NPO法人鎌倉あそび基地</t>
    <phoneticPr fontId="0" type="Hiragana"/>
  </si>
  <si>
    <t>ひきこもり等地域理解促進事業</t>
    <phoneticPr fontId="0" type="Hiragana"/>
  </si>
  <si>
    <t xml:space="preserve">ひきこもり等青少年の親の会や自助グループ等が企画する講演会・研修会等の事業について、県が共催して取り組むことで、団体の自主的な取り組みの活性化及びひきこもり問題の理解促進を図る。 </t>
    <phoneticPr fontId="0" type="Hiragana"/>
  </si>
  <si>
    <t>NPO法人 教育ステーション、横浜不登校親の会ネットワーク（はま親ねっと）、つぼみの会（ひきこもる家族を持つ親・きょうだいの会）、NPO法人フリースクール鈴蘭学園、NPO法人ワーコレたんぽぽひろば、すばる・かたつむり、NPO法人子どもと共に歩むフリースペースたんぽぽ、KHJ横浜ばらの会</t>
    <phoneticPr fontId="0" type="Hiragana"/>
  </si>
  <si>
    <t>健康増進課</t>
    <phoneticPr fontId="0" type="Hiragana"/>
  </si>
  <si>
    <t>（通称名）生活習慣病予防対策普及事業</t>
    <phoneticPr fontId="0" type="Hiragana"/>
  </si>
  <si>
    <t>地域において食生活を中心とした生活習慣の改善を実践的に展開し、県民の健康寿命の延伸及び生活の質の向上を図ることを目的に、県民が実行しやすい食情報を中心とした健康づくりの普及啓発を推進する。</t>
    <phoneticPr fontId="0" type="Hiragana"/>
  </si>
  <si>
    <t>神奈川県食生活改善推進団体連絡協議会</t>
    <phoneticPr fontId="0" type="Hiragana"/>
  </si>
  <si>
    <t>先天性代謝異常等精度管理事業委託</t>
    <phoneticPr fontId="0" type="Hiragana"/>
  </si>
  <si>
    <t>検査機関が行う検査の精度試験及び技術指導を行うとともに、検査用試験薬及び血液の品質管理を行う。</t>
    <phoneticPr fontId="0" type="Hiragana"/>
  </si>
  <si>
    <t>NPO法人タンデムマス・スクリーニング普及協会</t>
    <phoneticPr fontId="0" type="Hiragana"/>
  </si>
  <si>
    <t>健康支援プログラム</t>
    <phoneticPr fontId="0" type="Hiragana"/>
  </si>
  <si>
    <t>民間企業、NPO法人等に、保有するノウハウや人材を活かして「健康支援プログラム」を提供してもらい、県は、市町村設置の未病センターにおける当該プログラムの活用をコーディネートする。</t>
    <phoneticPr fontId="0" type="Hiragana"/>
  </si>
  <si>
    <t xml:space="preserve">NPO法人ダンスライフコミュニケーションズ、NPO法人神奈川ウォーキング協会
公益社団法人神奈川県柔道整復師会
公益財団法人ダイヤ高齢社会研究財団
</t>
    <phoneticPr fontId="0" type="Hiragana"/>
  </si>
  <si>
    <t>味の素株式会社ほか</t>
    <phoneticPr fontId="0" type="Hiragana"/>
  </si>
  <si>
    <t>かながわ未病改善協力制度</t>
  </si>
  <si>
    <t>「かながわ未病改善宣言」に基づく活動を、県民が身近なところで実践等ができるよう企業・団体に協力してもらい、広く県民の健康づくりを支援する。</t>
    <phoneticPr fontId="0" type="Hiragana"/>
  </si>
  <si>
    <t>・一般社団法人日本ヒューマン・ドッグウォーキング協会
・一般社団法人神奈川県鍼灸マッサージ師会
・公益財団法人　横浜YMCA
・特定非営利活動法人　未病リサーチスクエア協会
・NPO法人　生命の貯蓄体操普及会
・NPO法人湘南スポーツコミュニティセンター
・公益財団法人かながわトラストみどり財団
・公益社団法人　神奈川県薬剤師会
・ＮＰＯ法人いのちとこころ
・公益財団法人神奈川県予防医学協会
・一般社団法人神奈川健康生きがいづくりアドバイザー協議会
・非営利活動法人日本ヨーガ療法士協会・神奈川
・公益社団法人神奈川県鍼灸師会
・公益財団法人　神奈川県公園協会
・一般社団法人　健康ポスティング普及協会
・ＮＰＯ法人夢キューブ
・特定非営利活動法人　ヴイエムシイ
・ＮＰＯ法人ＱＯＬサポート研究会
・特定非営利活動法人メタボランティア
・ＮＰＯ法人神奈川県ウオーキング協会
・一般社団法人気のかたち
・一般社団法人かながわ土地建物保全協会
・特定非営利活動法人　笑顔
・一般社団法人あすぽ
・公益社団法人　神奈川県柔道整復師会
・NPO法人神奈川県歩け歩け協会
・NPO法人かもめウォーキングアカデミー
・公益財団法人かながわ健康財団
・特定非営利活動法人　日本ステッピング協会
・一般社団法人 日本姿勢科学学会 神奈川県支部
・特定非営利活動法人協同労働協会OICHI
・一般社団法人セルフメディケーション協会
・一般社団法人日本産業カウンセラー協会　神奈川支部
・一般社団法人健康コンシェルジュ日本
・公益社団法人全国珠算教育連盟正会員指導教場　わかば珠算塾
・一般社団法人神奈川県保育会
・公益社団法人　神奈川県私立幼稚園連合会
・NPO法人　心の居場所
・特定非営利活動法人　夢・コミュニティ・ネットワーク
・一般財団法人川崎新都心街づくり財団
・一般社団法人ILS
・NPO法人スーリールファム
・一般社団法人チャレンジマイセルフ
・一般社団法人シュフレ協会</t>
    <phoneticPr fontId="2"/>
  </si>
  <si>
    <t>株式会社スリーエフ等多数</t>
    <phoneticPr fontId="0" type="Hiragana"/>
  </si>
  <si>
    <t>子どもの未病改善応援プログラム</t>
    <phoneticPr fontId="0" type="Hiragana"/>
  </si>
  <si>
    <t>民間企業、NPO法人等に、保有するノウハウや人材を活かして「子どもの未病改善応援プログラム」を提供してもらい、県は、保育園等における当該プログラムの活用をコーディネートする。</t>
    <phoneticPr fontId="0" type="Hiragana"/>
  </si>
  <si>
    <t>NPO法人 
みんなのお箸プロジェクト</t>
    <phoneticPr fontId="0" type="Hiragana"/>
  </si>
  <si>
    <t>神奈川東部ヤクルト販売（株）ほか</t>
    <phoneticPr fontId="0" type="Hiragana"/>
  </si>
  <si>
    <t>オーラルフレイル健口推進員養成事業</t>
    <phoneticPr fontId="0" type="Hiragana"/>
  </si>
  <si>
    <t>8020運動、オーラルフレイル対策や歯及び口腔の健康づくりを推進する目的で、歯及び口腔の健康づくりに主体的に取り組み、普及啓発を実践する推進員を養成する。</t>
    <phoneticPr fontId="0" type="Hiragana"/>
  </si>
  <si>
    <t>オーラルフレイル健口推進員(食生活改善推進団体連絡協議会等）</t>
    <phoneticPr fontId="0" type="Hiragana"/>
  </si>
  <si>
    <t>がん・疾病対策課</t>
    <phoneticPr fontId="0" type="Hiragana"/>
  </si>
  <si>
    <t>がん検診受診促進事業</t>
    <phoneticPr fontId="0" type="Hiragana"/>
  </si>
  <si>
    <t>乳がんの早期発見・早期治療の大切さを広く発信するため、ピンクのライトアップを実施する。また、広く周知するため、令和５年度よりフォトコンテストを実施。</t>
    <phoneticPr fontId="0" type="Hiragana"/>
  </si>
  <si>
    <t>ピンクリボンかながわ、ピンクリボンふじさわ／NPO法人あいおぷらす、一般社団法人ピンクバルーン</t>
    <phoneticPr fontId="0" type="Hiragana"/>
  </si>
  <si>
    <t>共催 神奈川県／認定ＮＰＯ法人乳房健康研究会</t>
    <phoneticPr fontId="0" type="Hiragana"/>
  </si>
  <si>
    <t>角膜・骨髄移植推進事業費</t>
    <phoneticPr fontId="0" type="Hiragana"/>
  </si>
  <si>
    <t>県、神奈川骨髄移植を考える会、神奈川県赤十字血液センターが協力して、骨髄ドナー登録会を実施</t>
    <phoneticPr fontId="0" type="Hiragana"/>
  </si>
  <si>
    <t>神奈川骨髄移植を考える会</t>
    <phoneticPr fontId="0" type="Hiragana"/>
  </si>
  <si>
    <t>神奈川県赤十字血液センター</t>
    <phoneticPr fontId="0" type="Hiragana"/>
  </si>
  <si>
    <t>骨髄ドナー登録説明員養成講座</t>
    <phoneticPr fontId="0" type="Hiragana"/>
  </si>
  <si>
    <t>県、神奈川骨髄移植を考える会、神奈川県赤十字血液センターが協力して、骨髄ドナー登録説明員を養成する講座を開催</t>
    <phoneticPr fontId="0" type="Hiragana"/>
  </si>
  <si>
    <t>かながわ乳がん検診向上モデル構築事業</t>
    <phoneticPr fontId="0" type="Hiragana"/>
  </si>
  <si>
    <t>県民を対象に、乳がんについての正しい知識、早期発見の意義を伝えるため、医療機関での実施とマンモグラフィバスを用いた出張検診を行うとともに、ブレストアウェアネスセミナー等を実施。</t>
    <phoneticPr fontId="0" type="Hiragana"/>
  </si>
  <si>
    <t>腎疾患対策普及活動事業費</t>
  </si>
  <si>
    <t>腎疾患の予防のための講演会、相談会を開催。開催を特定非営利活動法人神奈川県腎友会に委託</t>
    <phoneticPr fontId="0" type="Hiragana"/>
  </si>
  <si>
    <t>特定非営利活動法人神奈川県腎友会</t>
  </si>
  <si>
    <t>平塚保健福祉事務所秦野センター</t>
    <phoneticPr fontId="0" type="Hiragana"/>
  </si>
  <si>
    <t>栄養・食生活対策事業（食生活改善地区組織育成）</t>
    <phoneticPr fontId="0" type="Hiragana"/>
  </si>
  <si>
    <t xml:space="preserve">①地域における食生活改善のための実践活動
②行政が行う各種健康づくり等への協力
③会員への研修
④食生活改善のための調査研究
⑤健康づくりに関する広報活動
</t>
    <phoneticPr fontId="0" type="Hiragana"/>
  </si>
  <si>
    <t>食生活改善推進団体さんろく会</t>
    <phoneticPr fontId="0" type="Hiragana"/>
  </si>
  <si>
    <t>県で養成したオーラルフレイル健口推進員（8020運動推進員）による、健口体操等の自主的な普及啓発活動。当センターは、推進員の人材育成（研修等）と活動支援を行う。</t>
    <phoneticPr fontId="0" type="Hiragana"/>
  </si>
  <si>
    <t>オーラルフレイル健口推進員（8020運動推進員）</t>
    <phoneticPr fontId="0" type="Hiragana"/>
  </si>
  <si>
    <t>西湘断酒新生会</t>
    <phoneticPr fontId="0" type="Hiragana"/>
  </si>
  <si>
    <t>①アルコール依存症からの回復のための定例活動。
②アルコール依存症の予防や再発防止のための啓発活動</t>
    <phoneticPr fontId="0" type="Hiragana"/>
  </si>
  <si>
    <t>のぞみ会</t>
    <phoneticPr fontId="0" type="Hiragana"/>
  </si>
  <si>
    <t>精神障害者の自立と社会参加を目的とした家族会への支援</t>
    <phoneticPr fontId="0" type="Hiragana"/>
  </si>
  <si>
    <t>鎌倉保健福祉事務所</t>
  </si>
  <si>
    <t>認知症保健福祉事務所事業</t>
    <phoneticPr fontId="0" type="Hiragana"/>
  </si>
  <si>
    <t>認知症になっても安心して暮らせるようにするため、専門職と住民が協働して相談・支援・研修・広報事業を行なっている。</t>
  </si>
  <si>
    <t>かまくら認知症ネットワーク
かまくらりんどうの会</t>
    <phoneticPr fontId="0" type="Hiragana"/>
  </si>
  <si>
    <t>鎌倉保健福祉事務所</t>
    <phoneticPr fontId="0" type="Hiragana"/>
  </si>
  <si>
    <t>精神保健福祉普及相談事業</t>
    <phoneticPr fontId="0" type="Hiragana"/>
  </si>
  <si>
    <t>・アルコールの問題を抱える本人・家族・関係機関等を対象に、アルコール教室を実施</t>
    <phoneticPr fontId="0" type="Hiragana"/>
  </si>
  <si>
    <t>鎌倉逗子断酒会</t>
    <phoneticPr fontId="0" type="Hiragana"/>
  </si>
  <si>
    <t>精神保健福祉サポートセミナー運営委員会（鎌倉市内）のボランティア養成活動を支援する。</t>
    <phoneticPr fontId="0" type="Hiragana"/>
  </si>
  <si>
    <t>精神保健福祉サポートセミナー運営委員会</t>
    <phoneticPr fontId="0" type="Hiragana"/>
  </si>
  <si>
    <t>県で養成したオーラルフレイル健口推進員(8020運動推進員)による健口体操等の自主的な普及啓発活動を支援する。</t>
    <phoneticPr fontId="0" type="Hiragana"/>
  </si>
  <si>
    <t>オーラルフレイル健口推進員</t>
    <phoneticPr fontId="0" type="Hiragana"/>
  </si>
  <si>
    <t>食生活改善推進団体育成事業</t>
    <phoneticPr fontId="0" type="Hiragana"/>
  </si>
  <si>
    <t>食生活改善推進団体若宮会の組織強化及び地域における食生活改善活動を支援する。</t>
    <phoneticPr fontId="0" type="Hiragana"/>
  </si>
  <si>
    <t>食生活改善推進団体若宮会</t>
    <phoneticPr fontId="0" type="Hiragana"/>
  </si>
  <si>
    <t>地域企業におけるがん検診受診促進事業</t>
    <phoneticPr fontId="0" type="Hiragana"/>
  </si>
  <si>
    <t>管内の企業、事業所等におけるがん検診の受診促進・精密検査受診啓発を行い、効果的な受診率の向上を目指す。</t>
    <phoneticPr fontId="0" type="Hiragana"/>
  </si>
  <si>
    <t>NPO法人ブレイブサークル</t>
    <phoneticPr fontId="0" type="Hiragana"/>
  </si>
  <si>
    <t>鎌倉保健福祉事務所三崎センター</t>
    <phoneticPr fontId="0" type="Hiragana"/>
  </si>
  <si>
    <t>栄養・食生活対策推進事業費</t>
    <phoneticPr fontId="0" type="Hiragana"/>
  </si>
  <si>
    <t>地域における食生活改善活動として次の活動を行う。
・県が行う各種健康づくり事業等への協力
・会員への研修
・健康づくりに関する広報活動</t>
    <phoneticPr fontId="0" type="Hiragana"/>
  </si>
  <si>
    <t>食生活改善推進団体三栄会</t>
    <phoneticPr fontId="0" type="Hiragana"/>
  </si>
  <si>
    <t>・行政が行う各種栄養改善業務等への協力
・会員への研修</t>
    <phoneticPr fontId="0" type="Hiragana"/>
  </si>
  <si>
    <t>三浦市在宅栄養士会</t>
    <phoneticPr fontId="0" type="Hiragana"/>
  </si>
  <si>
    <t>８０２０運動推進対策事業費</t>
    <phoneticPr fontId="0" type="Hiragana"/>
  </si>
  <si>
    <t>県で養成したオーラルフレイル健口推進員の育成及び自主的な健口体操等の普及啓発活動を支援</t>
    <phoneticPr fontId="0" type="Hiragana"/>
  </si>
  <si>
    <t>精神保健福祉普及相談事業費</t>
    <phoneticPr fontId="0" type="Hiragana"/>
  </si>
  <si>
    <t>アルコールの問題を抱える本人・家族・関係機関等を対象にした酒害相談
アルコール依存症からの回復のための定例活動</t>
    <phoneticPr fontId="0" type="Hiragana"/>
  </si>
  <si>
    <t>小田原保健福祉事務所</t>
    <phoneticPr fontId="0" type="Hiragana"/>
  </si>
  <si>
    <t>地域活動栄養士支援</t>
    <phoneticPr fontId="0" type="Hiragana"/>
  </si>
  <si>
    <t>在宅栄養士会「旬の会」</t>
    <phoneticPr fontId="0" type="Hiragana"/>
  </si>
  <si>
    <t>県で養成したオーラルフレイル健口推進員（8020運動推進員）の人材育成及び活動支援を行う。</t>
    <phoneticPr fontId="0" type="Hiragana"/>
  </si>
  <si>
    <t>地域歯科衛生士会活動支援</t>
    <phoneticPr fontId="0" type="Hiragana"/>
  </si>
  <si>
    <t>管内で活動する歯科衛生士会への情報提供及び助言指導を行う。</t>
    <phoneticPr fontId="0" type="Hiragana"/>
  </si>
  <si>
    <t>小田原地域歯科衛生士会</t>
    <phoneticPr fontId="0" type="Hiragana"/>
  </si>
  <si>
    <t>虹の会活動支援</t>
    <phoneticPr fontId="0" type="Hiragana"/>
  </si>
  <si>
    <t>口唇口蓋裂児家族の会への情報提供、助言等の活動支援を行う。</t>
    <phoneticPr fontId="0" type="Hiragana"/>
  </si>
  <si>
    <t>虹の会</t>
    <phoneticPr fontId="0" type="Hiragana"/>
  </si>
  <si>
    <t>小田原断酒新生会</t>
    <phoneticPr fontId="0" type="Hiragana"/>
  </si>
  <si>
    <t>アルコール依存症患者や家族の回復のための例会、酒害相談、研修会を実施</t>
    <phoneticPr fontId="0" type="Hiragana"/>
  </si>
  <si>
    <t>小田原保健福祉事務所足柄上センター</t>
    <phoneticPr fontId="0" type="Hiragana"/>
  </si>
  <si>
    <t>団体等支援（断酒会等）</t>
    <phoneticPr fontId="0" type="Hiragana"/>
  </si>
  <si>
    <t>アルコール依存症の本人及び家族の回復のための例会活動、研修会開催、酒害相談活動を支援するため、必要な情報提供等を行う。</t>
    <phoneticPr fontId="0" type="Hiragana"/>
  </si>
  <si>
    <t>西湘断酒新生会、AA小田原グループ</t>
    <phoneticPr fontId="0" type="Hiragana"/>
  </si>
  <si>
    <t>・地域における食生活改善活動
・行政が行う各種健康づくり事業等への協力
・会員への研修
・食生活改善のための調査研究
・健康づくりに関する広報活動</t>
    <phoneticPr fontId="0" type="Hiragana"/>
  </si>
  <si>
    <t>食生活改善推進団体いくみ会</t>
    <phoneticPr fontId="0" type="Hiragana"/>
  </si>
  <si>
    <t>足柄上地域活動栄養士「あじ彩の会」</t>
    <phoneticPr fontId="0" type="Hiragana"/>
  </si>
  <si>
    <t>オーラルフレイル健口推進員（8020運動推進員）養成事業</t>
    <phoneticPr fontId="0" type="Hiragana"/>
  </si>
  <si>
    <t>県で養成したオーラルフレイル健口推進員（8020運動推進員）による、健口体操等の自主的な普及啓発活動</t>
    <phoneticPr fontId="0" type="Hiragana"/>
  </si>
  <si>
    <t>在宅歯科衛生士会活動支援</t>
    <phoneticPr fontId="0" type="Hiragana"/>
  </si>
  <si>
    <t>・行政が行う各種歯科保健業務等への協力
・口腔ケア等に関する普及啓発活動
・会員への研修</t>
    <phoneticPr fontId="0" type="Hiragana"/>
  </si>
  <si>
    <t>足柄歯科衛生士会（歯ーとハートの会）</t>
    <phoneticPr fontId="0" type="Hiragana"/>
  </si>
  <si>
    <t>厚木保健福祉事務所</t>
    <rPh sb="0" eb="2">
      <t>アツギ</t>
    </rPh>
    <rPh sb="2" eb="9">
      <t>ホ</t>
    </rPh>
    <phoneticPr fontId="7"/>
  </si>
  <si>
    <t>栄養・食生活対策推進事業費（食生活改善推進団体育成）</t>
    <rPh sb="8" eb="10">
      <t>スイシン</t>
    </rPh>
    <rPh sb="12" eb="13">
      <t>ヒ</t>
    </rPh>
    <rPh sb="19" eb="21">
      <t>スイシン</t>
    </rPh>
    <rPh sb="21" eb="23">
      <t>ダンタイ</t>
    </rPh>
    <phoneticPr fontId="2"/>
  </si>
  <si>
    <t>・地域における食生活改善のための実践活動
・行政が行う栄養改善業務への協力
・会員への研修
・健康づくりに関する広報活動</t>
    <rPh sb="1" eb="3">
      <t>チイキ</t>
    </rPh>
    <rPh sb="7" eb="10">
      <t>ショクセイカツ</t>
    </rPh>
    <rPh sb="10" eb="12">
      <t>カイゼン</t>
    </rPh>
    <rPh sb="16" eb="18">
      <t>ジッセン</t>
    </rPh>
    <rPh sb="18" eb="20">
      <t>カツドウ</t>
    </rPh>
    <rPh sb="22" eb="24">
      <t>ギョウセイ</t>
    </rPh>
    <rPh sb="25" eb="26">
      <t>オコナ</t>
    </rPh>
    <rPh sb="27" eb="29">
      <t>エイヨウ</t>
    </rPh>
    <rPh sb="29" eb="31">
      <t>カイゼン</t>
    </rPh>
    <rPh sb="31" eb="33">
      <t>ギョウム</t>
    </rPh>
    <rPh sb="35" eb="37">
      <t>キョウリョク</t>
    </rPh>
    <rPh sb="39" eb="41">
      <t>カイイン</t>
    </rPh>
    <rPh sb="43" eb="45">
      <t>ケンシュウ</t>
    </rPh>
    <rPh sb="47" eb="49">
      <t>ケンコウ</t>
    </rPh>
    <rPh sb="53" eb="54">
      <t>カン</t>
    </rPh>
    <rPh sb="56" eb="58">
      <t>コウホウ</t>
    </rPh>
    <rPh sb="58" eb="60">
      <t>カツドウ</t>
    </rPh>
    <phoneticPr fontId="7"/>
  </si>
  <si>
    <t>食生活改善推進団体あゆみ会</t>
    <rPh sb="0" eb="3">
      <t>ショクセイカツ</t>
    </rPh>
    <rPh sb="3" eb="5">
      <t>カイゼン</t>
    </rPh>
    <rPh sb="5" eb="7">
      <t>スイシン</t>
    </rPh>
    <rPh sb="7" eb="9">
      <t>ダンタイ</t>
    </rPh>
    <rPh sb="12" eb="13">
      <t>カイ</t>
    </rPh>
    <phoneticPr fontId="7"/>
  </si>
  <si>
    <t>栄養・食生活対策推進事業費（若い世代の食生活支援対策事業）</t>
    <rPh sb="0" eb="2">
      <t>エイヨウ</t>
    </rPh>
    <rPh sb="3" eb="6">
      <t>ショクセイカツ</t>
    </rPh>
    <rPh sb="6" eb="8">
      <t>タイサク</t>
    </rPh>
    <rPh sb="8" eb="10">
      <t>スイシン</t>
    </rPh>
    <rPh sb="10" eb="13">
      <t>ジギョウヒ</t>
    </rPh>
    <rPh sb="14" eb="15">
      <t>ワカ</t>
    </rPh>
    <rPh sb="16" eb="18">
      <t>セダイ</t>
    </rPh>
    <rPh sb="19" eb="22">
      <t>ショクセイカツ</t>
    </rPh>
    <rPh sb="22" eb="24">
      <t>シエン</t>
    </rPh>
    <rPh sb="24" eb="26">
      <t>タイサク</t>
    </rPh>
    <rPh sb="26" eb="28">
      <t>ジギョウ</t>
    </rPh>
    <phoneticPr fontId="2"/>
  </si>
  <si>
    <t>若い世代の朝食欠食率の低下及び野菜の摂取量増加を推進するため、X（旧Twitter）等を活用し、若い世代の生活により見合った栄養・食生活情報の発信を行う。</t>
    <rPh sb="13" eb="14">
      <t>オヨ</t>
    </rPh>
    <rPh sb="33" eb="34">
      <t>キュウ</t>
    </rPh>
    <rPh sb="42" eb="43">
      <t>トウ</t>
    </rPh>
    <rPh sb="44" eb="46">
      <t>カツヨウ</t>
    </rPh>
    <rPh sb="48" eb="49">
      <t>ワカ</t>
    </rPh>
    <rPh sb="50" eb="52">
      <t>セダイ</t>
    </rPh>
    <rPh sb="53" eb="55">
      <t>セイカツ</t>
    </rPh>
    <rPh sb="58" eb="60">
      <t>ミア</t>
    </rPh>
    <rPh sb="62" eb="64">
      <t>エイヨウ</t>
    </rPh>
    <rPh sb="65" eb="68">
      <t>ショクセイカツ</t>
    </rPh>
    <rPh sb="68" eb="70">
      <t>ジョウホウ</t>
    </rPh>
    <rPh sb="71" eb="73">
      <t>ハッシン</t>
    </rPh>
    <rPh sb="74" eb="75">
      <t>オコナ</t>
    </rPh>
    <phoneticPr fontId="2"/>
  </si>
  <si>
    <t>厚木保健福祉事務所学生食育ボランティア</t>
    <rPh sb="0" eb="2">
      <t>アツギ</t>
    </rPh>
    <rPh sb="2" eb="4">
      <t>ホケン</t>
    </rPh>
    <rPh sb="4" eb="6">
      <t>フクシ</t>
    </rPh>
    <rPh sb="6" eb="8">
      <t>ジム</t>
    </rPh>
    <rPh sb="8" eb="9">
      <t>ショ</t>
    </rPh>
    <rPh sb="9" eb="11">
      <t>ガクセイ</t>
    </rPh>
    <rPh sb="11" eb="13">
      <t>ショクイク</t>
    </rPh>
    <phoneticPr fontId="7"/>
  </si>
  <si>
    <t>厚木保健福祉事務所</t>
    <rPh sb="0" eb="2">
      <t>アツギ</t>
    </rPh>
    <rPh sb="2" eb="4">
      <t>ホケン</t>
    </rPh>
    <rPh sb="4" eb="6">
      <t>フクシ</t>
    </rPh>
    <rPh sb="6" eb="9">
      <t>ジムショ</t>
    </rPh>
    <phoneticPr fontId="2"/>
  </si>
  <si>
    <t>オーラルフレイル健口推進員養成事業</t>
    <rPh sb="8" eb="9">
      <t>ケン</t>
    </rPh>
    <rPh sb="9" eb="10">
      <t>クチ</t>
    </rPh>
    <rPh sb="10" eb="13">
      <t>スイシンイン</t>
    </rPh>
    <rPh sb="13" eb="15">
      <t>ヨウセイ</t>
    </rPh>
    <rPh sb="15" eb="17">
      <t>ジギョウ</t>
    </rPh>
    <phoneticPr fontId="2"/>
  </si>
  <si>
    <t>県で養成したオーラルフレイル健口推進員の育成及び歯及び口腔の健康づくりや健口体操等の自主的な普及啓発活動を支援</t>
    <rPh sb="0" eb="1">
      <t>ケン</t>
    </rPh>
    <rPh sb="2" eb="4">
      <t>ヨウセイ</t>
    </rPh>
    <rPh sb="14" eb="15">
      <t>ケン</t>
    </rPh>
    <rPh sb="15" eb="16">
      <t>クチ</t>
    </rPh>
    <rPh sb="16" eb="19">
      <t>スイシンイン</t>
    </rPh>
    <rPh sb="20" eb="22">
      <t>イクセイ</t>
    </rPh>
    <rPh sb="22" eb="23">
      <t>オヨ</t>
    </rPh>
    <rPh sb="24" eb="25">
      <t>ハ</t>
    </rPh>
    <rPh sb="36" eb="37">
      <t>ケン</t>
    </rPh>
    <rPh sb="37" eb="38">
      <t>クチ</t>
    </rPh>
    <rPh sb="38" eb="40">
      <t>タイソウ</t>
    </rPh>
    <rPh sb="40" eb="41">
      <t>トウ</t>
    </rPh>
    <rPh sb="42" eb="45">
      <t>ジシュテキ</t>
    </rPh>
    <rPh sb="46" eb="48">
      <t>フキュウ</t>
    </rPh>
    <rPh sb="50" eb="52">
      <t>カツドウ</t>
    </rPh>
    <rPh sb="53" eb="55">
      <t>シエン</t>
    </rPh>
    <phoneticPr fontId="2"/>
  </si>
  <si>
    <t>オーラルフレイル健口推進員</t>
    <rPh sb="8" eb="10">
      <t>ケンコウ</t>
    </rPh>
    <rPh sb="10" eb="12">
      <t>スイシン</t>
    </rPh>
    <rPh sb="12" eb="13">
      <t>イン</t>
    </rPh>
    <phoneticPr fontId="7"/>
  </si>
  <si>
    <t>地域人材の育成（地域歯科衛生士）</t>
    <rPh sb="0" eb="2">
      <t>チイキ</t>
    </rPh>
    <rPh sb="2" eb="4">
      <t>ジンザイ</t>
    </rPh>
    <rPh sb="5" eb="7">
      <t>イクセイ</t>
    </rPh>
    <rPh sb="8" eb="10">
      <t>チイキ</t>
    </rPh>
    <rPh sb="10" eb="12">
      <t>シカ</t>
    </rPh>
    <rPh sb="12" eb="15">
      <t>エイセイシ</t>
    </rPh>
    <phoneticPr fontId="2"/>
  </si>
  <si>
    <t>管内で地域歯科保健活動を行う歯科衛生士に対する助言、指導等</t>
    <rPh sb="0" eb="2">
      <t>カンナイ</t>
    </rPh>
    <rPh sb="3" eb="5">
      <t>チイキ</t>
    </rPh>
    <rPh sb="5" eb="7">
      <t>シカ</t>
    </rPh>
    <rPh sb="7" eb="9">
      <t>ホケン</t>
    </rPh>
    <rPh sb="9" eb="11">
      <t>カツドウ</t>
    </rPh>
    <rPh sb="12" eb="13">
      <t>オコナ</t>
    </rPh>
    <rPh sb="14" eb="16">
      <t>シカ</t>
    </rPh>
    <rPh sb="16" eb="19">
      <t>エイセイシ</t>
    </rPh>
    <rPh sb="20" eb="21">
      <t>タイ</t>
    </rPh>
    <rPh sb="23" eb="25">
      <t>ジョゲン</t>
    </rPh>
    <rPh sb="26" eb="28">
      <t>シドウ</t>
    </rPh>
    <rPh sb="28" eb="29">
      <t>トウ</t>
    </rPh>
    <phoneticPr fontId="2"/>
  </si>
  <si>
    <t>神奈川県歯科衛生士会県央支部・厚木愛甲歯科衛生士会</t>
    <rPh sb="0" eb="4">
      <t>カナガワケン</t>
    </rPh>
    <rPh sb="4" eb="6">
      <t>シカ</t>
    </rPh>
    <rPh sb="6" eb="9">
      <t>エイセイシ</t>
    </rPh>
    <rPh sb="9" eb="10">
      <t>カイ</t>
    </rPh>
    <rPh sb="10" eb="12">
      <t>ケンオウ</t>
    </rPh>
    <rPh sb="12" eb="14">
      <t>シブ</t>
    </rPh>
    <rPh sb="15" eb="17">
      <t>アツギ</t>
    </rPh>
    <rPh sb="17" eb="19">
      <t>アイコウ</t>
    </rPh>
    <rPh sb="19" eb="21">
      <t>シカ</t>
    </rPh>
    <rPh sb="21" eb="24">
      <t>エイセイシ</t>
    </rPh>
    <rPh sb="24" eb="25">
      <t>カイ</t>
    </rPh>
    <phoneticPr fontId="2"/>
  </si>
  <si>
    <t>長期療養児支援事業</t>
    <rPh sb="0" eb="2">
      <t>チョウキ</t>
    </rPh>
    <rPh sb="2" eb="4">
      <t>リョウヨウ</t>
    </rPh>
    <rPh sb="4" eb="5">
      <t>ジ</t>
    </rPh>
    <rPh sb="5" eb="7">
      <t>シエン</t>
    </rPh>
    <rPh sb="7" eb="9">
      <t>ジギョウ</t>
    </rPh>
    <phoneticPr fontId="7"/>
  </si>
  <si>
    <t>ダウン症家族の会への情報提供、助言等の活動支援を行う。</t>
    <rPh sb="3" eb="4">
      <t>ショウ</t>
    </rPh>
    <rPh sb="4" eb="6">
      <t>カゾク</t>
    </rPh>
    <rPh sb="7" eb="8">
      <t>カイ</t>
    </rPh>
    <rPh sb="10" eb="12">
      <t>ジョウホウ</t>
    </rPh>
    <rPh sb="12" eb="14">
      <t>テイキョウ</t>
    </rPh>
    <rPh sb="15" eb="17">
      <t>ジョゲン</t>
    </rPh>
    <rPh sb="17" eb="18">
      <t>トウ</t>
    </rPh>
    <rPh sb="19" eb="21">
      <t>カツドウ</t>
    </rPh>
    <rPh sb="21" eb="23">
      <t>シエン</t>
    </rPh>
    <rPh sb="24" eb="25">
      <t>オコナ</t>
    </rPh>
    <phoneticPr fontId="7"/>
  </si>
  <si>
    <t>ひまわり会</t>
    <rPh sb="4" eb="5">
      <t>カイ</t>
    </rPh>
    <phoneticPr fontId="7"/>
  </si>
  <si>
    <t>管内でアレルギーの子を育てている親の会への活動支援。後援等。</t>
    <rPh sb="0" eb="2">
      <t>カンナイ</t>
    </rPh>
    <rPh sb="9" eb="10">
      <t>コ</t>
    </rPh>
    <rPh sb="11" eb="12">
      <t>ソダ</t>
    </rPh>
    <rPh sb="16" eb="17">
      <t>オヤ</t>
    </rPh>
    <rPh sb="18" eb="19">
      <t>カイ</t>
    </rPh>
    <rPh sb="21" eb="23">
      <t>カツドウ</t>
    </rPh>
    <rPh sb="23" eb="25">
      <t>シエン</t>
    </rPh>
    <rPh sb="26" eb="28">
      <t>コウエン</t>
    </rPh>
    <rPh sb="28" eb="29">
      <t>ナド</t>
    </rPh>
    <phoneticPr fontId="2"/>
  </si>
  <si>
    <t>えびなアレルギーサークルデイジー</t>
    <phoneticPr fontId="2"/>
  </si>
  <si>
    <t>厚木保健福祉事務所大和センター</t>
    <phoneticPr fontId="0" type="Hiragana"/>
  </si>
  <si>
    <t>精神保健福祉普及相談事業費（団体支援）</t>
    <phoneticPr fontId="0" type="Hiragana"/>
  </si>
  <si>
    <t>アルコール依存症からの回復のための活動、研修活動、アルコールの問題を抱える本人、家族からの酒害相談活動</t>
    <phoneticPr fontId="0" type="Hiragana"/>
  </si>
  <si>
    <t xml:space="preserve">大和つくし断酒会
</t>
    <phoneticPr fontId="0" type="Hiragana"/>
  </si>
  <si>
    <t>地域人材の育成（地域活動歯科衛生士）</t>
    <phoneticPr fontId="0" type="Hiragana"/>
  </si>
  <si>
    <t>地域歯科活動を行う歯科衛生士に対する助言、指導等</t>
    <phoneticPr fontId="0" type="Hiragana"/>
  </si>
  <si>
    <t>大和綾瀬地域歯科衛生士会</t>
    <phoneticPr fontId="0" type="Hiragana"/>
  </si>
  <si>
    <t>地域人材の育成(食生活改善推進団体)</t>
    <phoneticPr fontId="0" type="Hiragana"/>
  </si>
  <si>
    <t>・地域における食生活改善のための実践活動
・行政が行う栄養改善業務への協力
・会員への研修
・健康づくりに関する広報活動</t>
    <phoneticPr fontId="0" type="Hiragana"/>
  </si>
  <si>
    <t>食生活改善推進団体なごみ会</t>
    <phoneticPr fontId="0" type="Hiragana"/>
  </si>
  <si>
    <t>地域人材の育成(地域活動栄養士)</t>
    <phoneticPr fontId="0" type="Hiragana"/>
  </si>
  <si>
    <t>・地域における食育
・行政が行う栄養改善業務への協力
・会員への研修</t>
    <phoneticPr fontId="0" type="Hiragana"/>
  </si>
  <si>
    <t>栄養士みつわ会</t>
    <phoneticPr fontId="0" type="Hiragana"/>
  </si>
  <si>
    <t>精神保健福祉センター</t>
    <phoneticPr fontId="0" type="Hiragana"/>
  </si>
  <si>
    <t>精神障害者地域生活支援事業費（県事業）</t>
    <phoneticPr fontId="0" type="Hiragana"/>
  </si>
  <si>
    <t>入院中の精神障害者の円滑な地域移行を促すため、関係機関との連携、ピアサポーターを活用した普及啓発活動を行い、地域の受け入れ体制の充実を図る。</t>
    <phoneticPr fontId="0" type="Hiragana"/>
  </si>
  <si>
    <t>特定非営利活動法人地域生活サポートまいんど
特定非営利活動法人平塚市精神障害者地域生活支援連絡会</t>
    <phoneticPr fontId="0" type="Hiragana"/>
  </si>
  <si>
    <t>精神障害者家族相談員養成事業</t>
    <phoneticPr fontId="0" type="Hiragana"/>
  </si>
  <si>
    <t>精神障害者の家族会員等を精神障害者家族相談員として養成・登録し、地域で生活している精神障害者やその家族に対し、相談や援助を行うことにより、誰もがその人らしく地域で生活できる社会づくりを推進する。</t>
    <phoneticPr fontId="0" type="Hiragana"/>
  </si>
  <si>
    <t>NPO法人　じんかれん</t>
    <phoneticPr fontId="0" type="Hiragana"/>
  </si>
  <si>
    <t>相談指導・酒害予防・調査研究事業</t>
    <phoneticPr fontId="0" type="Hiragana"/>
  </si>
  <si>
    <t>酒害相談員研修の開催、地区別断酒会会員研修の開催等</t>
    <phoneticPr fontId="0" type="Hiragana"/>
  </si>
  <si>
    <t>一般社団法人神奈川県断酒連合会</t>
    <phoneticPr fontId="0" type="Hiragana"/>
  </si>
  <si>
    <t>こころといのちを守る対策推進事業</t>
    <phoneticPr fontId="0" type="Hiragana"/>
  </si>
  <si>
    <t>自死遺族の集いの運営、自死遺族の集いに関するチラシ、リーフレット作成</t>
    <phoneticPr fontId="0" type="Hiragana"/>
  </si>
  <si>
    <t>自死遺族すまいる</t>
  </si>
  <si>
    <t>平塚市
平塚保健福祉事務所</t>
    <phoneticPr fontId="0" type="Hiragana"/>
  </si>
  <si>
    <t>こころといのちの地域医療支援事業</t>
    <phoneticPr fontId="0" type="Hiragana"/>
  </si>
  <si>
    <t>かかりつけの医師がうつ病の患者に対して適切な対応を取ることができるようにするため、身体科の医師を主な対象に、うつ病についての知識や技術を習得する研修の開催</t>
    <phoneticPr fontId="0" type="Hiragana"/>
  </si>
  <si>
    <t>公益社団法人神奈川県医師会</t>
    <phoneticPr fontId="0" type="Hiragana"/>
  </si>
  <si>
    <t>横浜市
川崎市
相模原市</t>
    <phoneticPr fontId="0" type="Hiragana"/>
  </si>
  <si>
    <t>薬物乱用防止対策事業</t>
    <phoneticPr fontId="0" type="Hiragana"/>
  </si>
  <si>
    <t>薬物依存症への理解を深め、治療や支援による依存症からの回復や本人、家族の孤立を防ぐことに対する啓蒙を目的とした講演会の開催</t>
    <phoneticPr fontId="0" type="Hiragana"/>
  </si>
  <si>
    <t>ＮＰО法人横浜ひまわり家族会</t>
    <phoneticPr fontId="0" type="Hiragana"/>
  </si>
  <si>
    <t>法律専門家である司法書士が入院先に赴き、医療機関の理解を得て、未遂者本人及び家族等の相談を実施する「ベッドサイド法律相談」に対して支援を行う。</t>
    <phoneticPr fontId="2"/>
  </si>
  <si>
    <t>神奈川県司法書士会</t>
    <phoneticPr fontId="2"/>
  </si>
  <si>
    <t>県は、法律専門家をはじめ、各職種の専門家が一堂に会し、相談を受ける「暮らしとこころの相談会」に対して支援を行う。</t>
    <phoneticPr fontId="2"/>
  </si>
  <si>
    <t>神奈川県弁護士会</t>
  </si>
  <si>
    <t>大学生を対象に、自殺対策の必要性についての理解を深めるとともに、効果的に対策を進めることを目的として、若年者層のゲートキーパーを養成する研修を大学の講義として開催</t>
    <phoneticPr fontId="0" type="Hiragana"/>
  </si>
  <si>
    <t>神奈川県立保健福祉大学</t>
    <phoneticPr fontId="0" type="Hiragana"/>
  </si>
  <si>
    <t>国際医療福祉大学</t>
    <phoneticPr fontId="0" type="Hiragana"/>
  </si>
  <si>
    <t>動物愛護センター</t>
    <phoneticPr fontId="0" type="Hiragana"/>
  </si>
  <si>
    <t>動物愛護センター登録ボランティア（譲渡・グルーミング）</t>
    <phoneticPr fontId="0" type="Hiragana"/>
  </si>
  <si>
    <t>動物愛護センターに収容された動物の致死処分数を削減するために、新たな飼い主への動物の譲渡、収容動物の健康等を保つためのグルーミングを行う。</t>
    <phoneticPr fontId="0" type="Hiragana"/>
  </si>
  <si>
    <t>動物愛護センター登録ボランティア（譲渡）</t>
    <phoneticPr fontId="0" type="Hiragana"/>
  </si>
  <si>
    <t>動物愛護センターに収容された動物の致死処分数を削減するために、新たな飼い主への動物の譲渡活動を行う。</t>
    <phoneticPr fontId="0" type="Hiragana"/>
  </si>
  <si>
    <t>産業振興課</t>
    <phoneticPr fontId="0" type="Hiragana"/>
  </si>
  <si>
    <t>神奈川県溶接技術コンクール</t>
  </si>
  <si>
    <t>溶接技術の研鑽を促すことを目的として、溶接競技において優秀な結果を出した溶接従事者を表彰する。昭和33年から毎年開催。</t>
    <phoneticPr fontId="0" type="Hiragana"/>
  </si>
  <si>
    <t>（一社）神奈川県溶接協会</t>
    <phoneticPr fontId="0" type="Hiragana"/>
  </si>
  <si>
    <t>関東地方発明表彰</t>
  </si>
  <si>
    <t>優れた発明、考案または意匠を生み出した技術者・研究開発者を顕彰する。大正10年から全国を8地方に分けて毎年開催。</t>
    <phoneticPr fontId="0" type="Hiragana"/>
  </si>
  <si>
    <t>（一社）神奈川県発明協会、（公社）発明協会</t>
    <phoneticPr fontId="0" type="Hiragana"/>
  </si>
  <si>
    <t>神奈川県青少年創意くふう展覧会</t>
  </si>
  <si>
    <t>青少年に発明くふうする楽しさと創作する喜びを感じてもらい、創造性豊かな人間形成を目指すことを目的として、優れた作品の展示、表彰を行う。</t>
    <phoneticPr fontId="0" type="Hiragana"/>
  </si>
  <si>
    <t>（一社）神奈川県発明協会</t>
    <phoneticPr fontId="0" type="Hiragana"/>
  </si>
  <si>
    <t>ＱＣサークル　関東支部　神奈川地区 チャンピオン大会</t>
    <phoneticPr fontId="0" type="Hiragana"/>
  </si>
  <si>
    <t>神奈川地区の年間優秀サークルを表彰する。</t>
    <phoneticPr fontId="0" type="Hiragana"/>
  </si>
  <si>
    <t>ＱＣサークル関東支部神奈川地区</t>
    <phoneticPr fontId="0" type="Hiragana"/>
  </si>
  <si>
    <t>さがみロボット産業特区協議会</t>
    <phoneticPr fontId="0" type="Hiragana"/>
  </si>
  <si>
    <t>「さがみロボット産業特区」の推進組織として、生活支援ロボットの実用化及び関連産業の集積を図る。</t>
    <phoneticPr fontId="0" type="Hiragana"/>
  </si>
  <si>
    <t>（公社）神奈川県医師会、（公社）神奈川県看護協会、（一社）神奈川県高齢者福祉施設協議会、（公社）かながわ福祉サービス振興会</t>
    <phoneticPr fontId="0" type="Hiragana"/>
  </si>
  <si>
    <t>特区区域内の企業、商工会・商工会議所、大学等　他47者</t>
    <phoneticPr fontId="0" type="Hiragana"/>
  </si>
  <si>
    <t>かながわ起業家教育推進協議会</t>
    <phoneticPr fontId="0" type="Hiragana"/>
  </si>
  <si>
    <t>大学と県、起業支援機関等を構成員とし、県事業の効果的な事業推進に資するための意見聴取を行うとともに、起業家教育に関する情報共有を図る。</t>
    <phoneticPr fontId="0" type="Hiragana"/>
  </si>
  <si>
    <t>(公財)神奈川産業振興センター、(公財)川崎市産業振興財団、(公財)湘南産業振興財団、(公財)横須賀市産業振興財団、(公財)横浜企業経営支援財団、（一社）神奈川ニュービジネス協議会</t>
  </si>
  <si>
    <t>(株)ケイエスピー、(株)さがみはら産業創造センター、(株)日本政策金融公庫、（国研）新エネルギー・産業技術総合開発機構、神奈川工科大学、神奈川大学、関東学院大学、慶應義塾大学、女子美術大学、専修大学、東海大学、東京農業大学、東京工業大学、フェリス女学院大学、明治学院大学、横浜国立大学、横浜商科大学、横浜市立大学</t>
    <phoneticPr fontId="0" type="Hiragana"/>
  </si>
  <si>
    <t>雇用労政課</t>
    <phoneticPr fontId="0" type="Hiragana"/>
  </si>
  <si>
    <t>令和６年度神奈川県労働大学講座</t>
    <phoneticPr fontId="0" type="Hiragana"/>
  </si>
  <si>
    <t>労使及び一般県民を対象に労働問題や社会経済に関する知識を提供することにより、労働問題の自主的解決能力の向上を図るとともに、紛争の未然防止や労働環境の改善に資するため、労働法、人事労務管理・労働経済、労働福祉の３分野を中心に、労働問題に関する基礎的知識を体系的に学ぶ。</t>
  </si>
  <si>
    <t>（公財）神奈川県労働福祉協会</t>
  </si>
  <si>
    <t>労働福祉協会事業費補助</t>
    <phoneticPr fontId="0" type="Hiragana"/>
  </si>
  <si>
    <t>無料の職業紹介や職業相談等に実施により、寿地区の日雇労働者の適正な就労と福祉の向上を図る。</t>
    <phoneticPr fontId="0" type="Hiragana"/>
  </si>
  <si>
    <t>（公財）神奈川県労働福祉協会</t>
    <phoneticPr fontId="0" type="Hiragana"/>
  </si>
  <si>
    <t>横浜市</t>
    <phoneticPr fontId="0" type="Hiragana"/>
  </si>
  <si>
    <t>(公財)横浜市寿町健康福祉交流協会</t>
    <phoneticPr fontId="0" type="Hiragana"/>
  </si>
  <si>
    <t>寿地区の住民等への保健医療を提供し、地域福祉に関する事業及び社会参加・就業支援に関する事業等を行っている。</t>
    <phoneticPr fontId="0" type="Hiragana"/>
  </si>
  <si>
    <t>（公財）横浜市寿町健康福祉交流協会</t>
    <phoneticPr fontId="0" type="Hiragana"/>
  </si>
  <si>
    <t>産業人材課</t>
    <phoneticPr fontId="0" type="Hiragana"/>
  </si>
  <si>
    <t>視覚障害者技能取得援助事業費補助</t>
    <phoneticPr fontId="0" type="Hiragana"/>
  </si>
  <si>
    <t>中途視覚障害者の職業的自立を促進するための技能習得に必要な資金を貸し付ける公益財団法人神奈川県労働福祉協会に対して補助を行う。</t>
    <phoneticPr fontId="0" type="Hiragana"/>
  </si>
  <si>
    <t>公益財団法人神奈川県労働福祉協会</t>
    <phoneticPr fontId="0" type="Hiragana"/>
  </si>
  <si>
    <t>計量検定所</t>
    <phoneticPr fontId="0" type="Hiragana"/>
  </si>
  <si>
    <t>計量管理強調月間運動</t>
    <phoneticPr fontId="0" type="Hiragana"/>
  </si>
  <si>
    <t>科学的諸管理の基礎である計量管理の進展を図るため本運動を展開し、県内産業経済の発展に寄与する。</t>
    <phoneticPr fontId="2"/>
  </si>
  <si>
    <t>（公社）神奈川県計量協会</t>
    <phoneticPr fontId="0" type="Hiragana"/>
  </si>
  <si>
    <t>横浜市、川崎市、相模原市、横須賀市、
平塚市、小田原市、茅ヶ崎市、厚木市、大和市</t>
    <phoneticPr fontId="0" type="Hiragana"/>
  </si>
  <si>
    <t>産業技術短期大学校</t>
    <phoneticPr fontId="0" type="Hiragana"/>
  </si>
  <si>
    <t>人材育成支援センター事業費</t>
    <phoneticPr fontId="0" type="Hiragana"/>
  </si>
  <si>
    <t>民間との連携による職業能力開発を推進するため、職業能力開発に携わるＮＰＯ法人を含む民間とのネットワークを形成し、訓練情報の提供や訓練プログラム開発などを推進。</t>
    <phoneticPr fontId="0" type="Hiragana"/>
  </si>
  <si>
    <t>ＮＰＯ法人ウェッブストーリー、
ＮＰＯ法人ＦＰネットワーク神奈川、
ＮＰＯ法人かながわ就職支援研修センター、
ＮＰＯ法人かながわ精神障害者就労支援事業所の会、
ＮＰＯ法人キーパーソン２１、
ＮＰＯ法人コアネット、
ＮＰＯ法人サポートシステム、
ＮＰＯ法人ＮＰＯサポートちがさき、
ＮＰＯ法人若年者就業意識改革支援機構、
ＮＰＯ法人湘南ふじさわシニアネット、
ＮＰＯ法人ＮＰＯ情報セキュリティフォーラム、
ＮＰＯ法人新現役ネット、
ＮＰＯ法人ないすキャリアらいふ、
ＮＰＯ法人ニッポン・アクティブライフ・クラブ、
ＮＰＯ法人ＮＰＯ日本キャリア・コンサルタント協会、
ＮＰＯ法人日本プロフェッショナル・キャリア・カウンセラー協会、ＮＰＯ法人はあとけあ、ＮＰＯ法人マンション管理支援協会、
ＮＰＯ法人ユースポート横濱、
ＮＰＯ法人地球元気塾、
ＮＰＯ法人和の環、
ＮＰＯ法人SoELa</t>
    <phoneticPr fontId="2"/>
  </si>
  <si>
    <t>公共職業能力開発施設、認定職業能力開発施設、大学、専修学校、企業、団体</t>
    <phoneticPr fontId="0" type="Hiragana"/>
  </si>
  <si>
    <t>神奈川障害者職業能力開発校</t>
    <phoneticPr fontId="0" type="Hiragana"/>
  </si>
  <si>
    <t>障害者就職促進委託訓練事業費</t>
  </si>
  <si>
    <t>求職中の障害者の就職促進を図るため、ＮＰＯ法人等の多用な委託先を活用し、障害者の能力、適性及び障害者の雇用ニーズに対応した様々な委託訓練を実施する。</t>
    <phoneticPr fontId="2"/>
  </si>
  <si>
    <t>(ＮＰＯ法人)障害者雇用部会、(ＮＰＯ法人)かながわ精神障害者就労支援事業所の会、(ＮＰＯ法人)デジタルコンテンツ研究会、(ＮＰＯ法人)男女共同参画さがみはら</t>
    <phoneticPr fontId="0" type="Hiragana"/>
  </si>
  <si>
    <t>川崎市ビルメンテナンス業協同組合、（株）Ｋ２インターナショナルジャパン､（株）希和､（株）興学社、（株）沖ワークウェル、オーシャンインダストリー(株）、(株)日本教育指導協会</t>
    <phoneticPr fontId="0" type="Hiragana"/>
  </si>
  <si>
    <t>かながわ労働センター川崎支所　</t>
    <phoneticPr fontId="0" type="Hiragana"/>
  </si>
  <si>
    <t>労働講座</t>
    <phoneticPr fontId="0" type="Hiragana"/>
  </si>
  <si>
    <t>労働問題に対する知識の普及、自主的解決能力の向上を図るため労働法に関する講座を開催する。</t>
    <phoneticPr fontId="0" type="Hiragana"/>
  </si>
  <si>
    <t>（公財）神奈川県労働福祉協会（てくのかわさき）</t>
    <phoneticPr fontId="0" type="Hiragana"/>
  </si>
  <si>
    <t>労務管理セミナー</t>
    <phoneticPr fontId="0" type="Hiragana"/>
  </si>
  <si>
    <t>使用者を対象に、労働問題に対する知識の普及、自主的解決能力の向上を図るため労働法に関する講座を開催する。</t>
    <phoneticPr fontId="0" type="Hiragana"/>
  </si>
  <si>
    <t>（公財）神奈川県労働福祉協会（てくのかわさき）
(公財)川崎市産業振興財団</t>
    <phoneticPr fontId="0" type="Hiragana"/>
  </si>
  <si>
    <t>中小企業団体連絡会</t>
    <phoneticPr fontId="0" type="Hiragana"/>
  </si>
  <si>
    <t>県土整備経理課</t>
  </si>
  <si>
    <t>建設ともしび運動</t>
  </si>
  <si>
    <t>地域住民が自発的に行う道路、河川、公園等の美化清掃等の活動に対し、物品等を支給または貸し出しする。</t>
  </si>
  <si>
    <t>こども会</t>
    <phoneticPr fontId="0" type="Hiragana"/>
  </si>
  <si>
    <t>自治会、小中学校</t>
    <phoneticPr fontId="0" type="Hiragana"/>
  </si>
  <si>
    <t>都市整備課</t>
    <phoneticPr fontId="2"/>
  </si>
  <si>
    <t>湘南邸園文化祭</t>
  </si>
  <si>
    <t>相模湾沿岸地域一帯の歴史的な邸宅・庭園等の保全活用を推進する。この一環として、ＮＰＯ等と公民連携で邸園等の価値や魅力の発信等を目指して邸園等を舞台にした文化的イベントを実施する。</t>
    <phoneticPr fontId="0" type="Hiragana"/>
  </si>
  <si>
    <t>湘南邸園文化祭連絡協議会</t>
  </si>
  <si>
    <t>都市公園課</t>
    <phoneticPr fontId="0" type="Hiragana"/>
  </si>
  <si>
    <t xml:space="preserve">県立都市公園指定管理費
</t>
    <phoneticPr fontId="2"/>
  </si>
  <si>
    <t>指定管理者：公園協会・オーチュー・サカタのタネ・小田急電鉄共同事業体
障がいのある人もない人も、誰もが楽しめ、癒されるユニバーサルカヌー体験会を実施。子どもから年配の方まで、幅広い年齢層が対象。</t>
    <rPh sb="35" eb="36">
      <t>ショウ</t>
    </rPh>
    <phoneticPr fontId="2"/>
  </si>
  <si>
    <t>NPO法人HONKI University</t>
    <phoneticPr fontId="2"/>
  </si>
  <si>
    <t xml:space="preserve">県立都市公園指定管理費
</t>
  </si>
  <si>
    <t>指定管理者：公園協会・オーチュー・サカタのタネ・小田急電鉄共同事業体
障がいのあるなしに関わらず、様々な年齢や国籍などを持つ人たちが一緒に体を動かし、本気で楽しむことを通じて、様々な気付きや考えるきっかけに繋げることを目指した「THE HONKI 運動会」を実施。</t>
    <phoneticPr fontId="0" type="Hiragana"/>
  </si>
  <si>
    <t>NPO法人HONKI University</t>
  </si>
  <si>
    <t>指定管理者：㈱湘南なぎさパーク
湘南海岸公園で増えた野良猫問題に対して、NPOが不妊手術、里親探しの活動を行っている。この活動で、捕獲の協力等を行い野良猫を減らし管理下に置いている。</t>
    <phoneticPr fontId="0" type="Hiragana"/>
  </si>
  <si>
    <t>「湘南海岸公園地域猫を救う会」</t>
    <phoneticPr fontId="0" type="Hiragana"/>
  </si>
  <si>
    <t>指定管理者：㈱湘南なぎさパーク
希少海浜植物であるハマボウフウなどの育成について協働して取り組んでいる。</t>
    <phoneticPr fontId="0" type="Hiragana"/>
  </si>
  <si>
    <t>「湘南海浜植物育成会」</t>
    <phoneticPr fontId="0" type="Hiragana"/>
  </si>
  <si>
    <t>指定管理者：㈱湘南なぎさパーク
ライフセーバー育成活動の協力及び水難事故発生時の救護活動支援</t>
    <phoneticPr fontId="0" type="Hiragana"/>
  </si>
  <si>
    <t>「(特非)西浜サーフライフセービングクラブ」</t>
    <phoneticPr fontId="0" type="Hiragana"/>
  </si>
  <si>
    <t>指定管理者：㈱湘南なぎさパーク
水難事故発生時の救護活動支援</t>
    <phoneticPr fontId="0" type="Hiragana"/>
  </si>
  <si>
    <t>「サーフ90藤沢ライフセービングクラブ」</t>
  </si>
  <si>
    <t>指定管理者：神奈川県公園協会・小田急ビルサービスグループ
茅ケ崎里山公園の発展と活性化を目指し、季節に応じたイベントなどを実施</t>
    <phoneticPr fontId="0" type="Hiragana"/>
  </si>
  <si>
    <t>茅ケ崎里山公園倶楽部
柳谷の自然に学ぶ会</t>
    <phoneticPr fontId="0" type="Hiragana"/>
  </si>
  <si>
    <t>指定管理者：公園協会・オーチュー・サカタのタネ・小田急電鉄共同事業体
ハマカキラン生育調査</t>
    <phoneticPr fontId="0" type="Hiragana"/>
  </si>
  <si>
    <t>県植物誌調査会（藤沢グループ）</t>
  </si>
  <si>
    <t>指定管理者：神奈川県公園協会・小田急ビルサービスグループ
茅ヶ崎里山公園の里山保全活動</t>
    <phoneticPr fontId="0" type="Hiragana"/>
  </si>
  <si>
    <t>湘南工科大学社会貢献活動・鎌倉湘南地区高校生インターンシップ・茅ヶ崎公園体験学習センター、茅ヶ崎市ユースボランティア</t>
    <phoneticPr fontId="0" type="Hiragana"/>
  </si>
  <si>
    <t>県立都市公園指定管理費</t>
    <phoneticPr fontId="0" type="Hiragana"/>
  </si>
  <si>
    <t>指定管理者:（公財）神奈川県公園協会
厚木市内における森林の保全や森林の持つ多様な機能を回復することを目的に活動している「厚木市森林づくりボランティア協会」に七沢森林公園を活動の場として提供し、間伐、下草刈り、階段補修などの森林整備を実施していただいており、階段補修材料の支給や資器材の運搬を公園で担っている。</t>
    <phoneticPr fontId="0" type="Hiragana"/>
  </si>
  <si>
    <t>厚木市森林づくりボランティア協会</t>
    <phoneticPr fontId="0" type="Hiragana"/>
  </si>
  <si>
    <t>公園緑地等維持管理費</t>
    <phoneticPr fontId="0" type="Hiragana"/>
  </si>
  <si>
    <t>園地内の清掃、除草、花木への水やり、利用者へのマナー啓発活動</t>
    <phoneticPr fontId="0" type="Hiragana"/>
  </si>
  <si>
    <t>篠原園地愛護会</t>
    <phoneticPr fontId="0" type="Hiragana"/>
  </si>
  <si>
    <t>指定管理者神奈川県公園協会・サカタのタネグループ・オーチュー共同事業体
公園内（花見台交番前他）の花壇管理</t>
    <phoneticPr fontId="0" type="Hiragana"/>
  </si>
  <si>
    <t>保土ヶ谷公園フラワーメイト</t>
    <phoneticPr fontId="0" type="Hiragana"/>
  </si>
  <si>
    <t>指定管理者神奈川県公園協会・サカタのタネグループ・オーチュー共同事業体
サッカー教室、芝生管理教室</t>
    <phoneticPr fontId="0" type="Hiragana"/>
  </si>
  <si>
    <t>県庁サッカー部グラスホッパー、COJB、芝生応援団グラスルーター</t>
    <phoneticPr fontId="0" type="Hiragana"/>
  </si>
  <si>
    <t>指定管理者神奈川県公園協会・サカタのタネグループ・オーチュー共同事業体
園内わんぱく広場等における遊び・体験、サバイバルクッキング教室</t>
    <phoneticPr fontId="0" type="Hiragana"/>
  </si>
  <si>
    <t>ほどがやわくわくわんぱくパーク</t>
    <phoneticPr fontId="0" type="Hiragana"/>
  </si>
  <si>
    <t>指定管理者神奈川県公園協会・サカタのタネグループ・オーチュー共同事業体
公園内の清掃活動</t>
    <phoneticPr fontId="0" type="Hiragana"/>
  </si>
  <si>
    <t>社会福祉法人恵和（恵和館）</t>
    <phoneticPr fontId="0" type="Hiragana"/>
  </si>
  <si>
    <t>指定管理者　神奈川県公園協会・石勝エクステリア・サカタのタネGSグループ
園内の水田耕作、花壇管理、自然観察会の実施</t>
    <phoneticPr fontId="0" type="Hiragana"/>
  </si>
  <si>
    <t>三ツ池公園を活用する会</t>
    <phoneticPr fontId="0" type="Hiragana"/>
  </si>
  <si>
    <t>指定管理者　神奈川県公園協会・石勝エクステリア・サカタのタネGSグループ
園内の樹林地広場におけるプレーパーク活動</t>
    <phoneticPr fontId="0" type="Hiragana"/>
  </si>
  <si>
    <t>つるみプレーパーク</t>
  </si>
  <si>
    <t>指定管理者　神奈川県公園協会・石勝エクステリア・サカタのタネGSグループ
園内の飼い主のいないネコの繁殖を抑え、個体数を減らしていく活動</t>
    <phoneticPr fontId="0" type="Hiragana"/>
  </si>
  <si>
    <t>三ツ池公園TNR活動の会（仮称）</t>
  </si>
  <si>
    <t>県立都市公園指定管理費</t>
    <phoneticPr fontId="2"/>
  </si>
  <si>
    <t>指定管理者　神奈川県公園協会・石勝エクステリア・サカタのタネGSグループ
園内でのラジオ体操、園内清掃</t>
    <phoneticPr fontId="0" type="Hiragana"/>
  </si>
  <si>
    <t>三ツ池公園ラジオ体操会</t>
    <phoneticPr fontId="0" type="Hiragana"/>
  </si>
  <si>
    <t>指定管理者　神奈川県公園協会・石勝エクステリア・サカタのタネGSグループ
公園内の花壇の手入れ作業</t>
    <phoneticPr fontId="0" type="Hiragana"/>
  </si>
  <si>
    <t>花壇ボランティア</t>
    <phoneticPr fontId="0" type="Hiragana"/>
  </si>
  <si>
    <t>指定管理者:神奈川県公園協会・大和ハウスリアル・サカタのタネＧＳグループ
園内樹林地の里山の二次林への更新、維持活動、自然観察会講師</t>
    <phoneticPr fontId="0" type="Hiragana"/>
  </si>
  <si>
    <t>NPO法人四季の森里山研究会</t>
    <phoneticPr fontId="0" type="Hiragana"/>
  </si>
  <si>
    <t>指定管理者:神奈川県公園協会・大和ハウスリアル・サカタのタネＧＳグループ
園内の水田での体験学習の指導、水田の管理</t>
    <phoneticPr fontId="0" type="Hiragana"/>
  </si>
  <si>
    <t>稲作の会</t>
    <phoneticPr fontId="0" type="Hiragana"/>
  </si>
  <si>
    <t>指定管理者:神奈川県公園協会・大和ハウスリアル・サカタのタネＧＳグループ
炭焼き施設の維持等</t>
    <phoneticPr fontId="0" type="Hiragana"/>
  </si>
  <si>
    <t>四季の森公園　炭焼き四季の会</t>
    <phoneticPr fontId="0" type="Hiragana"/>
  </si>
  <si>
    <t>指定管理者:神奈川県公園協会・大和ハウスリアル・サカタのタネＧＳグループ
自然観察会講師</t>
    <phoneticPr fontId="0" type="Hiragana"/>
  </si>
  <si>
    <t>NPO法人全国森林インストラクター神奈川会</t>
    <phoneticPr fontId="0" type="Hiragana"/>
  </si>
  <si>
    <t>ボランティアガイド</t>
    <phoneticPr fontId="0" type="Hiragana"/>
  </si>
  <si>
    <t>指定管理者:神奈川県公園協会・大和ハウスリアル・サカタのタネＧＳグループ
花壇の手入れ、ハナショウブの管理、ハスの管理など</t>
    <phoneticPr fontId="0" type="Hiragana"/>
  </si>
  <si>
    <t>四季友の会</t>
    <phoneticPr fontId="0" type="Hiragana"/>
  </si>
  <si>
    <t>指定管理者:神奈川県公園協会・大和ハウスリアル・サカタのタネＧＳグループ
子どもたちへキャンプを通じて自然体験の機会を提供する</t>
    <phoneticPr fontId="0" type="Hiragana"/>
  </si>
  <si>
    <t>ボーイスカウト横浜第125団</t>
    <phoneticPr fontId="0" type="Hiragana"/>
  </si>
  <si>
    <t>ボーイスカウト横浜第89団</t>
    <phoneticPr fontId="0" type="Hiragana"/>
  </si>
  <si>
    <t>相模湖公園において、指定管理者の指導のもと、花壇、プランターに各班に分かれて花植えをする。年２回（６月、１１月）に行う。</t>
    <phoneticPr fontId="0" type="Hiragana"/>
  </si>
  <si>
    <t>公園周辺の地域住民</t>
    <phoneticPr fontId="0" type="Hiragana"/>
  </si>
  <si>
    <t>湖畔商店会、相模湖こども園、桂北小学校、養護学校</t>
    <phoneticPr fontId="0" type="Hiragana"/>
  </si>
  <si>
    <t>（さがみ湖湖上祭花火大会実行委員会）　　　　　　　　　　　　　　　　　指定管理者：（一社）相模湖観光協会・神奈川県ローイング協会グループ　　相模湖畔で長年にわたって実施してきた伝統のある花火大会を後世に伝えると共に、地域の人々や観光客の誘客を促し、ひいては地域の活性化をはかることを目的に、運営、管理全般について協議し、決定する。</t>
    <phoneticPr fontId="0" type="Hiragana"/>
  </si>
  <si>
    <t>まちづくり「湖の星」</t>
    <phoneticPr fontId="0" type="Hiragana"/>
  </si>
  <si>
    <t>（相模湖ふれあい広場実行委員会）　　　　　　　　　　　　　　　　　指定管理者：（一社）相模湖観光協会・神奈川県ローイング協会グループ　　　相模湖公園で実施するふれあい広場の開催に関する必要な事項を協議し、その開催と運営にあたる。</t>
    <phoneticPr fontId="0" type="Hiragana"/>
  </si>
  <si>
    <t>相模湖商工会、相模湖商工会青年部、相模湖商工会女性部、相模湖商工相友会、相模原市消防局津久井消防署</t>
    <phoneticPr fontId="0" type="Hiragana"/>
  </si>
  <si>
    <t>（さがみ湖やまなみイルミネーション実行委員会）　　　　　　　　　　　　　　　　　指定管理者：（一社）相模湖観光協会・神奈川県ローイング協会グループ　　　相模湖畔で冬の風物詩として実施し、冬季の公園利用の促進、地域の人々や観光客の誘客を促し、ひいては地域の活性化をはかることを目的に、運営、管理全般について協議し、決定する。</t>
    <phoneticPr fontId="0" type="Hiragana"/>
  </si>
  <si>
    <t>相模湖商工会、相模湖商工会青年部、相模湖商工会女性部、JR東日本相模湖駅、与瀬商栄会、相模湖遊船組合、湖畔商店会</t>
    <phoneticPr fontId="0" type="Hiragana"/>
  </si>
  <si>
    <t>（相模湖やまなみ祭実行委員会）　　　　　　　　　　　　　　　　　指定管理者：（一社）相模湖観光協会・神奈川県ローイング協会グループ　　　相模湖公園で実施する相模湖やまなみ祭の開催に関する必要な事項を協議し、その開催と運営にあたる。</t>
    <phoneticPr fontId="0" type="Hiragana"/>
  </si>
  <si>
    <t>相模湖商工会、相模湖商工会青年部、相模湖商工会女性部、相模原市相模湖まちづくりセンター津久井警察署、JR東日本相模湖駅、神奈川中央交通（株）相模湖交流センターアクティオ（株）</t>
    <phoneticPr fontId="0" type="Hiragana"/>
  </si>
  <si>
    <t xml:space="preserve">県立都市公園指定管理費
</t>
    <phoneticPr fontId="0" type="Hiragana"/>
  </si>
  <si>
    <t>指定管理者：神奈川県公園協会・サカタのタネ・サカタのタネGSグループ
相模原公園において、ドッグランの利用者の受付、案内・指導などの管理運営を行う。</t>
    <phoneticPr fontId="0" type="Hiragana"/>
  </si>
  <si>
    <t>Crossed Paws（クロスト ポウズ）</t>
    <phoneticPr fontId="0" type="Hiragana"/>
  </si>
  <si>
    <t>（相模原公園イベント協力会）
指定管理者：神奈川県公園協会・サカタのタネ・サカタのタネGSグループ
相模原公園において、指定管理者が地域振興等のために、公園周辺の地域団体とイベント（春、初夏、秋の３回）の企画や協議を実施。</t>
    <phoneticPr fontId="0" type="Hiragana"/>
  </si>
  <si>
    <t>社会福祉法人すずらんの会、
麻溝地区自治会連合会、
アクアフローラ㈱、
㈱アクアカラー、
さがみ野夢工房ふっくら、
宝来堂伊藤製菓舗、
県立スポーツセンター</t>
    <phoneticPr fontId="0" type="Hiragana"/>
  </si>
  <si>
    <t>指定管理者：神奈川県公園協会・サカタのタネ・サカタのタネGSグループ
相模原公園内の日本庭園「衆遊の庭」において、造園技術継承を目的に維持管理（剪定、除草、竹垣作成等）を実施。</t>
    <phoneticPr fontId="0" type="Hiragana"/>
  </si>
  <si>
    <t>一般社団法人神奈川県造園業協会　作庭塾庭守</t>
    <phoneticPr fontId="0" type="Hiragana"/>
  </si>
  <si>
    <t xml:space="preserve">指定管理者：神奈川県公園協会・サカタのタネ・サカタのタネGSグループ
相模原公園内「緑の街」において、ハーブを中心とした草花の手入れを実施。
</t>
    <phoneticPr fontId="0" type="Hiragana"/>
  </si>
  <si>
    <t>ボランティアハーブの会</t>
    <phoneticPr fontId="0" type="Hiragana"/>
  </si>
  <si>
    <t>指定管理者：神奈川県公園協会・サカタのタネ・サカタのタネGSグループ
相模原公園において、子供たちへ伝統文化の継承を目的に開催する。（子ども生け花教室）</t>
    <phoneticPr fontId="0" type="Hiragana"/>
  </si>
  <si>
    <t>伝統文化いけばな子供教室</t>
    <phoneticPr fontId="0" type="Hiragana"/>
  </si>
  <si>
    <t>県立都市公園指定管理費</t>
  </si>
  <si>
    <t>指定管理者：神奈川県公園協会・サカタのタネ・サカタのタネGSグループ
相模原公園において、緑の情報発信や普及啓発を目的に、事業をとおし自然や緑に触れながら、学び、喜び、楽しむ機会を提供する。（ネーチャーゲーム、自然観察会、ツリークライミング）</t>
    <phoneticPr fontId="0" type="Hiragana"/>
  </si>
  <si>
    <t>グリーン相模原シェアリングネーチャーの会、
さがみはら緑の風、
ツリークライミングジャパン　クラブLeaf</t>
    <phoneticPr fontId="0" type="Hiragana"/>
  </si>
  <si>
    <t>指定管理者：神奈川県公園協会・サカタのタネ・サカタのタネGSグループ
相模原公園において、緑の情報発信や普及啓発を目的に、事業をとおし、植物展示による日本の伝統的な芸術に触れる機会を提供する。
（盆栽展、山野草展、さつき展）</t>
    <phoneticPr fontId="0" type="Hiragana"/>
  </si>
  <si>
    <t>（一社）日本盆栽協会相模原支部
県央皐月会、相模原老鴉柿を育てる会</t>
    <phoneticPr fontId="0" type="Hiragana"/>
  </si>
  <si>
    <t>指定管理者：神奈川県公園協会・サカタのタネ・サカタのタネGSグループ
相模原公園において、県民の健康や福祉の増進を目的に、事業をとおし、自然の中で体を動かし、健康づくりの機会を提供する。（ポールウォーキング、ニュースポーツ）</t>
    <phoneticPr fontId="0" type="Hiragana"/>
  </si>
  <si>
    <t>さがみはらスポーツ・レクリエーションの会</t>
    <phoneticPr fontId="0" type="Hiragana"/>
  </si>
  <si>
    <t>指定管理者：神奈川県公園協会・サカタのタネ・サカタのタネGSグループ
津久井湖城山公園において、指定管理者と観光協会や地元自治会等と地域振興等を目的に、津久井湖さくら祭り(千本桜含む)、津久井湖湖上祭、みんなの津久井湖夏祭り、イルミネーション等を企画し、その運営を協働で実施している。</t>
    <phoneticPr fontId="2"/>
  </si>
  <si>
    <t>津久井・城山観光協会、津久井・城山商工会、津久井青年会議所、地元自治会</t>
    <phoneticPr fontId="0" type="Hiragana"/>
  </si>
  <si>
    <t>指定管理者：神奈川県公園協会・サカタのタネグリーンサービスグループ
津久井湖城山公園において、指定管理者が地域振興等を目的に、公園周辺の地域団体とイベントの企画や運営を協働で実施している。</t>
    <phoneticPr fontId="0" type="Hiragana"/>
  </si>
  <si>
    <t>グリーン相模原シェアリングネイチャーの会、さがみはらスポーツレクリエーション協会</t>
    <phoneticPr fontId="0" type="Hiragana"/>
  </si>
  <si>
    <t>指定管理者：神奈川県公園協会・サカタのタネグリーンサービスグループ
津久井湖城山公園において、指定管理者と共催で年に10回イベント「いきものウォッチング」を開催。また、園内の自然に関する調査・普及活動を行う。</t>
    <phoneticPr fontId="0" type="Hiragana"/>
  </si>
  <si>
    <t>しろやま自然観察グループ</t>
    <phoneticPr fontId="0" type="Hiragana"/>
  </si>
  <si>
    <t>指定管理者：神奈川県公園協会・サカタのタネグリーンサービスグループ
津久井湖城山公園において、指定管理者の指導のもと、花壇、畑、展示、自然の各班に分かれてそれぞれが公園に貢献するボランティア活動を行う。</t>
    <phoneticPr fontId="0" type="Hiragana"/>
  </si>
  <si>
    <t>ＳＫＴボランティア</t>
  </si>
  <si>
    <t>指定管理者：神奈川県公園協会・サカタのタネグリーンサービスグループ
津久井湖城山公園において、指定管理者に協力する形で、イベント「津久井城開城記念の日」「風雲！つくい城」「収穫感謝祭」「津久井城まつり」などに甲冑姿で登場し、寸劇等を行って場を盛り上げる。</t>
    <phoneticPr fontId="0" type="Hiragana"/>
  </si>
  <si>
    <t>津久井衆甲冑隊</t>
    <phoneticPr fontId="0" type="Hiragana"/>
  </si>
  <si>
    <t>座間谷戸山公園の存在意識である、里山としての貴重な緑や多彩な動植物を保全し、自然生態観察公園としてふさわしい谷戸山公園の管
理運営や利用のあり方を協議し、かつ、行動することを目的に平成９年４月に設立</t>
    <phoneticPr fontId="0" type="Hiragana"/>
  </si>
  <si>
    <t>県立座間谷戸山公園運営会議</t>
    <phoneticPr fontId="2"/>
  </si>
  <si>
    <t>土友会横須賀地区ボランティア（神奈川県県土整備局のＯＢが主体）</t>
    <phoneticPr fontId="2"/>
  </si>
  <si>
    <t>西逸見第２町内会</t>
    <phoneticPr fontId="0" type="Hiragana"/>
  </si>
  <si>
    <t>指定管理者三浦市観光協会・湯山造園土木・京浜急行電鉄グループ
園内の観光案内　　　　　　　　　　　　　　　　　　　　　　　　　　　　　　　　　　土曜・日曜・祝日に長屋門において、来園者の案内を行なう。</t>
    <phoneticPr fontId="0" type="Hiragana"/>
  </si>
  <si>
    <t>みうらガイド協会</t>
  </si>
  <si>
    <t>指定管理者三浦市観光協会・湯山造園土木・京浜急行電鉄グループ
水仙まつり　地元の城ヶ島観光協会が、水仙の開花時期に合わせて、城ヶ島で水仙まつりを開催し、島内を回るスタンプラリーや、城ヶ島灯台の開放を行なう。園内にも、スタンプラリーのチェックポイントを設置。</t>
    <phoneticPr fontId="0" type="Hiragana"/>
  </si>
  <si>
    <t>城ヶ島観光協会</t>
  </si>
  <si>
    <t>コミュニティガーデン作り（花壇管理）
近隣自主保育（おひさま保育室）幼児（14人、保護者付添10人）と葉山公園スタッフ4名で園内北花壇にて数種類のお花を植えるもの。</t>
    <phoneticPr fontId="0" type="Hiragana"/>
  </si>
  <si>
    <t>近隣自主保育（おひさま保育室）</t>
    <phoneticPr fontId="0" type="Hiragana"/>
  </si>
  <si>
    <t>専門知識をもった地元NPOを講師に迎え、葉山公園に面する大浜海岸でビーチコーミング、小磯海岸で初夏の海の生き物観察会を行うもの。</t>
    <phoneticPr fontId="0" type="Hiragana"/>
  </si>
  <si>
    <t>特定非営利活動法人オーシャンファミリー海洋自然体験センター</t>
    <phoneticPr fontId="0" type="Hiragana"/>
  </si>
  <si>
    <t>指定管理者：神奈川県公園協会・京急サービス共同事業体
歴史的資源、自然資源に恵まれた公園の魅力を来園者に伝えるガイドボランティア。</t>
    <phoneticPr fontId="0" type="Hiragana"/>
  </si>
  <si>
    <t>フィールドレンジャー</t>
  </si>
  <si>
    <t>指定管理者：神奈川県公園協会・京急サービス共同事業体
公園の貴重植物を次世代に伝える為、保全増殖活動にあたる</t>
    <phoneticPr fontId="0" type="Hiragana"/>
  </si>
  <si>
    <t>観音崎の自然を守る会</t>
    <phoneticPr fontId="0" type="Hiragana"/>
  </si>
  <si>
    <t>指定管理者：神奈川県公園協会・京急サービス共同事業体
枯損木や密度の多いところの樹木を利用してカントリーヘッシ゜やムシ・小動物の棲家等を作って楽しむ活動</t>
    <phoneticPr fontId="0" type="Hiragana"/>
  </si>
  <si>
    <t>森の手入れボランティア</t>
    <phoneticPr fontId="0" type="Hiragana"/>
  </si>
  <si>
    <t>指定管理者：神奈川県公園協会・京急サービス共同事業体
花の広場の手入れを主に活動し、種子まき、除草植付活動を実施。</t>
    <phoneticPr fontId="0" type="Hiragana"/>
  </si>
  <si>
    <t>花のボランティア</t>
    <phoneticPr fontId="0" type="Hiragana"/>
  </si>
  <si>
    <t>【活動休止中】
指定管理者：神奈川県公園協会・京急サービス共同事業体
園内の防犯巡回パトロールを実施</t>
    <phoneticPr fontId="0" type="Hiragana"/>
  </si>
  <si>
    <t>公園見回り隊</t>
    <phoneticPr fontId="0" type="Hiragana"/>
  </si>
  <si>
    <t>指定管理者：神奈川県公園協会・京急サービス共同事業体
公園周辺（海岸線）の清掃活動を実施</t>
    <phoneticPr fontId="0" type="Hiragana"/>
  </si>
  <si>
    <t>鴨居地区連合町内会</t>
    <phoneticPr fontId="0" type="Hiragana"/>
  </si>
  <si>
    <t>横須賀美術館
観音崎自然博物館
BEACH⇔PARK LIVING</t>
    <phoneticPr fontId="0" type="Hiragana"/>
  </si>
  <si>
    <t>指定管理者:株式会社石勝エクステリア
公園でのスポーツ・健康増進関連イベントへの協力。</t>
    <phoneticPr fontId="0" type="Hiragana"/>
  </si>
  <si>
    <t>特定非営利活動法人ファンズアスリートクラブ</t>
    <phoneticPr fontId="0" type="Hiragana"/>
  </si>
  <si>
    <t>指定管理者:株式会社石勝エクステリア
公園での自然体験イベントへの協力。</t>
    <phoneticPr fontId="0" type="Hiragana"/>
  </si>
  <si>
    <t>特定非営利活動法人国際自然大学校</t>
    <phoneticPr fontId="0" type="Hiragana"/>
  </si>
  <si>
    <t>指定管理者:株式会社石勝エクステリア
生物多様性保全の観点からの公園維持管理への助言。</t>
    <phoneticPr fontId="0" type="Hiragana"/>
  </si>
  <si>
    <t>東高根森林公園昆虫班</t>
    <phoneticPr fontId="0" type="Hiragana"/>
  </si>
  <si>
    <t>指定管理者:株式会社石勝エクステリア
園内美化活動への協力。</t>
    <phoneticPr fontId="0" type="Hiragana"/>
  </si>
  <si>
    <t>シラカシ会</t>
    <phoneticPr fontId="0" type="Hiragana"/>
  </si>
  <si>
    <t>指定管理者:株式会社石勝エクステリア
公園内で開催する福祉イベントの協力</t>
    <phoneticPr fontId="0" type="Hiragana"/>
  </si>
  <si>
    <t>(社福)川崎市社会福祉協議会宮前区支部　向丘地区社会福祉協議会</t>
    <phoneticPr fontId="0" type="Hiragana"/>
  </si>
  <si>
    <t>指定管理者:株式会社石勝エクステリア
公園の維持管理活動、イベントへの支援</t>
    <phoneticPr fontId="0" type="Hiragana"/>
  </si>
  <si>
    <t>東高根森林公園パークボランティア</t>
    <phoneticPr fontId="0" type="Hiragana"/>
  </si>
  <si>
    <t>指定管理者神奈川県公園協会・サカタのタネグリーンサービスグループ
園内の植物調査を実施し調査結果は公園と共有</t>
    <phoneticPr fontId="0" type="Hiragana"/>
  </si>
  <si>
    <t>県植物誌調査会（横浜、藤沢グループ）</t>
    <phoneticPr fontId="0" type="Hiragana"/>
  </si>
  <si>
    <t>指定管理者神奈川県公園協会・サカタのタネグリーンサービスグループ
園内（ビオトープ）の外来種生物の調査</t>
    <phoneticPr fontId="0" type="Hiragana"/>
  </si>
  <si>
    <t>NPO法人Dream eggs ゆめたま</t>
    <phoneticPr fontId="0" type="Hiragana"/>
  </si>
  <si>
    <t>指定管理者神奈川県公園協会・サカタのタネグリーンサービスグループ園内（ビオトープ）の外来種(植物)駆除・ヒシ撤去作業</t>
    <phoneticPr fontId="0" type="Hiragana"/>
  </si>
  <si>
    <t>日本大学</t>
    <phoneticPr fontId="0" type="Hiragana"/>
  </si>
  <si>
    <t>指定管理者:おだわら諏訪の原公園パートナーズ
ミカンや野菜などを育成し、収穫体験などを運営する活動</t>
    <phoneticPr fontId="0" type="Hiragana"/>
  </si>
  <si>
    <t>植物管理ボランティア「みかんの会」</t>
    <phoneticPr fontId="0" type="Hiragana"/>
  </si>
  <si>
    <t>指定管理者：神奈川県公園協会・ランドフローラ・小田急箱根ＨＤグルーブ
景観スポットなど本公園の見どころ約20カ所にQＲコードの掲示等を行い、スマートフォンを利用することにより多言語で本公園を案内する。</t>
    <phoneticPr fontId="0" type="Hiragana"/>
  </si>
  <si>
    <t>日本大学生物資源科学部くらしの生物学科住まいと環境研究室</t>
    <phoneticPr fontId="0" type="Hiragana"/>
  </si>
  <si>
    <t>指定管理者：神奈川県公園協会・ランドフローラ・小田急箱根ＨＤグルーブ
「神奈川の美しい広葉樹林50選」スタンプラリーのスタンプ等の設置。</t>
    <phoneticPr fontId="0" type="Hiragana"/>
  </si>
  <si>
    <t>横浜国立大学地域連携推進機構</t>
    <phoneticPr fontId="0" type="Hiragana"/>
  </si>
  <si>
    <t>指定管理者：公益財団法人宮ヶ瀬ダム周辺振興財団
ハイキングイベントの実施</t>
    <phoneticPr fontId="0" type="Hiragana"/>
  </si>
  <si>
    <t>愛川山岳会</t>
    <phoneticPr fontId="0" type="Hiragana"/>
  </si>
  <si>
    <t>指定管理者：公益財団法人宮ヶ瀬ダム周辺振興財団
毎月１回実施のおはなし会</t>
    <phoneticPr fontId="0" type="Hiragana"/>
  </si>
  <si>
    <t>お話ボランティア おはなしなごなご</t>
    <phoneticPr fontId="0" type="Hiragana"/>
  </si>
  <si>
    <t>指定管理者：神奈川県公園協会・サカタのタネ・サカタのタネＧＳグループ
相模原公園において、県民の健康や福祉の増進を目的に、地域の撮影場所の紹介と地元マルシェによる観光財産等に触れる機会を提供する。（フィルムコミッション展示、観光マルシェ）</t>
    <phoneticPr fontId="0" type="Hiragana"/>
  </si>
  <si>
    <t>（公社）相模原市観光協会</t>
    <phoneticPr fontId="0" type="Hiragana"/>
  </si>
  <si>
    <t>指定管理者：神奈川県公園協会・サカタのタネ・サカタのタネＧＳグループ
相模原公園において、県民の健康や福祉の増進を目的に、地域の伝統文化に触れる機会を提供する。（大凧他多様な凧展示、新春寿囃子）</t>
    <phoneticPr fontId="0" type="Hiragana"/>
  </si>
  <si>
    <t>相模の大凧文化保存会、久保囃子連</t>
    <phoneticPr fontId="0" type="Hiragana"/>
  </si>
  <si>
    <t>指定管理者：神奈川県公園協会・サカタのタネグリーンサービスグループ
津久井湖城山公園において、指定管理者と共催で、年３回「つくい考古学講座」を開催。講師派遣を行う。</t>
    <phoneticPr fontId="0" type="Hiragana"/>
  </si>
  <si>
    <t xml:space="preserve">指定管理者：神奈川県公園協会
公園のエントランスゾーンなどに植栽を実施する。
</t>
    <phoneticPr fontId="0" type="Hiragana"/>
  </si>
  <si>
    <t>地域ボランティア</t>
    <phoneticPr fontId="0" type="Hiragana"/>
  </si>
  <si>
    <t xml:space="preserve">指定管理者：神奈川県公園協会
公園周辺道路の清掃活動により、ヤマビル・ダニ被害の対策を実施する。
</t>
    <phoneticPr fontId="0" type="Hiragana"/>
  </si>
  <si>
    <t>NPO法人共和のもり</t>
    <phoneticPr fontId="0" type="Hiragana"/>
  </si>
  <si>
    <t xml:space="preserve">指定管理者：神奈川県公園協会
樹林地の園路沿いの間伐や間伐材を活用した資源循環型の木工教室を開催するなど、公園及び地域の活性化を図る。
</t>
    <phoneticPr fontId="0" type="Hiragana"/>
  </si>
  <si>
    <t xml:space="preserve">指定管理者：神奈川県公園協会
公園内の森林セラピーコースの設定や体験プログラムを実施する。また、その活動をPRしていくための連携体制を構築する。
</t>
    <phoneticPr fontId="0" type="Hiragana"/>
  </si>
  <si>
    <t>Forest Edge、山北町森林セラピー運営協議会</t>
    <phoneticPr fontId="0" type="Hiragana"/>
  </si>
  <si>
    <t xml:space="preserve">指定管理者：神奈川県公園協会
公園内のお茶畑で茶摘み体験を実施する。
</t>
    <phoneticPr fontId="0" type="Hiragana"/>
  </si>
  <si>
    <t>指定管理者：神奈川県公園協会
自然豊かな森づくり、地域づくりについて講演する。</t>
    <phoneticPr fontId="0" type="Hiragana"/>
  </si>
  <si>
    <t>公園利用がもたらす「見えざる経済効果」について聞き取り調査を実施</t>
    <phoneticPr fontId="0" type="Hiragana"/>
  </si>
  <si>
    <t>麻布大学生命・環境科学部環境科学科</t>
    <phoneticPr fontId="0" type="Hiragana"/>
  </si>
  <si>
    <t>東高根森林公園フォーラム</t>
    <phoneticPr fontId="0" type="Hiragana"/>
  </si>
  <si>
    <t>指定管理者:株式会社石勝エクステリア
収穫感謝祭等イベント開催協力。</t>
    <phoneticPr fontId="0" type="Hiragana"/>
  </si>
  <si>
    <t>坂の上カフェしらはた</t>
    <phoneticPr fontId="0" type="Hiragana"/>
  </si>
  <si>
    <t>しらはた21</t>
    <phoneticPr fontId="0" type="Hiragana"/>
  </si>
  <si>
    <t>ゆ～ずツクルブ（稗原ゆ～ず連絡会）</t>
    <phoneticPr fontId="0" type="Hiragana"/>
  </si>
  <si>
    <t>（社福）なごみ福祉会 多摩川あゆ工房</t>
    <phoneticPr fontId="0" type="Hiragana"/>
  </si>
  <si>
    <t>（社福）はぐるまの会 はぐるま稗原農園</t>
    <phoneticPr fontId="0" type="Hiragana"/>
  </si>
  <si>
    <t>スケッチ楽描きの会</t>
    <phoneticPr fontId="0" type="Hiragana"/>
  </si>
  <si>
    <t>特定非営利活動法人アトリエ言の葉</t>
    <phoneticPr fontId="0" type="Hiragana"/>
  </si>
  <si>
    <t>指定管理者：神奈川県公園協会・小田急ビルサービスグループ
園内湿地の生物多様性保全活動のほか、植物・野鳥・水質水生植物・カエル調査を実施。自然観察会などの公園イベント運営を協働で行う。</t>
    <phoneticPr fontId="0" type="Hiragana"/>
  </si>
  <si>
    <t>特定非営利活動法人川崎市で木育を広め隊</t>
    <phoneticPr fontId="0" type="Hiragana"/>
  </si>
  <si>
    <t>特定非営利活動法人フラワークラブはな夢</t>
    <phoneticPr fontId="0" type="Hiragana"/>
  </si>
  <si>
    <t>都市公園課</t>
  </si>
  <si>
    <t>指定管理者：神奈川県公園協会・京急サービス共同事業体
園内及びその周辺の歴史的遺産の魅力を来園者に伝える個人ガイドボランティア</t>
  </si>
  <si>
    <t>東京湾要塞研究家
デビット佐藤</t>
  </si>
  <si>
    <t>指定管理者：神奈川県公園協会・京急サービス共同事業体
園内及びその周辺の歴史的遺産の魅力を来園者に伝える個人ガイドボランティア</t>
    <phoneticPr fontId="0" type="Hiragana"/>
  </si>
  <si>
    <t>東京湾要塞研究家
デビット佐藤</t>
    <phoneticPr fontId="0" type="Hiragana"/>
  </si>
  <si>
    <t>厚木土木事務所津久井治水センター、教育委員会文化遺産課
指定管理者：神奈川県公園協会・サカタのタネグリーンサービスグループ
「県立津久井湖城山公園整備と管理運営に関する連絡会」として地域と連絡調整を行う。</t>
    <phoneticPr fontId="0" type="Hiragana"/>
  </si>
  <si>
    <t>津久井観光協会、津久井商工会、城山観光協会、城山商工会、有識者、地元自治会</t>
    <phoneticPr fontId="0" type="Hiragana"/>
  </si>
  <si>
    <t>相模原市（文化財保護課、津久井まちづくりセンター、津久井地域環境課、城山まちづくりセンター）</t>
    <phoneticPr fontId="0" type="Hiragana"/>
  </si>
  <si>
    <t>指定管理者：神奈川県公園協会・サカタのタネグリーンサービスグループ
「津久井城PR委員会」を組織。津久井湖城山公園および他所（「お城EXPO]等）において、津久井城を周知する活動を行う。</t>
    <phoneticPr fontId="0" type="Hiragana"/>
  </si>
  <si>
    <t>津久井観光協会、津久井商工会、相模原市観光協会、</t>
    <phoneticPr fontId="0" type="Hiragana"/>
  </si>
  <si>
    <t>相模原市（文化財保護課、津久井まちづくりセンター、市立博物館、観光・シティプロモーション課）</t>
    <phoneticPr fontId="0" type="Hiragana"/>
  </si>
  <si>
    <t>道路管理課</t>
  </si>
  <si>
    <t>かながわアダプトプログラム</t>
  </si>
  <si>
    <t>県、市町村と活動者が覚書を交わして役割分担を明確化し、活動者は道路の里親として歩道等の清掃等を継続的に行い、県や市町村は、活動場所の提供等の支援を行う。</t>
  </si>
  <si>
    <t>鎌倉市、三菱電機㈱</t>
    <phoneticPr fontId="0" type="Hiragana"/>
  </si>
  <si>
    <t>道守サポーターズ</t>
  </si>
  <si>
    <t>活動団体が、簡易な手続きにより活動内容と活動場所を事前に登録し、歩道の清掃や花植え等の活動を行う。県は活動場所の提供や保険加入等の支援を行う。</t>
  </si>
  <si>
    <t>住宅計画課
（男女共同参画課）</t>
    <phoneticPr fontId="0" type="Hiragana"/>
  </si>
  <si>
    <t>支援の隙間で孤立する若年女性のための自立サポート付きシェアハウス事業</t>
    <phoneticPr fontId="0" type="Hiragana"/>
  </si>
  <si>
    <t>既存の支援の隙間で孤立している若年女性に対して住居提供とともに青少年の保護を行い、メンタルケアを実施し、就業、生きがい、社会参画できる機会を提供することで、自立に向けたサポートを行う。</t>
    <phoneticPr fontId="0" type="Hiragana"/>
  </si>
  <si>
    <t>一般社団法人アマヤドリ
(協働事業評価・報告書11)</t>
    <phoneticPr fontId="0" type="Hiragana"/>
  </si>
  <si>
    <t>公共住宅課</t>
    <phoneticPr fontId="0" type="Hiragana"/>
  </si>
  <si>
    <t>津久井浜0分図書館</t>
    <phoneticPr fontId="0" type="Hiragana"/>
  </si>
  <si>
    <t>県営団地の空住戸を利用して、多世代の居場所となる私設図書館を開設し、地域での孤立・孤独の解消に役立てる。その関わりの中で見えてきた地域課題や個人の議題を関係各所につなげ、地域住民同士で解決に向けて考えるネットワーク構築の場としても活用する。</t>
    <phoneticPr fontId="0" type="Hiragana"/>
  </si>
  <si>
    <t>特定非営利活動法人プラットフォーム
(協働事業評価・報告書12)</t>
    <phoneticPr fontId="0" type="Hiragana"/>
  </si>
  <si>
    <t>横須賀三浦地域県政総合センター</t>
    <phoneticPr fontId="0" type="Hiragana"/>
  </si>
  <si>
    <t>後援名義の承認</t>
    <phoneticPr fontId="0" type="Hiragana"/>
  </si>
  <si>
    <t>横須賀三浦地域で開催される観光イベントに対して後援名義を承認することで、地域の観光振興を支援している。</t>
    <phoneticPr fontId="0" type="Hiragana"/>
  </si>
  <si>
    <t>湘南地域県政総合センター</t>
    <phoneticPr fontId="0" type="Hiragana"/>
  </si>
  <si>
    <t>「湘南里川づくり」の促進</t>
    <phoneticPr fontId="0" type="Hiragana"/>
  </si>
  <si>
    <t xml:space="preserve">  ＮＰＯ等の団体、県民、行政と連携し、金目川水系の河川の保全・活用に取り組む「湘南里川づくり※」を推進する。
※金目川水系の河川等を次世代に引き継いでいくため、河川等の保全に取り組む活動のこと。
本活動の推進のため、平成23年度に任意団体「湘南里川づくりみんなの会」を設立した。</t>
  </si>
  <si>
    <t>湘南里川づくりみんなの会
※湘南里川づくりみんなの会の構成団体として、下記の団体が参加。
NPO東海大学地域環境ネットワーク、
金目川水系流域ネットワーク、
21渋田川プロムナードプラン推進協議会、
地球っ子ひろば、
座禅川をキレイにする会、
河内川あじさいの会、
鶴巻ホタルの会、
くずはの家　
えのきの会、
鶴巻あじさい散歩道美化の会、
鶴巻親水遊歩道の会、
小巻環境サービス花の会、
秦野市立　鶴巻小学校、大根川あじさいの会</t>
    <phoneticPr fontId="0" type="Hiragana"/>
  </si>
  <si>
    <t>平塚市、秦野市、伊勢原市</t>
    <phoneticPr fontId="0" type="Hiragana"/>
  </si>
  <si>
    <t>経営課</t>
    <phoneticPr fontId="0" type="Hiragana"/>
  </si>
  <si>
    <t>水道記念館維持運営業務</t>
    <phoneticPr fontId="0" type="Hiragana"/>
  </si>
  <si>
    <t xml:space="preserve">企業庁と（一財）かながわ水・エネルギーサービスが連携し、水資源の大切さや水道事業の役割等の普及啓発を図るための活動を水道記念館で実施
</t>
    <phoneticPr fontId="0" type="Hiragana"/>
  </si>
  <si>
    <t>一般財団法人かながわ水・エネルギーサービス</t>
    <phoneticPr fontId="0" type="Hiragana"/>
  </si>
  <si>
    <t>行政課</t>
    <phoneticPr fontId="0" type="Hiragana"/>
  </si>
  <si>
    <t>人権教育推進事業費</t>
    <phoneticPr fontId="0" type="Hiragana"/>
  </si>
  <si>
    <t>人間の生命の尊さについての理解を深め、学校・家庭・地域における人権尊重の意識の高揚を図る。（対象は県内公立・小中学校、県立中等教育学校）</t>
    <phoneticPr fontId="0" type="Hiragana"/>
  </si>
  <si>
    <t>国連ＮＧＯ　横浜国際人権センター</t>
    <phoneticPr fontId="0" type="Hiragana"/>
  </si>
  <si>
    <t>教育委員会事務局運営費（令和６年度教育委員会文書集配等業務委託）</t>
    <phoneticPr fontId="0" type="Hiragana"/>
  </si>
  <si>
    <t>教育委員会本庁各室課における文書集配、文書印刷等の業務を、知的障害者の雇用促進を目的とするＮＰＯ法人に委託して実施する。</t>
    <phoneticPr fontId="0" type="Hiragana"/>
  </si>
  <si>
    <t>特定非営利活動法人　障害者雇用部会</t>
    <phoneticPr fontId="0" type="Hiragana"/>
  </si>
  <si>
    <t>教職員人事課</t>
    <phoneticPr fontId="0" type="Hiragana"/>
  </si>
  <si>
    <t>派遣体験研修</t>
    <phoneticPr fontId="0" type="Hiragana"/>
  </si>
  <si>
    <t>県立学校教員又は政令市を除く市町村立学校教員をフリースクール等を運営しているNPO法人に１年間研修派遣し、直接運営に携わらせることで不登校対策のノウハウ等を学ぶ。</t>
    <phoneticPr fontId="0" type="Hiragana"/>
  </si>
  <si>
    <t>NPO法人フリースクール鈴蘭学園、NPO法人楠の木学園</t>
    <rPh sb="3" eb="5">
      <t>ほうじん</t>
    </rPh>
    <rPh sb="12" eb="14">
      <t>すずらん</t>
    </rPh>
    <rPh sb="14" eb="16">
      <t>がくえん</t>
    </rPh>
    <rPh sb="20" eb="22">
      <t>ほうじん</t>
    </rPh>
    <rPh sb="22" eb="23">
      <t>くすのき</t>
    </rPh>
    <rPh sb="24" eb="25">
      <t>き</t>
    </rPh>
    <rPh sb="25" eb="27">
      <t>がくえん</t>
    </rPh>
    <phoneticPr fontId="0" type="Hiragana"/>
  </si>
  <si>
    <t>高校教育課</t>
    <phoneticPr fontId="0" type="Hiragana"/>
  </si>
  <si>
    <t>入学者選抜実施運営費
外国につながりを持つ子どもへの教育・進路サポート事業</t>
    <phoneticPr fontId="0" type="Hiragana"/>
  </si>
  <si>
    <t>ＮＰＯ法人多文化共生教育ネットワークかながわ</t>
    <phoneticPr fontId="0" type="Hiragana"/>
  </si>
  <si>
    <t>日本語を母語としない生徒支援者派遣事業費
外国につながりを持つ子どもへの教育・進路サポート事業</t>
    <phoneticPr fontId="0" type="Hiragana"/>
  </si>
  <si>
    <t>地域人材による生徒支援事業</t>
    <phoneticPr fontId="0" type="Hiragana"/>
  </si>
  <si>
    <t>横浜北東・川崎地域の県立高等学校生徒または入学予定者に対して、地域人材を活用し、外国につながりのある生徒への日本語を指導を中心とした、入学前から卒業までのトータル的な支援を行う。</t>
    <phoneticPr fontId="0" type="Hiragana"/>
  </si>
  <si>
    <t>CEMLA事業</t>
    <phoneticPr fontId="0" type="Hiragana"/>
  </si>
  <si>
    <t>神奈川県の県央地区及び相模原地区において、日本語を母語としない生徒に対して日本語支援を行う。事業の推進にあたっては、該当生徒が在籍する県立高等学校（在県外国人等特別募集を行う県立高等学校等）が、他の県立高等学校及び外部機関・団体と連携・協力して必要な教育支援を遂行することを目的とした、ＣＥＭＬＡ運営協議会を設置している。また、運営協議会は、生徒への日本語支援及び学習支援を行うＣＥＭＬＡスクール、目的を達成するためのＣＥＭＬＡ関係者等による必要な手立ての研究及び協議を行うＣＥＭＬＡ研究会を開く。</t>
    <phoneticPr fontId="0" type="Hiragana"/>
  </si>
  <si>
    <t>相模女子大学</t>
    <phoneticPr fontId="0" type="Hiragana"/>
  </si>
  <si>
    <t>県立高等学校朝食等提供事業</t>
    <phoneticPr fontId="0" type="Hiragana"/>
  </si>
  <si>
    <t>ＮＰＯ法人等による居場所カフェの取組を実施している４校（全日制３校、昼間定時制１校）で、在校生の希望者へ朝食を提供</t>
    <phoneticPr fontId="0" type="Hiragana"/>
  </si>
  <si>
    <t>緑法人会</t>
    <phoneticPr fontId="0" type="Hiragana"/>
  </si>
  <si>
    <t>保健体育課</t>
    <phoneticPr fontId="0" type="Hiragana"/>
  </si>
  <si>
    <t>運動部活動活性化推進事業
（企業等連携協議会）</t>
    <phoneticPr fontId="0" type="Hiragana"/>
  </si>
  <si>
    <t>神奈川県教育委員会と企業・大学・専門学校・ＮＰＯ等が連携・協力するとともに、企業等間相互の連携･協力を促進することにより、企業等が有する人的資産（技術・能力等）や物的資産（施設・設備等）を積極的に活用して、学校の教育活動（特に部活動）を支援することを目的とする。</t>
  </si>
  <si>
    <t>（特非）南魚沼おもてなしの郷
（一社）神奈川県トラック協会
（特非）青少年育成支援フォーラム
ライオンズクラブ国際協会330-B地区
（特非）県ライフセービング連盟
（公財）横浜YMCA
（公財）横浜カントリー＆アスレティッククラブ</t>
    <phoneticPr fontId="0" type="Hiragana"/>
  </si>
  <si>
    <t xml:space="preserve">神奈川県外部講師を活用したがん教育等現代的な健康課題の理解増進に向けた授業 </t>
    <phoneticPr fontId="0" type="Hiragana"/>
  </si>
  <si>
    <t>外部講師を活用したがん教育授業において、各学校から希望があった場合に講師を派遣する。</t>
    <phoneticPr fontId="0" type="Hiragana"/>
  </si>
  <si>
    <t>一般社団法人神奈川県がん患者団体連合会</t>
  </si>
  <si>
    <t>学校給食・食育推進指導費</t>
    <phoneticPr fontId="0" type="Hiragana"/>
  </si>
  <si>
    <t>学校給食での地産地消の推進のため、各学校で実施する「かながわ産品学校給食デー」の取組を掲載した情報誌を発行する。</t>
  </si>
  <si>
    <t>（公益財団法人）神奈川県学校給食会</t>
  </si>
  <si>
    <t>子ども教育支援課</t>
    <phoneticPr fontId="0" type="Hiragana"/>
  </si>
  <si>
    <t>ＮＰＯ等との連携による不登校児童・生徒支援事業</t>
    <phoneticPr fontId="0" type="Hiragana"/>
  </si>
  <si>
    <t>不登校児童・生徒の社会的な自立及び学校生活の再開に向けて、協議や不登校相談会などを実施することにより、より効果的な不登校対策についての検討を進め、児童・生徒への支援充実を図る。</t>
    <phoneticPr fontId="0" type="Hiragana"/>
  </si>
  <si>
    <t>ＮＰＯ法人フリースペースたまりば　他８団体</t>
    <phoneticPr fontId="0" type="Hiragana"/>
  </si>
  <si>
    <t>子どもの居場所づくり推進委託事業</t>
    <phoneticPr fontId="0" type="Hiragana"/>
  </si>
  <si>
    <t>不登校等の児童・生徒に対する支援のノウハウのあるフリースクールやフリースペース等（以下、 「 フリースクール等 」 という。） に不登校支援の取組を委託し、県とフリースクール 等 の連携により不登校対策の強化を図る。</t>
    <phoneticPr fontId="0" type="Hiragana"/>
  </si>
  <si>
    <t>神奈川県学校フリースクール等連携協議会加入団体うち委託契約した団体</t>
    <phoneticPr fontId="0" type="Hiragana"/>
  </si>
  <si>
    <t>子ども教育支援課</t>
  </si>
  <si>
    <t>ＮＰＯ等との連携による不登校児童・生徒支援事業</t>
  </si>
  <si>
    <t>国が示す出席扱いとすることができる要件を満たす社会的自立
に向けた学びの環境を整えるとともに、フリースクール等と学校との連携をさらに円滑にすることで、より適切かつ積極的に出席扱いが認められることを促進する。</t>
  </si>
  <si>
    <t>神奈川県学校フリースクール等連携協議会加入団体うち委託契約した団体</t>
  </si>
  <si>
    <t>足柄ふれあいの村「不登校対策自然体験活動事業」</t>
    <phoneticPr fontId="0" type="Hiragana"/>
  </si>
  <si>
    <t>指定管理者：株式会社アグサ（連携協力：関東学院大学）
野外活動・自然体験活動を通して、今後に向けた「次の一歩」（日常生活の見直し・学校生活の再開・社会的な自立）を踏み出すためのサポートを行う。</t>
    <phoneticPr fontId="0" type="Hiragana"/>
  </si>
  <si>
    <t>NPO法人横須賀ヨット協会、横浜市こども自然公園青少年野外活動センター/横浜市三ツ沢公園青少年野外活動センター（指定管理者：公益財団法人横浜市スポーツ協会）、厚木市七沢自然ふれあいセンター（指定管理者：NPO法人国際自然大学校）、川崎市黒川青少年野外活動センター（指定管理者：NPO法人国際自然大学校）、藤沢市少年の森（指定管理者：公益財団法人藤沢市みらい創造財団）、NPO法人あしがらアートの森、その他個人ボランティア参加25名</t>
    <phoneticPr fontId="0" type="Hiragana"/>
  </si>
  <si>
    <t>愛川ふれあいの村「野外活動講習会」</t>
    <phoneticPr fontId="0" type="Hiragana"/>
  </si>
  <si>
    <t>指定管理者：東急コミュニテイー・国際自然大学校グループが実施
神奈川県学校野外活動研究会と共催し、管内の教職員及び野外活動指導者を対象に学校での宿泊体験や子どもを対象とした野外活動で役立つ自然体験活動の基礎知識を学ぶ講習会を実施する。（野外炊事、キャンプファイヤー、ゲーム指導等）</t>
    <phoneticPr fontId="0" type="Hiragana"/>
  </si>
  <si>
    <t>神奈川県学校野外活動研究会</t>
    <phoneticPr fontId="0" type="Hiragana"/>
  </si>
  <si>
    <t>特定非営利活動法人子どもと生活文化協会、特定非営利活動法人フリースペースたまりば</t>
    <phoneticPr fontId="0" type="Hiragana"/>
  </si>
  <si>
    <t>特別支援教育課</t>
    <phoneticPr fontId="0" type="Hiragana"/>
  </si>
  <si>
    <t>重度障害者の訪問型生涯学習支援（訪問カレッジEnjoy　かながわ）</t>
    <phoneticPr fontId="0" type="Hiragana"/>
  </si>
  <si>
    <t>医療的ケアを必要とする障害の重い方の多くが在宅生活をしている中、生涯にわたり学び続けたいという願いにこたえる制度がないため、学習支援員が自宅等を訪問して生涯学習支援事業を実施することで、その人らしい豊かな生き方の支援を行う。</t>
    <phoneticPr fontId="0" type="Hiragana"/>
  </si>
  <si>
    <t>特定非営利法人フュージョンコムかながわ・県肢体不自由児協会
(協働事業評価・報告書13)</t>
    <phoneticPr fontId="0" type="Hiragana"/>
  </si>
  <si>
    <t>生涯学習課</t>
    <phoneticPr fontId="0" type="Hiragana"/>
  </si>
  <si>
    <t>特定非営利法人フュージョンコムかながわ・県肢体不自由児協会
(協働事業評価・報告書14)</t>
    <phoneticPr fontId="0" type="Hiragana"/>
  </si>
  <si>
    <t>川崎図書館</t>
    <phoneticPr fontId="2"/>
  </si>
  <si>
    <t>川崎図書館事業費</t>
  </si>
  <si>
    <t>社会人を対象に開催する生涯を通じた学びや学び直しを支援する「大人の理科教室」等の講師を依頼して実施する。</t>
    <phoneticPr fontId="0" type="Hiragana"/>
  </si>
  <si>
    <t>特定非営利活動法人ＮＰＯブルーアース</t>
    <phoneticPr fontId="0" type="Hiragana"/>
  </si>
  <si>
    <t>川崎図書館</t>
  </si>
  <si>
    <t>小学生を対象に科学の面白さやものづくりの楽しさを感じられる機会の場として開催する「おもしろ理科教室」の講師を依頼して実施する。</t>
    <phoneticPr fontId="0" type="Hiragana"/>
  </si>
  <si>
    <t>創業時の事業計画や資金調達等の相談に応じる「創業・経営相談」を実施する。</t>
    <phoneticPr fontId="0" type="Hiragana"/>
  </si>
  <si>
    <t>特定非営利活動法人日本技術マネジメント協会（創業・経営相談）</t>
    <phoneticPr fontId="0" type="Hiragana"/>
  </si>
  <si>
    <t>金沢文庫</t>
    <phoneticPr fontId="0" type="Hiragana"/>
  </si>
  <si>
    <t>金沢文庫維持運営費</t>
    <phoneticPr fontId="0" type="Hiragana"/>
  </si>
  <si>
    <t>展覧会の観覧者に対して展示内容をわかりやすく解説する「展示解説」等への協力を依頼する。</t>
    <phoneticPr fontId="0" type="Hiragana"/>
  </si>
  <si>
    <t>個人10人</t>
    <phoneticPr fontId="0" type="Hiragana"/>
  </si>
  <si>
    <t>近代美術館</t>
    <rPh sb="0" eb="2">
      <t>こぼり</t>
    </rPh>
    <phoneticPr fontId="0" type="Hiragana"/>
  </si>
  <si>
    <t>葉山芸術祭に係る共同イベント</t>
    <phoneticPr fontId="0" type="Hiragana"/>
  </si>
  <si>
    <t>葉山芸術祭会期中に、葉山芸術祭実行委員会と共同で子ども向けイベントを開催する。</t>
    <rPh sb="24" eb="25">
      <t>こ</t>
    </rPh>
    <rPh sb="27" eb="28">
      <t>む</t>
    </rPh>
    <phoneticPr fontId="0" type="Hiragana"/>
  </si>
  <si>
    <t xml:space="preserve">・葉山芸術祭実行委員会
</t>
    <phoneticPr fontId="0" type="Hiragana"/>
  </si>
  <si>
    <t>近代美術館</t>
    <phoneticPr fontId="0" type="Hiragana"/>
  </si>
  <si>
    <t>神奈川県立近代美術館の竹を編む</t>
  </si>
  <si>
    <t>イベント「神奈川県立近代美術館の竹を編む」開催に向け、地域の大学生および日中一時支援事業所通所者と葉山館で竹の伐採を実施。</t>
    <rPh sb="21" eb="23">
      <t>カイサイ</t>
    </rPh>
    <phoneticPr fontId="2"/>
  </si>
  <si>
    <t>・関東学院大学　人間共生学部　共生デザイン学科共催
・葉山芸術祭実行委員会
・特定非営利活動法人さんわーく かぐや
・逗子竹活</t>
    <rPh sb="23" eb="25">
      <t>キョウサイ</t>
    </rPh>
    <phoneticPr fontId="2"/>
  </si>
  <si>
    <t>神奈川県立近代美術館の竹を編む　竹のビルディング・ワークショップ</t>
    <phoneticPr fontId="2"/>
  </si>
  <si>
    <t>葉山館の竹を使って、巨大な魚籠「巨魚籠」とトンネル「しの竹の回廊」をつくるワークショップを実施。</t>
    <phoneticPr fontId="2"/>
  </si>
  <si>
    <t>神奈川県立近代美術館の竹を編む　縁たけなわ広場
ウグイス笛づくり</t>
    <phoneticPr fontId="2"/>
  </si>
  <si>
    <t>イベント「神奈川県立近代美術館の竹を編む　縁たけなわ広場」期間中、竹を使って「ウグイス笛」をつくるワークショップを実施。</t>
    <phoneticPr fontId="2"/>
  </si>
  <si>
    <t xml:space="preserve">特定非営利活動法人さんわーく かぐや
</t>
    <rPh sb="0" eb="9">
      <t>トクテイヒエイリカツドウホウジン</t>
    </rPh>
    <phoneticPr fontId="2"/>
  </si>
  <si>
    <t>神奈川県立近代美術館の竹を編む　縁たけなわ広場
竹ひごのオーナメントづくり</t>
    <phoneticPr fontId="2"/>
  </si>
  <si>
    <t>イベント「神奈川県立近代美術館の竹を編む　縁たけなわ広場」期間中、竹を使ってオーナメントをつくるワークショップを実施。</t>
    <phoneticPr fontId="2"/>
  </si>
  <si>
    <t>逗子竹活</t>
  </si>
  <si>
    <t>総合教育センター</t>
    <phoneticPr fontId="0" type="Hiragana"/>
  </si>
  <si>
    <t>管理運営費</t>
    <phoneticPr fontId="0" type="Hiragana"/>
  </si>
  <si>
    <t>知的障害者の就労機会の拡大を図るため、ＮＰＯ法人に総合教育センターの業務の一部を委託して間接雇用を図るとともに、企業就労に向けて通年での現場実習の場を提供する。</t>
  </si>
  <si>
    <t>歴史博物館</t>
    <phoneticPr fontId="0" type="Hiragana"/>
  </si>
  <si>
    <t>歴史博物館ボランティア</t>
    <phoneticPr fontId="0" type="Hiragana"/>
  </si>
  <si>
    <t>展示解説・展示室看視、講座・講演会等催し物への協力を依頼する。</t>
    <phoneticPr fontId="0" type="Hiragana"/>
  </si>
  <si>
    <t>歴史博物館ボランティア　　115名</t>
    <phoneticPr fontId="0" type="Hiragana"/>
  </si>
  <si>
    <t>フュージョンコムかながわ・県肢体不自由児協会</t>
    <phoneticPr fontId="2"/>
  </si>
  <si>
    <t>肢体不自由児を対象とした訪問型学習支援教材として歴史博物館を紹介する動画を協力して制作する。</t>
    <rPh sb="0" eb="6">
      <t>シタイフジユウジ</t>
    </rPh>
    <rPh sb="7" eb="9">
      <t>タイショウ</t>
    </rPh>
    <rPh sb="24" eb="26">
      <t>レキシ</t>
    </rPh>
    <rPh sb="26" eb="29">
      <t>ハクブツカン</t>
    </rPh>
    <rPh sb="37" eb="39">
      <t>キョウリョク</t>
    </rPh>
    <rPh sb="41" eb="43">
      <t>セイサク</t>
    </rPh>
    <phoneticPr fontId="2"/>
  </si>
  <si>
    <t>NPO法人 フュージョンコムかながわ・県肢体不自由児協会</t>
    <rPh sb="3" eb="5">
      <t>ホウジン</t>
    </rPh>
    <rPh sb="19" eb="20">
      <t>ケン</t>
    </rPh>
    <rPh sb="20" eb="25">
      <t>シタイフジユウ</t>
    </rPh>
    <rPh sb="25" eb="26">
      <t>ジ</t>
    </rPh>
    <rPh sb="26" eb="28">
      <t>キョウカイ</t>
    </rPh>
    <phoneticPr fontId="2"/>
  </si>
  <si>
    <t>警務部警務課</t>
    <phoneticPr fontId="0" type="Hiragana"/>
  </si>
  <si>
    <t>神奈川県被害者支援連絡協議会</t>
    <phoneticPr fontId="0" type="Hiragana"/>
  </si>
  <si>
    <t>関係する行政機関、民間団体等による緊密な連携と相互協力により、被害者の支援活動の効果的推進を図る。</t>
    <phoneticPr fontId="0" type="Hiragana"/>
  </si>
  <si>
    <t>ＮＰＯ法人神奈川被害者支援センター
被害者支援自助グループ「ピア・神奈川」
(公社)医師会
(一社)歯科医師会
(公社)薬剤師会
(公社)防犯協会連合会
(公財)暴力追放推進センター
(公財)交通安全協会
(公財)横浜市男女共同参画センター
(一社)臨床心理士会</t>
    <phoneticPr fontId="0" type="Hiragana"/>
  </si>
  <si>
    <t>(社福)横浜いのちの電話
(社福)川崎いのちの電話
神奈川県弁護士会
川崎市男女共同参画センター
商工会議所連合会
商工会連合会
損害保険料率算出機構自賠責損害調査センター
(独法)自動車事故対策機構神奈川支所</t>
    <phoneticPr fontId="0" type="Hiragana"/>
  </si>
  <si>
    <t>犯罪被害者等支援</t>
    <phoneticPr fontId="0" type="Hiragana"/>
  </si>
  <si>
    <t>地域の関係機関・団体、企業等との緊密な連携と相互協力により、被害者の視点に立った各種の支援活動を推進する。</t>
    <phoneticPr fontId="0" type="Hiragana"/>
  </si>
  <si>
    <t>被害者支援ネットワーク・連絡協議会（地域レベル：警察署単位）</t>
  </si>
  <si>
    <t>県下54警察署に設けられ、地域の関係機関・団体、病院、企業等で構成されている。（一部ボランタリー団体の加入あり。）</t>
  </si>
  <si>
    <t>地域部地域総務課</t>
    <phoneticPr fontId="0" type="Hiragana"/>
  </si>
  <si>
    <t>登山届受理システム「コンパス」の活用に関する協定</t>
    <phoneticPr fontId="0" type="Hiragana"/>
  </si>
  <si>
    <t>山岳遭難の検索又は救助活動に際し、公益社団法人日本山岳ガイド「コンパス」に登録された情報の閲覧等及び同協会へ山岳遭難等の情報提供を図る。</t>
    <phoneticPr fontId="0" type="Hiragana"/>
  </si>
  <si>
    <t>（公社）日本山岳ガイド協会</t>
    <phoneticPr fontId="0" type="Hiragana"/>
  </si>
  <si>
    <t>生活安全部
生活安全総務課</t>
    <phoneticPr fontId="0" type="Hiragana"/>
  </si>
  <si>
    <t>地域安全活動</t>
    <phoneticPr fontId="0" type="Hiragana"/>
  </si>
  <si>
    <t>防犯パトロール・子供見守り活動・環境浄化浄化活動・青少年非行防止等</t>
    <phoneticPr fontId="0" type="Hiragana"/>
  </si>
  <si>
    <t>神奈川県女性防犯連絡協議会</t>
    <phoneticPr fontId="0" type="Hiragana"/>
  </si>
  <si>
    <t>防犯設備士の養成_x000D_
神奈川県セキュリティ・アパート認定制度等の審査、認定機関
自治体や関連団体と連携し地域の安全・安心に関する事業や健全な住環境づくりに貢献する。</t>
    <phoneticPr fontId="0" type="Hiragana"/>
  </si>
  <si>
    <t>（特非）神奈川県防犯セキュリティ協会</t>
    <phoneticPr fontId="0" type="Hiragana"/>
  </si>
  <si>
    <t>防犯対策の調査研究及び指導、防犯団体相互の連携調整と支援、防犯意識の普及啓発、防犯指導員の活動促進、風俗環境の浄化対策の推進、青少年の健全育成と非行防止対策の推進及び防犯功労者（団体）の表彰</t>
    <phoneticPr fontId="0" type="Hiragana"/>
  </si>
  <si>
    <t>（公社）神奈川県防犯協会連合会</t>
    <phoneticPr fontId="0" type="Hiragana"/>
  </si>
  <si>
    <t>サイバーセキュリティ対策本部</t>
    <rPh sb="10" eb="12">
      <t>たいさく</t>
    </rPh>
    <rPh sb="12" eb="14">
      <t>ほんぶ</t>
    </rPh>
    <phoneticPr fontId="0" type="Hiragana"/>
  </si>
  <si>
    <t>サイバー_x000D_
犯罪対策</t>
  </si>
  <si>
    <t>情報セキュリティに関する・啓発普及・調査、研究事業・教育事業・教育プログラム開発事業・相談支援・出版事業</t>
    <phoneticPr fontId="0" type="Hiragana"/>
  </si>
  <si>
    <t>ＮＰＯ情報セキュリティフォーラム　</t>
  </si>
  <si>
    <t>刑事部刑事総務課</t>
    <phoneticPr fontId="0" type="Hiragana"/>
  </si>
  <si>
    <t>神奈川クレジットカード犯罪対策連絡協議会</t>
    <phoneticPr fontId="0" type="Hiragana"/>
  </si>
  <si>
    <t>クレジットカードの社会公共性に鑑み、神奈川県におけるクレジットカード発行会社または国内ブランド会社と警察との相互理解と緊密な連携によって、クレジットカードに関連するあらゆる犯罪の予防と排除に努め、もってクレジットカード事業の健全な発展を図る</t>
    <phoneticPr fontId="0" type="Hiragana"/>
  </si>
  <si>
    <t>（一社）日本クレジット協会</t>
    <phoneticPr fontId="0" type="Hiragana"/>
  </si>
  <si>
    <t>アプラス
アメリカンエキスプレス
イオンクレジットサービス
オリエントコーポレーション
クレディセゾン
ジェーシービー
セディナ
東急カード
トヨタファイナンス
ポケットカード
三井住友カード
三井住友トラストクラブ
三菱ＵＦＪニコス
ジャックス
ユーシーカード
横浜バンクカード
ライフ
楽天カード</t>
    <phoneticPr fontId="0" type="Hiragana"/>
  </si>
  <si>
    <t>神奈川県警察・生損保連絡協議会</t>
    <phoneticPr fontId="0" type="Hiragana"/>
  </si>
  <si>
    <t>　保険金をめぐるあらゆる暴力、不正請求、詐欺等を排除し、社会の安全と保健事業の健全な発展を確保する事を目的とし、年１回の協議会を開催して、情報交換等を行う。</t>
    <phoneticPr fontId="0" type="Hiragana"/>
  </si>
  <si>
    <t>（一社）日本損害保険協会神奈川損保会
（一社）神奈川県生命保険協会</t>
    <phoneticPr fontId="0" type="Hiragana"/>
  </si>
  <si>
    <t>あいおいニッセイ同和損保保険(株)
東京海上日動火災保険(株)
第一生命(株)
明治安田生命(株)
日本生命(株)
朝日生命(株)
住友生命(株)
ソニー生命(株)等</t>
    <phoneticPr fontId="0" type="Hiragana"/>
  </si>
  <si>
    <t>刑事部捜査第一課</t>
    <phoneticPr fontId="0" type="Hiragana"/>
  </si>
  <si>
    <t>警察協力医及び警察歯科医の委嘱</t>
    <phoneticPr fontId="0" type="Hiragana"/>
  </si>
  <si>
    <t>・大規模災害、突発重大事故等の発生に伴う多数死体の検視、検案、身元確認等の警察業務の円滑な推進のため委嘱をするもの。
・年１回、神奈川県歯科医師会、鑑識課、捜査第一課、科学捜査研究所、危機管理対策課、海上保安庁が参加し連絡協議会を行っている。</t>
    <phoneticPr fontId="0" type="Hiragana"/>
  </si>
  <si>
    <t>神奈川県警察医会(（公社）神奈川県医師会内の組織）
司法警察活動協力機構（（一社）神奈川県歯科医師会内の組織）</t>
    <phoneticPr fontId="0" type="Hiragana"/>
  </si>
  <si>
    <t>刑事部組織犯罪対策本部
暴力団対策課</t>
    <phoneticPr fontId="0" type="Hiragana"/>
  </si>
  <si>
    <t>暴力団排除活動</t>
    <phoneticPr fontId="0" type="Hiragana"/>
  </si>
  <si>
    <t>暴力団員が行う不当な行為を防止する広報活動、不当要求防止責任者講習、事務所使用等差し止め請求訴訟等</t>
    <phoneticPr fontId="0" type="Hiragana"/>
  </si>
  <si>
    <t>（公財）神奈川県暴力追放推進センター</t>
    <phoneticPr fontId="0" type="Hiragana"/>
  </si>
  <si>
    <t>交通部交通総務課</t>
    <phoneticPr fontId="0" type="Hiragana"/>
  </si>
  <si>
    <t>交通安全活動</t>
    <phoneticPr fontId="0" type="Hiragana"/>
  </si>
  <si>
    <t>神奈川県交通安全対策協議会が定める神奈川県交通安全県民運動事業計画に基づく活動</t>
    <phoneticPr fontId="0" type="Hiragana"/>
  </si>
  <si>
    <t>（公財）神奈川県交通安全協会
（一社）神奈川県安全運転管理者会連合会
他223機関・団体</t>
    <phoneticPr fontId="0" type="Hiragana"/>
  </si>
  <si>
    <t>交通安全こども自転車神奈川大会</t>
    <phoneticPr fontId="0" type="Hiragana"/>
  </si>
  <si>
    <t>交通安全教育の効果を高め、競技を通じて児童に自転車の安全走行に関する知識・技能、マナー等を体得させ、交通事故防止を図ることを目的としている。</t>
    <phoneticPr fontId="0" type="Hiragana"/>
  </si>
  <si>
    <t>（公財）神奈川県交通安全協会　　　　　　　　　　　　　</t>
    <phoneticPr fontId="0" type="Hiragana"/>
  </si>
  <si>
    <t>神奈川県自転車安全教育推進委員会</t>
    <phoneticPr fontId="0" type="Hiragana"/>
  </si>
  <si>
    <t>かながわ・バイク・リカレントスクール</t>
    <phoneticPr fontId="2"/>
  </si>
  <si>
    <t>安全な二輪車の利用を促進するために、全ての二輪車運転者の安全運転技能の向上や交通法規・マナーの遵守を目的している。</t>
    <phoneticPr fontId="2"/>
  </si>
  <si>
    <t>（公財）神奈川県交通安全協会
神奈川県二輪車普及安全協会</t>
    <phoneticPr fontId="0" type="Hiragana"/>
  </si>
  <si>
    <t>神奈川県二輪車安全運転推進委員会　　　　　　</t>
    <phoneticPr fontId="0" type="Hiragana"/>
  </si>
  <si>
    <t>グッドライダーミーティング</t>
    <phoneticPr fontId="0" type="Hiragana"/>
  </si>
  <si>
    <t>安全な二輪車の利用を促進するために、全ての二輪車運転者の安全運転技能の向上や交通法規・マナーの遵守を目的している。</t>
    <phoneticPr fontId="0" type="Hiragana"/>
  </si>
  <si>
    <t>（一社）神奈川県二輪車普及安全協会</t>
    <phoneticPr fontId="0" type="Hiragana"/>
  </si>
  <si>
    <t>先進安全自動車の普及促進</t>
    <phoneticPr fontId="0" type="Hiragana"/>
  </si>
  <si>
    <t>交通事故抑止の効果が期待できる自動ブレーキやペダル踏み間違い時加速抑制装置等の先進安全技術を搭載した「安全運転サポート車」の普及啓発を促進している。</t>
    <phoneticPr fontId="0" type="Hiragana"/>
  </si>
  <si>
    <t>神奈川県自動車ディーラー交通安全対策推進協議会（一社）神奈川県指定自動車教習所協会</t>
    <phoneticPr fontId="0" type="Hiragana"/>
  </si>
  <si>
    <t>交通指導員事業委託</t>
    <phoneticPr fontId="0" type="Hiragana"/>
  </si>
  <si>
    <t>地域住民を交通事故から守るため、各季の交通安全運動、交通安全日等における歩行者の保護誘導や祭礼等における交通整理などを行っており、警察活動にも大きく寄与している。</t>
    <phoneticPr fontId="0" type="Hiragana"/>
  </si>
  <si>
    <t>（公財）神奈川県交通安全協会</t>
    <phoneticPr fontId="0" type="Hiragana"/>
  </si>
  <si>
    <t>安全運転管理者法定講習委託</t>
    <phoneticPr fontId="0" type="Hiragana"/>
  </si>
  <si>
    <t>安全運転管理者及び副安全運転管理者の法定講習の業務委託</t>
    <phoneticPr fontId="0" type="Hiragana"/>
  </si>
  <si>
    <t>（一社）神奈川県安全運転管理者会連合会</t>
    <phoneticPr fontId="0" type="Hiragana"/>
  </si>
  <si>
    <t>シルバードライビングスクール講習委託</t>
    <phoneticPr fontId="0" type="Hiragana"/>
  </si>
  <si>
    <t>加齢による運転技能の変化について自覚を促すとともに、交通実態に即した危険の認知・判断及び適切な運転操作ができるよう教育、訓練することにより、高齢運転者による交通事故を防止することを目的としている。</t>
    <phoneticPr fontId="0" type="Hiragana"/>
  </si>
  <si>
    <t>（一社）神奈川県指定自動車教習所協会</t>
    <phoneticPr fontId="0" type="Hiragana"/>
  </si>
  <si>
    <t>交通部交通規制課</t>
    <phoneticPr fontId="0" type="Hiragana"/>
  </si>
  <si>
    <t>交通情報提供活動</t>
    <phoneticPr fontId="0" type="Hiragana"/>
  </si>
  <si>
    <t>道路交通法第109条の２及び同法施行規則第38条の７に定める交通情報提供業務</t>
    <phoneticPr fontId="0" type="Hiragana"/>
  </si>
  <si>
    <t>（公財）日本道路交通情報センター</t>
    <phoneticPr fontId="0" type="Hiragana"/>
  </si>
  <si>
    <t>「ラジオ・チャリティ・ミュージックソン基金」により信号機に視覚障害者用付加装置を設置</t>
    <phoneticPr fontId="0" type="Hiragana"/>
  </si>
  <si>
    <t>（株）ニッポン放送</t>
    <phoneticPr fontId="0" type="Hiragana"/>
  </si>
  <si>
    <t>道路交通法第108条の31に定める道路使用許可に係る道路又は交通の状況に関する調査業務</t>
    <phoneticPr fontId="0" type="Hiragana"/>
  </si>
  <si>
    <t>（公財）神奈川県交通安全協会　</t>
    <phoneticPr fontId="0" type="Hiragana"/>
  </si>
  <si>
    <t>交通部運転免許本部運転免許課</t>
    <phoneticPr fontId="0" type="Hiragana"/>
  </si>
  <si>
    <t>運転免許証等交付委託業務</t>
    <phoneticPr fontId="0" type="Hiragana"/>
  </si>
  <si>
    <t>運転免許本部における運転免許更新者に対する運転免許証交付業務、更新連絡葉書の郵送業務</t>
    <phoneticPr fontId="0" type="Hiragana"/>
  </si>
  <si>
    <t>交通部運転免許本部
運転免許課</t>
    <phoneticPr fontId="0" type="Hiragana"/>
  </si>
  <si>
    <t>自動車教習所職員の教育、訓練資質の向上による、優秀な自動車運転者を養成するとともに、交通安全思想の普及及び啓発活動に対する支援</t>
    <phoneticPr fontId="0" type="Hiragana"/>
  </si>
  <si>
    <t>仮運転免許試験事務等委託事業</t>
    <phoneticPr fontId="0" type="Hiragana"/>
  </si>
  <si>
    <t>仮運転免許試験事務、指定自動車教習所指導員等に対する講習等の実施</t>
    <phoneticPr fontId="0" type="Hiragana"/>
  </si>
  <si>
    <t>自動車運転練習事務等委託事業</t>
    <phoneticPr fontId="0" type="Hiragana"/>
  </si>
  <si>
    <t>交通事故防止の一環として技能試験コースを開放し運転練習の機会を提供する事業、試験車両の管理業務の実施</t>
    <phoneticPr fontId="0" type="Hiragana"/>
  </si>
  <si>
    <t>交通部運転免許本部運転教育課</t>
    <phoneticPr fontId="0" type="Hiragana"/>
  </si>
  <si>
    <t>講習等委託事業</t>
    <phoneticPr fontId="0" type="Hiragana"/>
  </si>
  <si>
    <t>運転免許証の更新時講習等の実施</t>
    <phoneticPr fontId="0" type="Hiragana"/>
  </si>
  <si>
    <t>運転免許の効力の停止等受けた者に対する講習の実施</t>
    <phoneticPr fontId="0" type="Hiragana"/>
  </si>
  <si>
    <t>認知機能検査及び臨時認知機能検査の実施</t>
    <phoneticPr fontId="0" type="Hiragana"/>
  </si>
  <si>
    <t>警察活動への支援</t>
    <phoneticPr fontId="0" type="Hiragana"/>
  </si>
  <si>
    <t>警察活動への支援及び協力並びに、警察活動に対する県民の理解と協力を深めるために必要な事業を行い、県民が安全で安心して暮らせる社会の実現に寄与するとともに、会員の福利厚生を図る。</t>
    <phoneticPr fontId="0" type="Hiragana"/>
  </si>
  <si>
    <t>（一社）神奈川県警親会</t>
    <phoneticPr fontId="0" type="Hiragana"/>
  </si>
  <si>
    <t>地域部通信指令課</t>
    <phoneticPr fontId="0" type="Hiragana"/>
  </si>
  <si>
    <t>防災通信に関し、非常通報装置の普及、管理運用指導等を行い、金融機関その他公共施設における防犯活動等を支援する活動を行う。</t>
    <phoneticPr fontId="0" type="Hiragana"/>
  </si>
  <si>
    <t>財団法人日本防災通信協会神奈川県支部</t>
    <phoneticPr fontId="0" type="Hiragana"/>
  </si>
  <si>
    <t>特定非営利活動法人プラットファーム
(協働事業評価・報告書１)</t>
    <phoneticPr fontId="0" type="Hiragana"/>
  </si>
  <si>
    <t>小松コスモスまつり実行委員会、かながわ水源地域の案内人、中道志川あゆまつり実行委員会、グリーンカレッジつくい運営委員会、NPO法人緑のダム北相模、NPO法人ふじの里山くらぶ、あいかわ公園つつじまつり自然体験交流教室運営委員会、NPO法人共和のもり、野生動物との共生の会、藤野ふる里まつり実行委員会、公益財団法人宮ヶ瀬ダム周辺振興財団、一般社団法人藤野観光協会</t>
    <phoneticPr fontId="2"/>
  </si>
  <si>
    <t>認定NPO法人 全国こども食堂支援センター・むすびえ
一般社団法人ソーシャルコーディネートかながわ</t>
    <rPh sb="0" eb="2">
      <t>ニンテイ</t>
    </rPh>
    <rPh sb="5" eb="7">
      <t>ホウジン</t>
    </rPh>
    <rPh sb="8" eb="10">
      <t>ゼンコク</t>
    </rPh>
    <rPh sb="13" eb="15">
      <t>ショクドウ</t>
    </rPh>
    <rPh sb="15" eb="17">
      <t>シエン</t>
    </rPh>
    <phoneticPr fontId="2"/>
  </si>
  <si>
    <t xml:space="preserve">・（一社）Silva
・We Love 自然ふれあいの森
・NPO法人 オーシャンファミリー海洋自然体験センター
・国際ソロプチミスト横須賀
・葉山の環境を守る会
・三浦半島自然保護の会
・ＮＰＯ法人三浦半島生物多様性保全
</t>
    <phoneticPr fontId="0" type="Hiragana"/>
  </si>
  <si>
    <t>・（一社）Silva
・Ｗｅ Ｌｏｖｅ　自然ふれあいの森
・ＮＰＯ法人オーシャンファミリー海洋自然体験センター
・ＮＰＯ法人グリーンパワーファクトリー
・ＮＰＯ法人国際ふるさとの森づくり協会
・国際ソロプチミスト横須賀
・葉山の環境を守る会
・三浦半島自然保護の会
・ＮＰＯ法人三浦半島生物多様性保全
・認定ＮＰＯ法人産業クラスター研究会</t>
    <phoneticPr fontId="0" type="Hiragana"/>
  </si>
  <si>
    <t>・㈱大川印刷
・㈱研進
・社会福祉法人　湘南の凪
・社会福祉法人　進和学園
・CINEMA CARAVAN
・㈱LaLaLand Holdings
・株式会社サンケイアイ</t>
    <phoneticPr fontId="0" type="Hiragana"/>
  </si>
  <si>
    <t xml:space="preserve">県内関係団体等の参画を得て協議会を設置し、県内一斉防犯パトロールの実施など、自主的な防犯活動を推進することで、犯罪のない安全・安心まちづくりを県民総ぐるみの運動として推進する。
</t>
    <phoneticPr fontId="2"/>
  </si>
  <si>
    <t>（～R6.4.30）特定非営利活動法人神奈川被害者支援センター
（R6.5.1～）公益社団法人神奈川被害者支援センター</t>
    <phoneticPr fontId="0" type="Hiragana"/>
  </si>
  <si>
    <t>適格消費者団体NPO法人消費者支援かながわ、神奈川県消費者団体連絡会、特定非営利活動法人神奈川県消費者の会連絡会、全国消費生活相談員協会、日本消費生活アドバイザー・コンサルタント・相談員協会東日本支部、神奈川県ファイナンシャルプランナーズ協同組合、消費者問題に取組むCの会、日本消費生活アドバイザー・コンサルタント・相談員協会東日本支部、特定非営利活動法人 セカンドリーグ神奈川、野菜ソムリエコミュニティかながわ、一般社団法人日本産業協会、ＮＰＯ情報セキュリティフォーラム、ＮＡＣＳ標準化を考える会</t>
    <phoneticPr fontId="0" type="Hiragana"/>
  </si>
  <si>
    <t>神奈川フィルハーモニー管弦楽団定期演奏会
県民名曲シリーズ</t>
    <phoneticPr fontId="2"/>
  </si>
  <si>
    <t>前川國男設計による戦後モダニズム建築の傑作として評価される神奈川県立音楽堂の魅力を伝えるグループツアー形式の見学会。</t>
    <phoneticPr fontId="0" type="Hiragana"/>
  </si>
  <si>
    <t>第47回 神奈川県合唱フェスティバル＆ジュニア合唱祭</t>
    <phoneticPr fontId="0" type="Hiragana"/>
  </si>
  <si>
    <r>
      <t>ラオス×日本　ろう者と聴者が協同するアジアのオブジェクトシアター『いのちあるもの　闇の中から
　/</t>
    </r>
    <r>
      <rPr>
        <sz val="9"/>
        <color theme="1"/>
        <rFont val="Leelawadee UI"/>
        <family val="1"/>
      </rPr>
      <t>ສິ່ງທີ່ມີຊິວິດ</t>
    </r>
    <r>
      <rPr>
        <sz val="9"/>
        <color theme="1"/>
        <rFont val="ＭＳ 明朝"/>
        <family val="1"/>
        <charset val="128"/>
      </rPr>
      <t>　</t>
    </r>
    <r>
      <rPr>
        <sz val="9"/>
        <color theme="1"/>
        <rFont val="Leelawadee UI"/>
        <family val="1"/>
      </rPr>
      <t>ຈາກຄວາມມືດ</t>
    </r>
    <r>
      <rPr>
        <sz val="9"/>
        <color theme="1"/>
        <rFont val="ＭＳ 明朝"/>
        <family val="1"/>
        <charset val="128"/>
      </rPr>
      <t>』</t>
    </r>
    <phoneticPr fontId="2"/>
  </si>
  <si>
    <t>障がい者スポーツの普及を図るため、県障害者スポーツ大会の開催、全国障害者スポーツ大会への選手団派遣、パラスポーツ指導者の養成等を実施する。</t>
    <phoneticPr fontId="0" type="Hiragana"/>
  </si>
  <si>
    <t>かながわジュニアチャレンジプロジェクト（タレント発掘事業）</t>
    <phoneticPr fontId="0" type="Hiragana"/>
  </si>
  <si>
    <t>美しい久野里地里山協議会、
「小松・城北」里山をまもる会、
表丹沢菩提里山づくりの会、
里山をよみがえらせる会、
五本松・原花咲く里山協議会、
石川丸山ホタル保存会、
矢倉沢里地里山会、
波多川四十八瀬を愛する会、
堀西里地里山保全地域を守る会、
蓑毛里地里山保全地域を守る会、
七沢里山づくりの会、
曽我山応援隊、
中丸の里山を守る会、
黒川里地里山保全会、
内山里地里山の会、
荻野三つ沢の里山を守る会、
NPO法人里山ネット・あつぎ、寄ロウバイの会、
NPO法人ゆめのシステムプロジェクト、
土佐原桜の会、
弥勒寺郷桜の会、
飯山農楽校、
みどりと清流のふるさと創造委員会、
特定非営利活動法人　篠原の里</t>
    <phoneticPr fontId="0" type="Hiragana"/>
  </si>
  <si>
    <t>NPO法人ファームパーク湘南
NPO法人愛川宮ノ下農園会</t>
    <phoneticPr fontId="2"/>
  </si>
  <si>
    <r>
      <t>青少年課</t>
    </r>
    <r>
      <rPr>
        <strike/>
        <sz val="9"/>
        <color theme="1"/>
        <rFont val="ＭＳ 明朝"/>
        <family val="1"/>
        <charset val="128"/>
      </rPr>
      <t xml:space="preserve">
</t>
    </r>
    <r>
      <rPr>
        <sz val="9"/>
        <color theme="1"/>
        <rFont val="ＭＳ 明朝"/>
        <family val="1"/>
        <charset val="128"/>
      </rPr>
      <t>新規
（復活）</t>
    </r>
    <rPh sb="0" eb="3">
      <t>セイショウネン</t>
    </rPh>
    <rPh sb="3" eb="4">
      <t>カ</t>
    </rPh>
    <rPh sb="5" eb="7">
      <t>シンキ</t>
    </rPh>
    <rPh sb="9" eb="11">
      <t>フッカツ</t>
    </rPh>
    <phoneticPr fontId="2"/>
  </si>
  <si>
    <t>　災害対策基本法（昭和36 年法律第223 号）の規定に基づく防災基本計画に掲げられた災害中間支援組織を含めた被災者支援機関の連携体制の構築の一環として、県内外の多様な支援機関が災害時に最大限の力を各々発揮し、被災者の多様なニーズに沿った「もれ・むら」のない効果的な支援活動を実現する。</t>
    <phoneticPr fontId="0" type="Hiragana"/>
  </si>
  <si>
    <t>地域で医療的ケア児等からの各種相談に対応するため、各障害保健福祉圏域に医療的ケア児支援センターのブランチを設置、運営する。</t>
    <rPh sb="56" eb="58">
      <t>うんえい</t>
    </rPh>
    <phoneticPr fontId="0" type="Hiragana"/>
  </si>
  <si>
    <t>一般社団法人４Ｈｅａｒｔｓ
公益社団法人　神奈川県聴覚障害者協会
特定非営利活動法人　藤沢市聴覚障害者協会
(協働事業評価・報告書８)</t>
    <phoneticPr fontId="0" type="Hiragana"/>
  </si>
  <si>
    <t>神奈川県聴覚障害者福祉センター
地域福祉課</t>
    <phoneticPr fontId="0" type="Hiragana"/>
  </si>
  <si>
    <t>重度障がい者の地域生活移行及び地域定着を支える地域の相談支援体制を拡充するため、法人を対象に、相談支援事業所の開設促進セミナーを開催するとともに 、セミナー参加法人等からの問合せ等に対応するサポートデスクを開設してフォローアップを行うことで相談支援事業所の新規開設を促進する。</t>
    <rPh sb="120" eb="122">
      <t>そうだん</t>
    </rPh>
    <rPh sb="122" eb="124">
      <t>しえん</t>
    </rPh>
    <rPh sb="124" eb="127">
      <t>じぎょうしょ</t>
    </rPh>
    <rPh sb="128" eb="130">
      <t>しんき</t>
    </rPh>
    <rPh sb="130" eb="132">
      <t>かいせつ</t>
    </rPh>
    <rPh sb="133" eb="135">
      <t>そくしん</t>
    </rPh>
    <phoneticPr fontId="0" type="Hiragana"/>
  </si>
  <si>
    <t>NPO法人エンパワメントかながわ</t>
    <phoneticPr fontId="0" type="Hiragana"/>
  </si>
  <si>
    <t>・NPO法人日本ディベート協会
・NPO法人あっとほーむ
・アクティヴリッスン</t>
    <phoneticPr fontId="0" type="Hiragana"/>
  </si>
  <si>
    <t>相模原市、横須賀市、平塚市、藤沢市、小田原市、茅ヶ崎市、三浦市、厚木市、伊勢原市、海老名市、二宮町、大井町、山北町、箱根町</t>
    <rPh sb="11" eb="12">
      <t>つか</t>
    </rPh>
    <phoneticPr fontId="0" type="Hiragana"/>
  </si>
  <si>
    <t>厚生労働大臣が定める基準を満たす施設（６団体）</t>
    <phoneticPr fontId="0" type="Hiragana"/>
  </si>
  <si>
    <t>厚生労働大臣が定める基準を満たす施設（１社会福祉法人）</t>
    <phoneticPr fontId="0" type="Hiragana"/>
  </si>
  <si>
    <t>一般社団法人乳がん予防医学推進協会
(協働事業評価・報告書10)</t>
    <phoneticPr fontId="0" type="Hiragana"/>
  </si>
  <si>
    <t>社会福祉法人唐池学園
社会福祉法人碧
社会福祉法人南足柄市社会福祉協議会
医療法人社団秦和会</t>
    <phoneticPr fontId="0" type="Hiragana"/>
  </si>
  <si>
    <t>WAN'S LIFE湘南里親、一般社団法人アニプロ、Cattery Branche、しずくの家、秦野市CatVet、kikiぽん　ハウス</t>
    <phoneticPr fontId="0" type="Hiragana"/>
  </si>
  <si>
    <t>相模湖商工会、相模湖商工会青年部、相模湖商工会女性部、津久井警察署、JR東日本相模湖駅、神奈川中央交通（株）相模湖交流センターアクティオ（株）</t>
    <phoneticPr fontId="0" type="Hiragana"/>
  </si>
  <si>
    <t>グリーン相模原シェアリングネイチャーの会、
NPO法人ジャパンコンパニオンドッグクラブ、
麻溝観光協会、
さがみはらスポーツレクリエーション協会、
（一社）日本造園業協会神奈川支部、
ツリークライミングRジャパンクラブLeaf、
NPO法人みどりのお医者さん、
女子美術大学、
久保囃子連、
相模原市少年鼓笛バンド連盟、
相模太鼓保存会、
相模原山草会、
相模原華道協会、
相模原市茶道連盟、
相模原造園協同組合、
相模の大凧文化保存会、
（一社）相模原市観光協会、
NPO法人エバーグリーン24</t>
    <phoneticPr fontId="0" type="Hiragana"/>
  </si>
  <si>
    <t>指定管理者：神奈川県公園協会・県立塚山公園保存会グループ
県立塚山公園にジンダイアケボノ（桜）の苗木を植樹</t>
    <phoneticPr fontId="0" type="Hiragana"/>
  </si>
  <si>
    <t>指定管理者：神奈川県公園協会・県立塚山公園保存会グループ
公園周辺（横須賀市道や園路）の清掃活動花壇への植え付けを実施</t>
    <phoneticPr fontId="0" type="Hiragana"/>
  </si>
  <si>
    <t xml:space="preserve">指定管理者：神奈川県公園協会・湘南造園グループ
公園内に自生する様々な山野草を適切に保護・育成する。また、公園内の花壇等に植栽を実施する。
</t>
    <phoneticPr fontId="0" type="Hiragana"/>
  </si>
  <si>
    <t>グリーンバード鎌倉、三菱電機鎌倉製作所地区</t>
    <rPh sb="16" eb="19">
      <t>せいさくしょ</t>
    </rPh>
    <rPh sb="19" eb="21">
      <t>ちく</t>
    </rPh>
    <phoneticPr fontId="0" type="Hiragana"/>
  </si>
  <si>
    <t>いのち・未来戦略本部室
次世代育成課
障害福祉課</t>
    <rPh sb="12" eb="15">
      <t>じせだい</t>
    </rPh>
    <rPh sb="15" eb="17">
      <t>いくせい</t>
    </rPh>
    <rPh sb="17" eb="18">
      <t>か</t>
    </rPh>
    <rPh sb="19" eb="21">
      <t>しょうがい</t>
    </rPh>
    <rPh sb="21" eb="24">
      <t>ふくしか</t>
    </rPh>
    <phoneticPr fontId="0" type="Hiragana"/>
  </si>
  <si>
    <t>一般社団法人横須賀市観光協会、神奈川土建一般労働組合横須賀三浦支部 
第19回どけんまつり実行委員会、ガリバープロジェクト、衣笠観光協会、逸見観光協会、道寸祭り実行委員会、三崎白秋会、（一社）三浦市観光協会城ヶ島地区、三浦海岸納涼まつり実行委員会、みうら夜市実行委員会、リビエラリゾートクラブ、公益社団法人鎌倉市観光協会</t>
    <phoneticPr fontId="0" type="Hiragana"/>
  </si>
  <si>
    <t>外国につながりを持つ子どもたちの高校への進学支援のために、県内６会場で行う「進学相談会」等の実施、「公立高校入学のためのガイドブック（10言語）」及び「インターネット出願システム操作マニュアル」の作成と配付を実施し、通訳派遣や資料提供等で相互協力を行う。</t>
    <rPh sb="44" eb="45">
      <t>とう</t>
    </rPh>
    <rPh sb="46" eb="48">
      <t>じっし</t>
    </rPh>
    <rPh sb="73" eb="74">
      <t>およ</t>
    </rPh>
    <rPh sb="83" eb="85">
      <t>しゅつがん</t>
    </rPh>
    <rPh sb="89" eb="91">
      <t>そうさ</t>
    </rPh>
    <phoneticPr fontId="0" type="Hiragana"/>
  </si>
  <si>
    <t>県立高等学校への支援として、多文化教育コーディネーター派遣事業を委託事業で実施・運営する。</t>
    <rPh sb="32" eb="34">
      <t>いたく</t>
    </rPh>
    <rPh sb="34" eb="36">
      <t>じぎょう</t>
    </rPh>
    <phoneticPr fontId="0" type="Hiragana"/>
  </si>
  <si>
    <t>ＮＰＯ法人多文化共生教育ネットワークかながわ
ＮＰＯ法人パノラマ
宮城島篤子</t>
    <phoneticPr fontId="0" type="Hiragana"/>
  </si>
  <si>
    <t xml:space="preserve">８．事業にボランタリー団体等以外の主体が参加している場合、その団体名
</t>
    <phoneticPr fontId="0" type="Hiragana"/>
  </si>
  <si>
    <t>別紙１のとおり</t>
    <phoneticPr fontId="0" type="Hiragana"/>
  </si>
  <si>
    <t>別紙２のとおり</t>
    <phoneticPr fontId="2"/>
  </si>
  <si>
    <t>公益社団法人かながわ福祉サービス振興会、かながわシニアスポーツフェスタ実行委員会の団体（一部を除く）（別紙３のとおり）</t>
    <rPh sb="51" eb="53">
      <t>べっし</t>
    </rPh>
    <phoneticPr fontId="0" type="Hiragana"/>
  </si>
  <si>
    <t>かながわシニアスポーツフェスタ実行委員会の一部団体（別紙３のとおり）</t>
    <rPh sb="26" eb="28">
      <t>べっし</t>
    </rPh>
    <phoneticPr fontId="0" type="Hiragana"/>
  </si>
  <si>
    <t>27団体（別紙４のとおり）</t>
    <phoneticPr fontId="0" type="Hiragana"/>
  </si>
  <si>
    <t>別紙４のとおり</t>
    <phoneticPr fontId="0" type="Hiragana"/>
  </si>
  <si>
    <t>神奈川県菊花連盟等
計48団体（別紙５のとおり)</t>
    <phoneticPr fontId="0" type="Hiragana"/>
  </si>
  <si>
    <t>丹沢大山ボランティアネットワーク
（別紙６のとおり）</t>
    <phoneticPr fontId="0" type="Hiragana"/>
  </si>
  <si>
    <t>丹沢大山クリーンピア21
(別紙７のとおり）</t>
    <phoneticPr fontId="0" type="Hiragana"/>
  </si>
  <si>
    <t>別紙８のとおり（登録ボランティア26団体（個人を含む））</t>
    <phoneticPr fontId="0" type="Hiragana"/>
  </si>
  <si>
    <t>別紙９のとおり</t>
    <phoneticPr fontId="0" type="Hiragana"/>
  </si>
  <si>
    <t>大塚製薬㈱　他39団体(別紙10のとおり)</t>
    <phoneticPr fontId="0" type="Hiragana"/>
  </si>
  <si>
    <t>丹沢大山クリーンピア21　（別紙７のとおり）</t>
    <phoneticPr fontId="0" type="Hiragana"/>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x14ac:knownFonts="1">
    <font>
      <sz val="12"/>
      <color theme="1"/>
      <name val="ＭＳ 明朝"/>
      <family val="2"/>
      <charset val="128"/>
    </font>
    <font>
      <sz val="12"/>
      <color theme="1"/>
      <name val="ＭＳ 明朝"/>
      <family val="2"/>
      <charset val="128"/>
    </font>
    <font>
      <sz val="6"/>
      <name val="ＭＳ 明朝"/>
      <family val="2"/>
      <charset val="128"/>
    </font>
    <font>
      <sz val="9"/>
      <color theme="1"/>
      <name val="ＭＳ 明朝"/>
      <family val="1"/>
      <charset val="128"/>
    </font>
    <font>
      <strike/>
      <sz val="9"/>
      <color theme="1"/>
      <name val="ＭＳ 明朝"/>
      <family val="1"/>
      <charset val="128"/>
    </font>
    <font>
      <sz val="8"/>
      <color theme="1"/>
      <name val="ＭＳ 明朝"/>
      <family val="1"/>
      <charset val="128"/>
    </font>
    <font>
      <sz val="7"/>
      <color theme="1"/>
      <name val="ＭＳ 明朝"/>
      <family val="1"/>
      <charset val="128"/>
    </font>
    <font>
      <sz val="6"/>
      <name val="ＭＳ 明朝"/>
      <family val="1"/>
      <charset val="128"/>
    </font>
    <font>
      <strike/>
      <sz val="9"/>
      <color rgb="FFFF0000"/>
      <name val="ＭＳ 明朝"/>
      <family val="1"/>
      <charset val="128"/>
    </font>
    <font>
      <sz val="9"/>
      <color theme="1"/>
      <name val="ＭＳ 明朝"/>
      <family val="2"/>
      <charset val="128"/>
    </font>
    <font>
      <sz val="12"/>
      <color theme="1"/>
      <name val="ＭＳ 明朝"/>
      <family val="1"/>
      <charset val="128"/>
    </font>
    <font>
      <b/>
      <sz val="14"/>
      <color theme="1"/>
      <name val="ＭＳ ゴシック"/>
      <family val="3"/>
      <charset val="128"/>
    </font>
    <font>
      <sz val="9"/>
      <color theme="1"/>
      <name val="ＭＳ ゴシック"/>
      <family val="3"/>
      <charset val="128"/>
    </font>
    <font>
      <sz val="9"/>
      <color theme="1"/>
      <name val="Leelawadee UI"/>
      <family val="1"/>
    </font>
    <font>
      <sz val="8"/>
      <color theme="1"/>
      <name val="ＭＳ ゴシック"/>
      <family val="3"/>
      <charset val="128"/>
    </font>
  </fonts>
  <fills count="3">
    <fill>
      <patternFill patternType="none"/>
    </fill>
    <fill>
      <patternFill patternType="gray125"/>
    </fill>
    <fill>
      <patternFill patternType="solid">
        <fgColor theme="0"/>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38">
    <xf numFmtId="0" fontId="0" fillId="0" borderId="0" xfId="0">
      <alignment vertical="center"/>
    </xf>
    <xf numFmtId="0" fontId="5" fillId="2" borderId="1" xfId="0" applyFont="1" applyFill="1" applyBorder="1" applyAlignment="1">
      <alignment horizontal="left" vertical="top" wrapText="1"/>
    </xf>
    <xf numFmtId="0" fontId="5" fillId="2" borderId="1" xfId="0" applyFont="1" applyFill="1" applyBorder="1" applyAlignment="1">
      <alignment vertical="top" wrapText="1"/>
    </xf>
    <xf numFmtId="0" fontId="6" fillId="2" borderId="1" xfId="0" applyFont="1" applyFill="1" applyBorder="1" applyAlignment="1">
      <alignment horizontal="left" vertical="top" wrapText="1"/>
    </xf>
    <xf numFmtId="0" fontId="3" fillId="2" borderId="1" xfId="0" applyFont="1" applyFill="1" applyBorder="1" applyAlignment="1">
      <alignment vertical="top" wrapText="1"/>
    </xf>
    <xf numFmtId="0" fontId="3" fillId="2" borderId="1" xfId="0" applyFont="1" applyFill="1" applyBorder="1" applyAlignment="1">
      <alignment horizontal="center" vertical="top" wrapText="1"/>
    </xf>
    <xf numFmtId="0" fontId="3" fillId="2" borderId="1" xfId="0" applyFont="1" applyFill="1" applyBorder="1" applyAlignment="1">
      <alignment horizontal="left" vertical="top" wrapText="1"/>
    </xf>
    <xf numFmtId="0" fontId="3" fillId="2" borderId="3" xfId="0" applyFont="1" applyFill="1" applyBorder="1" applyAlignment="1">
      <alignment horizontal="center" vertical="top" wrapText="1"/>
    </xf>
    <xf numFmtId="0" fontId="3" fillId="2" borderId="3" xfId="0" applyFont="1" applyFill="1" applyBorder="1" applyAlignment="1">
      <alignment horizontal="left" vertical="top" wrapText="1"/>
    </xf>
    <xf numFmtId="0" fontId="3" fillId="2" borderId="1" xfId="0" applyFont="1" applyFill="1" applyBorder="1" applyAlignment="1">
      <alignment vertical="top" wrapText="1" shrinkToFit="1"/>
    </xf>
    <xf numFmtId="0" fontId="3" fillId="2" borderId="1" xfId="0" applyFont="1" applyFill="1" applyBorder="1" applyAlignment="1" applyProtection="1">
      <alignment vertical="top" wrapText="1"/>
      <protection locked="0"/>
    </xf>
    <xf numFmtId="0" fontId="3" fillId="2" borderId="0" xfId="0" applyFont="1" applyFill="1">
      <alignment vertical="center"/>
    </xf>
    <xf numFmtId="0" fontId="4" fillId="2" borderId="1" xfId="0" applyFont="1" applyFill="1" applyBorder="1" applyAlignment="1">
      <alignment vertical="top" wrapText="1"/>
    </xf>
    <xf numFmtId="0" fontId="3" fillId="2" borderId="1" xfId="0" applyFont="1" applyFill="1" applyBorder="1" applyAlignment="1" applyProtection="1">
      <alignment horizontal="left" vertical="top" wrapText="1"/>
      <protection locked="0"/>
    </xf>
    <xf numFmtId="0" fontId="3" fillId="2" borderId="3" xfId="0" applyFont="1" applyFill="1" applyBorder="1" applyAlignment="1">
      <alignment vertical="top" wrapText="1"/>
    </xf>
    <xf numFmtId="0" fontId="3" fillId="2" borderId="4" xfId="0" applyFont="1" applyFill="1" applyBorder="1" applyAlignment="1">
      <alignment horizontal="left" vertical="top" wrapText="1"/>
    </xf>
    <xf numFmtId="0" fontId="3" fillId="2" borderId="4" xfId="0" applyFont="1" applyFill="1" applyBorder="1" applyAlignment="1">
      <alignment vertical="top" wrapText="1"/>
    </xf>
    <xf numFmtId="0" fontId="3" fillId="2" borderId="4" xfId="0" applyFont="1" applyFill="1" applyBorder="1" applyAlignment="1">
      <alignment horizontal="center" vertical="top" wrapText="1"/>
    </xf>
    <xf numFmtId="0" fontId="5" fillId="2" borderId="3" xfId="0" applyFont="1" applyFill="1" applyBorder="1" applyAlignment="1">
      <alignment horizontal="left" vertical="top" wrapText="1"/>
    </xf>
    <xf numFmtId="0" fontId="3" fillId="2" borderId="2" xfId="0" applyFont="1" applyFill="1" applyBorder="1" applyAlignment="1">
      <alignment horizontal="left" vertical="top" wrapText="1"/>
    </xf>
    <xf numFmtId="0" fontId="3" fillId="2" borderId="1" xfId="0" applyFont="1" applyFill="1" applyBorder="1" applyAlignment="1">
      <alignment vertical="center" wrapText="1"/>
    </xf>
    <xf numFmtId="0" fontId="3" fillId="2" borderId="1" xfId="0" applyFont="1" applyFill="1" applyBorder="1" applyAlignment="1">
      <alignment vertical="top" shrinkToFit="1"/>
    </xf>
    <xf numFmtId="0" fontId="0" fillId="2" borderId="0" xfId="0" applyFont="1" applyFill="1">
      <alignment vertical="center"/>
    </xf>
    <xf numFmtId="0" fontId="3" fillId="2" borderId="0" xfId="0" applyFont="1" applyFill="1" applyAlignment="1">
      <alignment vertical="top"/>
    </xf>
    <xf numFmtId="0" fontId="12" fillId="2" borderId="1" xfId="0" applyFont="1" applyFill="1" applyBorder="1" applyAlignment="1">
      <alignment horizontal="center" vertical="top" wrapText="1"/>
    </xf>
    <xf numFmtId="0" fontId="12" fillId="2" borderId="2" xfId="0" applyFont="1" applyFill="1" applyBorder="1" applyAlignment="1">
      <alignment horizontal="center" vertical="top" wrapText="1"/>
    </xf>
    <xf numFmtId="0" fontId="5" fillId="2" borderId="3" xfId="0" applyFont="1" applyFill="1" applyBorder="1" applyAlignment="1">
      <alignment horizontal="left" vertical="top" wrapText="1" shrinkToFit="1"/>
    </xf>
    <xf numFmtId="0" fontId="4" fillId="2" borderId="1" xfId="0" applyFont="1" applyFill="1" applyBorder="1" applyAlignment="1">
      <alignment horizontal="left" vertical="top" wrapText="1"/>
    </xf>
    <xf numFmtId="0" fontId="9" fillId="2" borderId="1" xfId="0" applyFont="1" applyFill="1" applyBorder="1" applyAlignment="1">
      <alignment vertical="center" wrapText="1"/>
    </xf>
    <xf numFmtId="0" fontId="11" fillId="2" borderId="0" xfId="0" applyFont="1" applyFill="1" applyAlignment="1">
      <alignment horizontal="left" vertical="top" wrapText="1"/>
    </xf>
    <xf numFmtId="0" fontId="0" fillId="2" borderId="0" xfId="0" applyFont="1" applyFill="1" applyAlignment="1">
      <alignment horizontal="left" vertical="top" wrapText="1"/>
    </xf>
    <xf numFmtId="0" fontId="9" fillId="2" borderId="0" xfId="0" applyFont="1" applyFill="1">
      <alignment vertical="center"/>
    </xf>
    <xf numFmtId="0" fontId="10" fillId="2" borderId="0" xfId="0" applyFont="1" applyFill="1">
      <alignment vertical="center"/>
    </xf>
    <xf numFmtId="0" fontId="14" fillId="2" borderId="0" xfId="0" applyFont="1" applyFill="1" applyAlignment="1">
      <alignment horizontal="center" vertical="top" wrapText="1"/>
    </xf>
    <xf numFmtId="0" fontId="3" fillId="2" borderId="0" xfId="0" applyFont="1" applyFill="1" applyAlignment="1">
      <alignment horizontal="center" vertical="top" wrapText="1"/>
    </xf>
    <xf numFmtId="0" fontId="3" fillId="2" borderId="0" xfId="0" applyFont="1" applyFill="1" applyAlignment="1">
      <alignment vertical="top" wrapText="1"/>
    </xf>
    <xf numFmtId="0" fontId="4" fillId="2" borderId="0" xfId="0" applyFont="1" applyFill="1" applyAlignment="1">
      <alignment horizontal="center" vertical="top" wrapText="1"/>
    </xf>
    <xf numFmtId="0" fontId="0" fillId="2" borderId="0" xfId="0" applyFont="1" applyFill="1" applyAlignment="1"/>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D1CA52-AE5E-481A-BF43-50E1BBAAF381}">
  <sheetPr>
    <pageSetUpPr fitToPage="1"/>
  </sheetPr>
  <dimension ref="A1:XEQ543"/>
  <sheetViews>
    <sheetView tabSelected="1" view="pageBreakPreview" zoomScale="85" zoomScaleNormal="60" zoomScaleSheetLayoutView="85" workbookViewId="0">
      <selection activeCell="C6" sqref="C6"/>
    </sheetView>
  </sheetViews>
  <sheetFormatPr defaultRowHeight="14.4" x14ac:dyDescent="0.2"/>
  <cols>
    <col min="3" max="3" width="45.59765625" customWidth="1"/>
    <col min="4" max="4" width="46.8984375" customWidth="1"/>
    <col min="5" max="5" width="48.69921875" customWidth="1"/>
  </cols>
  <sheetData>
    <row r="1" spans="1:6" s="22" customFormat="1" ht="26.4" customHeight="1" x14ac:dyDescent="0.2">
      <c r="A1" s="29" t="s">
        <v>0</v>
      </c>
      <c r="B1" s="30"/>
      <c r="C1" s="30"/>
      <c r="D1" s="30"/>
    </row>
    <row r="2" spans="1:6" s="22" customFormat="1" ht="9" customHeight="1" x14ac:dyDescent="0.2">
      <c r="A2" s="23"/>
    </row>
    <row r="3" spans="1:6" s="22" customFormat="1" ht="13.2" customHeight="1" x14ac:dyDescent="0.2">
      <c r="D3" s="23" t="s">
        <v>1</v>
      </c>
    </row>
    <row r="4" spans="1:6" s="22" customFormat="1" ht="64.8" x14ac:dyDescent="0.2">
      <c r="A4" s="24" t="s">
        <v>2</v>
      </c>
      <c r="B4" s="24" t="s">
        <v>3</v>
      </c>
      <c r="C4" s="25" t="s">
        <v>4</v>
      </c>
      <c r="D4" s="24" t="s">
        <v>5</v>
      </c>
      <c r="E4" s="24" t="s">
        <v>1576</v>
      </c>
    </row>
    <row r="5" spans="1:6" s="22" customFormat="1" ht="54" x14ac:dyDescent="0.2">
      <c r="A5" s="4" t="s">
        <v>6</v>
      </c>
      <c r="B5" s="14" t="s">
        <v>7</v>
      </c>
      <c r="C5" s="14" t="s">
        <v>8</v>
      </c>
      <c r="D5" s="14" t="s">
        <v>1534</v>
      </c>
      <c r="E5" s="14"/>
    </row>
    <row r="6" spans="1:6" s="22" customFormat="1" ht="159" customHeight="1" x14ac:dyDescent="0.2">
      <c r="A6" s="8" t="s">
        <v>6</v>
      </c>
      <c r="B6" s="8" t="s">
        <v>9</v>
      </c>
      <c r="C6" s="8" t="s">
        <v>10</v>
      </c>
      <c r="D6" s="26" t="s">
        <v>11</v>
      </c>
      <c r="E6" s="18" t="s">
        <v>1577</v>
      </c>
      <c r="F6" s="33"/>
    </row>
    <row r="7" spans="1:6" s="22" customFormat="1" ht="60.6" customHeight="1" x14ac:dyDescent="0.2">
      <c r="A7" s="1" t="s">
        <v>6</v>
      </c>
      <c r="B7" s="1" t="s">
        <v>12</v>
      </c>
      <c r="C7" s="1" t="s">
        <v>13</v>
      </c>
      <c r="D7" s="3" t="s">
        <v>14</v>
      </c>
      <c r="E7" s="3"/>
      <c r="F7" s="33"/>
    </row>
    <row r="8" spans="1:6" s="22" customFormat="1" ht="73.8" customHeight="1" x14ac:dyDescent="0.2">
      <c r="A8" s="4" t="s">
        <v>15</v>
      </c>
      <c r="B8" s="4" t="s">
        <v>16</v>
      </c>
      <c r="C8" s="6" t="s">
        <v>17</v>
      </c>
      <c r="D8" s="2" t="s">
        <v>1535</v>
      </c>
      <c r="E8" s="4" t="s">
        <v>18</v>
      </c>
    </row>
    <row r="9" spans="1:6" s="22" customFormat="1" ht="58.2" customHeight="1" x14ac:dyDescent="0.2">
      <c r="A9" s="4" t="s">
        <v>15</v>
      </c>
      <c r="B9" s="6" t="s">
        <v>19</v>
      </c>
      <c r="C9" s="6" t="s">
        <v>20</v>
      </c>
      <c r="D9" s="6" t="s">
        <v>1578</v>
      </c>
      <c r="E9" s="4"/>
    </row>
    <row r="10" spans="1:6" s="22" customFormat="1" ht="75.599999999999994" x14ac:dyDescent="0.2">
      <c r="A10" s="4" t="s">
        <v>15</v>
      </c>
      <c r="B10" s="4" t="s">
        <v>21</v>
      </c>
      <c r="C10" s="6" t="s">
        <v>22</v>
      </c>
      <c r="D10" s="4" t="s">
        <v>23</v>
      </c>
      <c r="E10" s="4"/>
    </row>
    <row r="11" spans="1:6" s="22" customFormat="1" ht="64.8" x14ac:dyDescent="0.2">
      <c r="A11" s="4" t="s">
        <v>15</v>
      </c>
      <c r="B11" s="4" t="s">
        <v>24</v>
      </c>
      <c r="C11" s="6" t="s">
        <v>25</v>
      </c>
      <c r="D11" s="4" t="s">
        <v>26</v>
      </c>
      <c r="E11" s="4"/>
    </row>
    <row r="12" spans="1:6" s="22" customFormat="1" ht="75.599999999999994" x14ac:dyDescent="0.2">
      <c r="A12" s="4" t="s">
        <v>27</v>
      </c>
      <c r="B12" s="4" t="s">
        <v>28</v>
      </c>
      <c r="C12" s="6" t="s">
        <v>29</v>
      </c>
      <c r="D12" s="4" t="s">
        <v>30</v>
      </c>
      <c r="E12" s="4"/>
      <c r="F12" s="34"/>
    </row>
    <row r="13" spans="1:6" s="22" customFormat="1" ht="64.8" x14ac:dyDescent="0.2">
      <c r="A13" s="4" t="s">
        <v>27</v>
      </c>
      <c r="B13" s="4" t="s">
        <v>31</v>
      </c>
      <c r="C13" s="6" t="s">
        <v>29</v>
      </c>
      <c r="D13" s="4" t="s">
        <v>32</v>
      </c>
      <c r="E13" s="4"/>
      <c r="F13" s="34"/>
    </row>
    <row r="14" spans="1:6" s="22" customFormat="1" ht="64.8" x14ac:dyDescent="0.2">
      <c r="A14" s="4" t="s">
        <v>27</v>
      </c>
      <c r="B14" s="4" t="s">
        <v>33</v>
      </c>
      <c r="C14" s="6" t="s">
        <v>29</v>
      </c>
      <c r="D14" s="4" t="s">
        <v>34</v>
      </c>
      <c r="E14" s="4"/>
      <c r="F14" s="34"/>
    </row>
    <row r="15" spans="1:6" s="22" customFormat="1" ht="64.8" x14ac:dyDescent="0.2">
      <c r="A15" s="4" t="s">
        <v>27</v>
      </c>
      <c r="B15" s="4" t="s">
        <v>35</v>
      </c>
      <c r="C15" s="6" t="s">
        <v>29</v>
      </c>
      <c r="D15" s="4" t="s">
        <v>36</v>
      </c>
      <c r="E15" s="4"/>
      <c r="F15" s="34"/>
    </row>
    <row r="16" spans="1:6" s="22" customFormat="1" ht="75.599999999999994" x14ac:dyDescent="0.2">
      <c r="A16" s="4" t="s">
        <v>37</v>
      </c>
      <c r="B16" s="4" t="s">
        <v>38</v>
      </c>
      <c r="C16" s="4" t="s">
        <v>39</v>
      </c>
      <c r="D16" s="4" t="s">
        <v>40</v>
      </c>
      <c r="E16" s="4" t="s">
        <v>41</v>
      </c>
    </row>
    <row r="17" spans="1:6" s="22" customFormat="1" ht="43.2" x14ac:dyDescent="0.2">
      <c r="A17" s="4" t="s">
        <v>37</v>
      </c>
      <c r="B17" s="4" t="s">
        <v>42</v>
      </c>
      <c r="C17" s="6" t="s">
        <v>43</v>
      </c>
      <c r="D17" s="4" t="s">
        <v>44</v>
      </c>
      <c r="E17" s="4"/>
      <c r="F17" s="34"/>
    </row>
    <row r="18" spans="1:6" s="22" customFormat="1" ht="21.6" x14ac:dyDescent="0.2">
      <c r="A18" s="4" t="s">
        <v>37</v>
      </c>
      <c r="B18" s="4" t="s">
        <v>45</v>
      </c>
      <c r="C18" s="6" t="s">
        <v>46</v>
      </c>
      <c r="D18" s="4" t="s">
        <v>47</v>
      </c>
      <c r="E18" s="4"/>
      <c r="F18" s="34"/>
    </row>
    <row r="19" spans="1:6" s="22" customFormat="1" ht="32.4" x14ac:dyDescent="0.2">
      <c r="A19" s="4" t="s">
        <v>27</v>
      </c>
      <c r="B19" s="4" t="s">
        <v>48</v>
      </c>
      <c r="C19" s="6" t="s">
        <v>49</v>
      </c>
      <c r="D19" s="4" t="s">
        <v>1536</v>
      </c>
      <c r="E19" s="12"/>
      <c r="F19" s="34"/>
    </row>
    <row r="20" spans="1:6" s="22" customFormat="1" ht="32.4" x14ac:dyDescent="0.2">
      <c r="A20" s="4" t="s">
        <v>27</v>
      </c>
      <c r="B20" s="4" t="s">
        <v>50</v>
      </c>
      <c r="C20" s="6" t="s">
        <v>51</v>
      </c>
      <c r="D20" s="4" t="s">
        <v>52</v>
      </c>
      <c r="E20" s="4"/>
      <c r="F20" s="34"/>
    </row>
    <row r="21" spans="1:6" s="32" customFormat="1" ht="43.2" x14ac:dyDescent="0.2">
      <c r="A21" s="4" t="s">
        <v>27</v>
      </c>
      <c r="B21" s="4" t="s">
        <v>53</v>
      </c>
      <c r="C21" s="6" t="s">
        <v>54</v>
      </c>
      <c r="D21" s="4" t="s">
        <v>55</v>
      </c>
      <c r="E21" s="4"/>
      <c r="F21" s="34"/>
    </row>
    <row r="22" spans="1:6" s="22" customFormat="1" ht="32.4" x14ac:dyDescent="0.2">
      <c r="A22" s="4" t="s">
        <v>56</v>
      </c>
      <c r="B22" s="4" t="s">
        <v>57</v>
      </c>
      <c r="C22" s="6" t="s">
        <v>58</v>
      </c>
      <c r="D22" s="4" t="s">
        <v>59</v>
      </c>
      <c r="E22" s="4"/>
    </row>
    <row r="23" spans="1:6" s="22" customFormat="1" ht="118.8" x14ac:dyDescent="0.2">
      <c r="A23" s="4" t="s">
        <v>60</v>
      </c>
      <c r="B23" s="4" t="s">
        <v>61</v>
      </c>
      <c r="C23" s="6" t="s">
        <v>62</v>
      </c>
      <c r="D23" s="4" t="s">
        <v>1537</v>
      </c>
      <c r="E23" s="4" t="s">
        <v>63</v>
      </c>
    </row>
    <row r="24" spans="1:6" s="22" customFormat="1" ht="119.4" customHeight="1" x14ac:dyDescent="0.2">
      <c r="A24" s="4" t="s">
        <v>60</v>
      </c>
      <c r="B24" s="4" t="s">
        <v>64</v>
      </c>
      <c r="C24" s="4" t="s">
        <v>65</v>
      </c>
      <c r="D24" s="4" t="s">
        <v>1538</v>
      </c>
      <c r="E24" s="4" t="s">
        <v>1539</v>
      </c>
    </row>
    <row r="25" spans="1:6" s="22" customFormat="1" ht="43.2" x14ac:dyDescent="0.2">
      <c r="A25" s="4" t="s">
        <v>66</v>
      </c>
      <c r="B25" s="4" t="s">
        <v>67</v>
      </c>
      <c r="C25" s="6" t="s">
        <v>68</v>
      </c>
      <c r="D25" s="4" t="s">
        <v>69</v>
      </c>
      <c r="E25" s="4"/>
    </row>
    <row r="26" spans="1:6" s="22" customFormat="1" ht="43.2" x14ac:dyDescent="0.2">
      <c r="A26" s="4" t="s">
        <v>66</v>
      </c>
      <c r="B26" s="4" t="s">
        <v>67</v>
      </c>
      <c r="C26" s="6" t="s">
        <v>68</v>
      </c>
      <c r="D26" s="4" t="s">
        <v>69</v>
      </c>
      <c r="E26" s="4"/>
    </row>
    <row r="27" spans="1:6" s="22" customFormat="1" ht="54" x14ac:dyDescent="0.2">
      <c r="A27" s="4" t="s">
        <v>66</v>
      </c>
      <c r="B27" s="4" t="s">
        <v>70</v>
      </c>
      <c r="C27" s="6" t="s">
        <v>71</v>
      </c>
      <c r="D27" s="4" t="s">
        <v>72</v>
      </c>
      <c r="E27" s="4"/>
    </row>
    <row r="28" spans="1:6" s="22" customFormat="1" ht="43.2" x14ac:dyDescent="0.2">
      <c r="A28" s="4" t="s">
        <v>66</v>
      </c>
      <c r="B28" s="4" t="s">
        <v>73</v>
      </c>
      <c r="C28" s="6" t="s">
        <v>74</v>
      </c>
      <c r="D28" s="4" t="s">
        <v>75</v>
      </c>
      <c r="E28" s="4"/>
    </row>
    <row r="29" spans="1:6" s="22" customFormat="1" ht="43.2" x14ac:dyDescent="0.2">
      <c r="A29" s="4" t="s">
        <v>76</v>
      </c>
      <c r="B29" s="4" t="s">
        <v>77</v>
      </c>
      <c r="C29" s="6" t="s">
        <v>78</v>
      </c>
      <c r="D29" s="4" t="s">
        <v>79</v>
      </c>
      <c r="E29" s="4"/>
    </row>
    <row r="30" spans="1:6" s="22" customFormat="1" ht="43.2" x14ac:dyDescent="0.2">
      <c r="A30" s="4" t="s">
        <v>76</v>
      </c>
      <c r="B30" s="4" t="s">
        <v>80</v>
      </c>
      <c r="C30" s="4" t="s">
        <v>81</v>
      </c>
      <c r="D30" s="4" t="s">
        <v>82</v>
      </c>
      <c r="E30" s="4"/>
    </row>
    <row r="31" spans="1:6" s="22" customFormat="1" ht="43.2" x14ac:dyDescent="0.2">
      <c r="A31" s="4" t="s">
        <v>66</v>
      </c>
      <c r="B31" s="4" t="s">
        <v>83</v>
      </c>
      <c r="C31" s="6" t="s">
        <v>84</v>
      </c>
      <c r="D31" s="4" t="s">
        <v>72</v>
      </c>
      <c r="E31" s="4" t="s">
        <v>85</v>
      </c>
    </row>
    <row r="32" spans="1:6" s="22" customFormat="1" ht="43.2" x14ac:dyDescent="0.2">
      <c r="A32" s="4" t="s">
        <v>66</v>
      </c>
      <c r="B32" s="4" t="s">
        <v>86</v>
      </c>
      <c r="C32" s="6" t="s">
        <v>87</v>
      </c>
      <c r="D32" s="4" t="s">
        <v>88</v>
      </c>
      <c r="E32" s="4"/>
    </row>
    <row r="33" spans="1:5" s="22" customFormat="1" ht="96" x14ac:dyDescent="0.2">
      <c r="A33" s="4" t="s">
        <v>76</v>
      </c>
      <c r="B33" s="2" t="s">
        <v>89</v>
      </c>
      <c r="C33" s="6" t="s">
        <v>90</v>
      </c>
      <c r="D33" s="4" t="s">
        <v>91</v>
      </c>
      <c r="E33" s="4"/>
    </row>
    <row r="34" spans="1:5" s="22" customFormat="1" ht="105.6" x14ac:dyDescent="0.2">
      <c r="A34" s="4" t="s">
        <v>76</v>
      </c>
      <c r="B34" s="2" t="s">
        <v>92</v>
      </c>
      <c r="C34" s="6" t="s">
        <v>93</v>
      </c>
      <c r="D34" s="4" t="s">
        <v>94</v>
      </c>
      <c r="E34" s="4"/>
    </row>
    <row r="35" spans="1:5" s="22" customFormat="1" ht="118.8" x14ac:dyDescent="0.2">
      <c r="A35" s="4" t="s">
        <v>76</v>
      </c>
      <c r="B35" s="4" t="s">
        <v>95</v>
      </c>
      <c r="C35" s="6" t="s">
        <v>96</v>
      </c>
      <c r="D35" s="4" t="s">
        <v>97</v>
      </c>
      <c r="E35" s="4"/>
    </row>
    <row r="36" spans="1:5" s="22" customFormat="1" ht="118.8" x14ac:dyDescent="0.2">
      <c r="A36" s="4" t="s">
        <v>76</v>
      </c>
      <c r="B36" s="4" t="s">
        <v>98</v>
      </c>
      <c r="C36" s="6" t="s">
        <v>99</v>
      </c>
      <c r="D36" s="4" t="s">
        <v>100</v>
      </c>
      <c r="E36" s="4"/>
    </row>
    <row r="37" spans="1:5" s="22" customFormat="1" ht="75.599999999999994" x14ac:dyDescent="0.2">
      <c r="A37" s="9" t="s">
        <v>101</v>
      </c>
      <c r="B37" s="4" t="s">
        <v>102</v>
      </c>
      <c r="C37" s="6" t="s">
        <v>103</v>
      </c>
      <c r="D37" s="4"/>
      <c r="E37" s="4"/>
    </row>
    <row r="38" spans="1:5" s="22" customFormat="1" ht="43.2" x14ac:dyDescent="0.2">
      <c r="A38" s="4" t="s">
        <v>104</v>
      </c>
      <c r="B38" s="4" t="s">
        <v>105</v>
      </c>
      <c r="C38" s="6" t="s">
        <v>106</v>
      </c>
      <c r="D38" s="4" t="s">
        <v>107</v>
      </c>
      <c r="E38" s="4" t="s">
        <v>108</v>
      </c>
    </row>
    <row r="39" spans="1:5" s="22" customFormat="1" ht="75.599999999999994" x14ac:dyDescent="0.2">
      <c r="A39" s="4" t="s">
        <v>109</v>
      </c>
      <c r="B39" s="4" t="s">
        <v>38</v>
      </c>
      <c r="C39" s="4" t="s">
        <v>110</v>
      </c>
      <c r="D39" s="4" t="s">
        <v>111</v>
      </c>
      <c r="E39" s="4" t="s">
        <v>112</v>
      </c>
    </row>
    <row r="40" spans="1:5" s="22" customFormat="1" ht="64.8" x14ac:dyDescent="0.2">
      <c r="A40" s="4" t="s">
        <v>109</v>
      </c>
      <c r="B40" s="4" t="s">
        <v>113</v>
      </c>
      <c r="C40" s="4" t="s">
        <v>114</v>
      </c>
      <c r="D40" s="4" t="s">
        <v>115</v>
      </c>
      <c r="E40" s="4" t="s">
        <v>115</v>
      </c>
    </row>
    <row r="41" spans="1:5" s="22" customFormat="1" ht="43.2" x14ac:dyDescent="0.2">
      <c r="A41" s="4" t="s">
        <v>116</v>
      </c>
      <c r="B41" s="4" t="s">
        <v>117</v>
      </c>
      <c r="C41" s="6" t="s">
        <v>118</v>
      </c>
      <c r="D41" s="4" t="s">
        <v>119</v>
      </c>
      <c r="E41" s="4" t="s">
        <v>120</v>
      </c>
    </row>
    <row r="42" spans="1:5" s="22" customFormat="1" ht="32.4" x14ac:dyDescent="0.2">
      <c r="A42" s="4" t="s">
        <v>116</v>
      </c>
      <c r="B42" s="4" t="s">
        <v>121</v>
      </c>
      <c r="C42" s="6" t="s">
        <v>122</v>
      </c>
      <c r="D42" s="4" t="s">
        <v>123</v>
      </c>
      <c r="E42" s="4"/>
    </row>
    <row r="43" spans="1:5" s="22" customFormat="1" ht="54" x14ac:dyDescent="0.2">
      <c r="A43" s="4" t="s">
        <v>124</v>
      </c>
      <c r="B43" s="4" t="s">
        <v>125</v>
      </c>
      <c r="C43" s="6" t="s">
        <v>1540</v>
      </c>
      <c r="D43" s="4" t="s">
        <v>126</v>
      </c>
      <c r="E43" s="4" t="s">
        <v>127</v>
      </c>
    </row>
    <row r="44" spans="1:5" s="22" customFormat="1" ht="43.2" x14ac:dyDescent="0.2">
      <c r="A44" s="4" t="s">
        <v>124</v>
      </c>
      <c r="B44" s="4" t="s">
        <v>128</v>
      </c>
      <c r="C44" s="6" t="s">
        <v>129</v>
      </c>
      <c r="D44" s="4" t="s">
        <v>130</v>
      </c>
      <c r="E44" s="4"/>
    </row>
    <row r="45" spans="1:5" s="22" customFormat="1" ht="32.4" x14ac:dyDescent="0.2">
      <c r="A45" s="4" t="s">
        <v>124</v>
      </c>
      <c r="B45" s="4" t="s">
        <v>131</v>
      </c>
      <c r="C45" s="6" t="s">
        <v>132</v>
      </c>
      <c r="D45" s="4" t="s">
        <v>133</v>
      </c>
      <c r="E45" s="4"/>
    </row>
    <row r="46" spans="1:5" s="22" customFormat="1" ht="32.4" x14ac:dyDescent="0.2">
      <c r="A46" s="4" t="s">
        <v>124</v>
      </c>
      <c r="B46" s="4" t="s">
        <v>134</v>
      </c>
      <c r="C46" s="6" t="s">
        <v>135</v>
      </c>
      <c r="D46" s="4" t="s">
        <v>136</v>
      </c>
      <c r="E46" s="4" t="s">
        <v>137</v>
      </c>
    </row>
    <row r="47" spans="1:5" s="22" customFormat="1" ht="43.2" x14ac:dyDescent="0.2">
      <c r="A47" s="6" t="s">
        <v>138</v>
      </c>
      <c r="B47" s="4" t="s">
        <v>139</v>
      </c>
      <c r="C47" s="10" t="s">
        <v>140</v>
      </c>
      <c r="D47" s="4" t="s">
        <v>1541</v>
      </c>
      <c r="E47" s="4"/>
    </row>
    <row r="48" spans="1:5" s="22" customFormat="1" ht="43.2" x14ac:dyDescent="0.2">
      <c r="A48" s="6" t="s">
        <v>138</v>
      </c>
      <c r="B48" s="4" t="s">
        <v>141</v>
      </c>
      <c r="C48" s="10" t="s">
        <v>142</v>
      </c>
      <c r="D48" s="4" t="s">
        <v>1541</v>
      </c>
      <c r="E48" s="4"/>
    </row>
    <row r="49" spans="1:5" s="22" customFormat="1" ht="75.599999999999994" x14ac:dyDescent="0.2">
      <c r="A49" s="6" t="s">
        <v>138</v>
      </c>
      <c r="B49" s="4" t="s">
        <v>143</v>
      </c>
      <c r="C49" s="10" t="s">
        <v>144</v>
      </c>
      <c r="D49" s="4" t="s">
        <v>1541</v>
      </c>
      <c r="E49" s="4"/>
    </row>
    <row r="50" spans="1:5" s="22" customFormat="1" ht="75.599999999999994" x14ac:dyDescent="0.2">
      <c r="A50" s="6" t="s">
        <v>138</v>
      </c>
      <c r="B50" s="4" t="s">
        <v>145</v>
      </c>
      <c r="C50" s="10" t="s">
        <v>146</v>
      </c>
      <c r="D50" s="4" t="s">
        <v>1541</v>
      </c>
      <c r="E50" s="4"/>
    </row>
    <row r="51" spans="1:5" s="22" customFormat="1" ht="43.2" x14ac:dyDescent="0.2">
      <c r="A51" s="6" t="s">
        <v>138</v>
      </c>
      <c r="B51" s="4" t="s">
        <v>147</v>
      </c>
      <c r="C51" s="4" t="s">
        <v>148</v>
      </c>
      <c r="D51" s="4" t="s">
        <v>149</v>
      </c>
      <c r="E51" s="4"/>
    </row>
    <row r="52" spans="1:5" s="22" customFormat="1" ht="43.2" x14ac:dyDescent="0.2">
      <c r="A52" s="6" t="s">
        <v>150</v>
      </c>
      <c r="B52" s="4" t="s">
        <v>151</v>
      </c>
      <c r="C52" s="6" t="s">
        <v>152</v>
      </c>
      <c r="D52" s="4" t="s">
        <v>153</v>
      </c>
      <c r="E52" s="5"/>
    </row>
    <row r="53" spans="1:5" s="22" customFormat="1" ht="54" x14ac:dyDescent="0.2">
      <c r="A53" s="6" t="s">
        <v>150</v>
      </c>
      <c r="B53" s="4" t="s">
        <v>154</v>
      </c>
      <c r="C53" s="6" t="s">
        <v>155</v>
      </c>
      <c r="D53" s="4" t="s">
        <v>156</v>
      </c>
      <c r="E53" s="4" t="s">
        <v>157</v>
      </c>
    </row>
    <row r="54" spans="1:5" s="22" customFormat="1" ht="64.8" x14ac:dyDescent="0.2">
      <c r="A54" s="6" t="s">
        <v>150</v>
      </c>
      <c r="B54" s="4" t="s">
        <v>158</v>
      </c>
      <c r="C54" s="6" t="s">
        <v>159</v>
      </c>
      <c r="D54" s="4" t="s">
        <v>160</v>
      </c>
      <c r="E54" s="4" t="s">
        <v>161</v>
      </c>
    </row>
    <row r="55" spans="1:5" s="22" customFormat="1" ht="103.8" customHeight="1" x14ac:dyDescent="0.2">
      <c r="A55" s="6" t="s">
        <v>162</v>
      </c>
      <c r="B55" s="4" t="s">
        <v>163</v>
      </c>
      <c r="C55" s="6" t="s">
        <v>164</v>
      </c>
      <c r="D55" s="4" t="s">
        <v>1542</v>
      </c>
      <c r="E55" s="5"/>
    </row>
    <row r="56" spans="1:5" s="22" customFormat="1" ht="75.599999999999994" x14ac:dyDescent="0.2">
      <c r="A56" s="6" t="s">
        <v>162</v>
      </c>
      <c r="B56" s="4" t="s">
        <v>165</v>
      </c>
      <c r="C56" s="6" t="s">
        <v>166</v>
      </c>
      <c r="D56" s="4" t="s">
        <v>167</v>
      </c>
      <c r="E56" s="6" t="s">
        <v>168</v>
      </c>
    </row>
    <row r="57" spans="1:5" s="22" customFormat="1" ht="64.8" x14ac:dyDescent="0.2">
      <c r="A57" s="6" t="s">
        <v>162</v>
      </c>
      <c r="B57" s="4" t="s">
        <v>169</v>
      </c>
      <c r="C57" s="6" t="s">
        <v>170</v>
      </c>
      <c r="D57" s="4" t="s">
        <v>171</v>
      </c>
      <c r="E57" s="6"/>
    </row>
    <row r="58" spans="1:5" s="22" customFormat="1" ht="54" x14ac:dyDescent="0.2">
      <c r="A58" s="6" t="s">
        <v>150</v>
      </c>
      <c r="B58" s="4" t="s">
        <v>172</v>
      </c>
      <c r="C58" s="6" t="s">
        <v>173</v>
      </c>
      <c r="D58" s="4" t="s">
        <v>174</v>
      </c>
      <c r="E58" s="5"/>
    </row>
    <row r="59" spans="1:5" s="22" customFormat="1" ht="64.8" x14ac:dyDescent="0.2">
      <c r="A59" s="6" t="s">
        <v>150</v>
      </c>
      <c r="B59" s="4" t="s">
        <v>175</v>
      </c>
      <c r="C59" s="6" t="s">
        <v>176</v>
      </c>
      <c r="D59" s="4" t="s">
        <v>177</v>
      </c>
      <c r="E59" s="5"/>
    </row>
    <row r="60" spans="1:5" s="22" customFormat="1" ht="32.4" x14ac:dyDescent="0.2">
      <c r="A60" s="4" t="s">
        <v>178</v>
      </c>
      <c r="B60" s="4" t="s">
        <v>179</v>
      </c>
      <c r="C60" s="6" t="s">
        <v>180</v>
      </c>
      <c r="D60" s="4" t="s">
        <v>181</v>
      </c>
      <c r="E60" s="4"/>
    </row>
    <row r="61" spans="1:5" s="22" customFormat="1" ht="54" x14ac:dyDescent="0.2">
      <c r="A61" s="4" t="s">
        <v>182</v>
      </c>
      <c r="B61" s="4" t="s">
        <v>183</v>
      </c>
      <c r="C61" s="6" t="s">
        <v>184</v>
      </c>
      <c r="D61" s="4" t="s">
        <v>185</v>
      </c>
      <c r="E61" s="4"/>
    </row>
    <row r="62" spans="1:5" s="22" customFormat="1" ht="32.4" x14ac:dyDescent="0.2">
      <c r="A62" s="4" t="s">
        <v>186</v>
      </c>
      <c r="B62" s="4" t="s">
        <v>187</v>
      </c>
      <c r="C62" s="4" t="s">
        <v>188</v>
      </c>
      <c r="D62" s="4" t="s">
        <v>189</v>
      </c>
      <c r="E62" s="4"/>
    </row>
    <row r="63" spans="1:5" s="22" customFormat="1" ht="32.4" x14ac:dyDescent="0.2">
      <c r="A63" s="6" t="s">
        <v>190</v>
      </c>
      <c r="B63" s="6" t="s">
        <v>191</v>
      </c>
      <c r="C63" s="6" t="s">
        <v>192</v>
      </c>
      <c r="D63" s="6" t="s">
        <v>193</v>
      </c>
      <c r="E63" s="6" t="s">
        <v>194</v>
      </c>
    </row>
    <row r="64" spans="1:5" s="22" customFormat="1" ht="43.2" x14ac:dyDescent="0.2">
      <c r="A64" s="6" t="s">
        <v>195</v>
      </c>
      <c r="B64" s="6" t="s">
        <v>196</v>
      </c>
      <c r="C64" s="6" t="s">
        <v>197</v>
      </c>
      <c r="D64" s="6" t="s">
        <v>198</v>
      </c>
      <c r="E64" s="6"/>
    </row>
    <row r="65" spans="1:5" s="22" customFormat="1" ht="32.4" x14ac:dyDescent="0.2">
      <c r="A65" s="6" t="s">
        <v>195</v>
      </c>
      <c r="B65" s="6" t="s">
        <v>199</v>
      </c>
      <c r="C65" s="6" t="s">
        <v>200</v>
      </c>
      <c r="D65" s="6" t="s">
        <v>193</v>
      </c>
      <c r="E65" s="6"/>
    </row>
    <row r="66" spans="1:5" s="22" customFormat="1" ht="54" x14ac:dyDescent="0.2">
      <c r="A66" s="6" t="s">
        <v>195</v>
      </c>
      <c r="B66" s="6" t="s">
        <v>201</v>
      </c>
      <c r="C66" s="6" t="s">
        <v>202</v>
      </c>
      <c r="D66" s="6" t="s">
        <v>203</v>
      </c>
      <c r="E66" s="6"/>
    </row>
    <row r="67" spans="1:5" s="22" customFormat="1" ht="32.4" x14ac:dyDescent="0.2">
      <c r="A67" s="6" t="s">
        <v>190</v>
      </c>
      <c r="B67" s="6" t="s">
        <v>204</v>
      </c>
      <c r="C67" s="6" t="s">
        <v>205</v>
      </c>
      <c r="D67" s="6" t="s">
        <v>206</v>
      </c>
      <c r="E67" s="6"/>
    </row>
    <row r="68" spans="1:5" s="22" customFormat="1" ht="54" x14ac:dyDescent="0.2">
      <c r="A68" s="6" t="s">
        <v>190</v>
      </c>
      <c r="B68" s="6" t="s">
        <v>207</v>
      </c>
      <c r="C68" s="6" t="s">
        <v>208</v>
      </c>
      <c r="D68" s="6" t="s">
        <v>209</v>
      </c>
      <c r="E68" s="6"/>
    </row>
    <row r="69" spans="1:5" s="22" customFormat="1" ht="54" x14ac:dyDescent="0.2">
      <c r="A69" s="6" t="s">
        <v>195</v>
      </c>
      <c r="B69" s="6" t="s">
        <v>210</v>
      </c>
      <c r="C69" s="6" t="s">
        <v>211</v>
      </c>
      <c r="D69" s="6" t="s">
        <v>212</v>
      </c>
      <c r="E69" s="6"/>
    </row>
    <row r="70" spans="1:5" s="22" customFormat="1" ht="86.4" x14ac:dyDescent="0.2">
      <c r="A70" s="6" t="s">
        <v>195</v>
      </c>
      <c r="B70" s="6" t="s">
        <v>213</v>
      </c>
      <c r="C70" s="6" t="s">
        <v>214</v>
      </c>
      <c r="D70" s="6" t="s">
        <v>215</v>
      </c>
      <c r="E70" s="5"/>
    </row>
    <row r="71" spans="1:5" s="22" customFormat="1" ht="86.4" x14ac:dyDescent="0.2">
      <c r="A71" s="6" t="s">
        <v>195</v>
      </c>
      <c r="B71" s="6" t="s">
        <v>216</v>
      </c>
      <c r="C71" s="6" t="s">
        <v>217</v>
      </c>
      <c r="D71" s="6" t="s">
        <v>218</v>
      </c>
      <c r="E71" s="5"/>
    </row>
    <row r="72" spans="1:5" s="22" customFormat="1" ht="86.4" x14ac:dyDescent="0.2">
      <c r="A72" s="6" t="s">
        <v>195</v>
      </c>
      <c r="B72" s="6" t="s">
        <v>219</v>
      </c>
      <c r="C72" s="6" t="s">
        <v>220</v>
      </c>
      <c r="D72" s="6" t="s">
        <v>221</v>
      </c>
      <c r="E72" s="5"/>
    </row>
    <row r="73" spans="1:5" s="22" customFormat="1" ht="97.2" x14ac:dyDescent="0.2">
      <c r="A73" s="6" t="s">
        <v>195</v>
      </c>
      <c r="B73" s="6" t="s">
        <v>222</v>
      </c>
      <c r="C73" s="6" t="s">
        <v>223</v>
      </c>
      <c r="D73" s="6" t="s">
        <v>224</v>
      </c>
      <c r="E73" s="5"/>
    </row>
    <row r="74" spans="1:5" s="22" customFormat="1" ht="97.2" x14ac:dyDescent="0.2">
      <c r="A74" s="6" t="s">
        <v>195</v>
      </c>
      <c r="B74" s="6" t="s">
        <v>225</v>
      </c>
      <c r="C74" s="6" t="s">
        <v>226</v>
      </c>
      <c r="D74" s="6" t="s">
        <v>227</v>
      </c>
      <c r="E74" s="5"/>
    </row>
    <row r="75" spans="1:5" s="22" customFormat="1" ht="54" x14ac:dyDescent="0.2">
      <c r="A75" s="4" t="s">
        <v>195</v>
      </c>
      <c r="B75" s="4" t="s">
        <v>228</v>
      </c>
      <c r="C75" s="6" t="s">
        <v>229</v>
      </c>
      <c r="D75" s="4" t="s">
        <v>230</v>
      </c>
      <c r="E75" s="5"/>
    </row>
    <row r="76" spans="1:5" s="22" customFormat="1" ht="54" x14ac:dyDescent="0.2">
      <c r="A76" s="4" t="s">
        <v>195</v>
      </c>
      <c r="B76" s="4" t="s">
        <v>231</v>
      </c>
      <c r="C76" s="6" t="s">
        <v>232</v>
      </c>
      <c r="D76" s="4" t="s">
        <v>230</v>
      </c>
      <c r="E76" s="5"/>
    </row>
    <row r="77" spans="1:5" s="22" customFormat="1" ht="43.2" x14ac:dyDescent="0.2">
      <c r="A77" s="6" t="s">
        <v>190</v>
      </c>
      <c r="B77" s="6" t="s">
        <v>233</v>
      </c>
      <c r="C77" s="6" t="s">
        <v>234</v>
      </c>
      <c r="D77" s="6" t="s">
        <v>235</v>
      </c>
      <c r="E77" s="6"/>
    </row>
    <row r="78" spans="1:5" s="22" customFormat="1" ht="32.4" x14ac:dyDescent="0.2">
      <c r="A78" s="6" t="s">
        <v>190</v>
      </c>
      <c r="B78" s="6" t="s">
        <v>236</v>
      </c>
      <c r="C78" s="6" t="s">
        <v>237</v>
      </c>
      <c r="D78" s="6" t="s">
        <v>198</v>
      </c>
      <c r="E78" s="5"/>
    </row>
    <row r="79" spans="1:5" s="22" customFormat="1" ht="43.2" x14ac:dyDescent="0.2">
      <c r="A79" s="6" t="s">
        <v>190</v>
      </c>
      <c r="B79" s="6" t="s">
        <v>238</v>
      </c>
      <c r="C79" s="6" t="s">
        <v>205</v>
      </c>
      <c r="D79" s="6" t="s">
        <v>239</v>
      </c>
      <c r="E79" s="6"/>
    </row>
    <row r="80" spans="1:5" s="22" customFormat="1" ht="32.4" x14ac:dyDescent="0.2">
      <c r="A80" s="6" t="s">
        <v>195</v>
      </c>
      <c r="B80" s="6" t="s">
        <v>240</v>
      </c>
      <c r="C80" s="6" t="s">
        <v>241</v>
      </c>
      <c r="D80" s="6" t="s">
        <v>242</v>
      </c>
      <c r="E80" s="6" t="s">
        <v>243</v>
      </c>
    </row>
    <row r="81" spans="1:5" s="32" customFormat="1" ht="43.2" x14ac:dyDescent="0.2">
      <c r="A81" s="6" t="s">
        <v>190</v>
      </c>
      <c r="B81" s="6" t="s">
        <v>244</v>
      </c>
      <c r="C81" s="6" t="s">
        <v>245</v>
      </c>
      <c r="D81" s="6" t="s">
        <v>246</v>
      </c>
      <c r="E81" s="6"/>
    </row>
    <row r="82" spans="1:5" s="22" customFormat="1" ht="64.8" x14ac:dyDescent="0.2">
      <c r="A82" s="6" t="s">
        <v>195</v>
      </c>
      <c r="B82" s="6" t="s">
        <v>247</v>
      </c>
      <c r="C82" s="6" t="s">
        <v>248</v>
      </c>
      <c r="D82" s="6" t="s">
        <v>249</v>
      </c>
      <c r="E82" s="6" t="s">
        <v>250</v>
      </c>
    </row>
    <row r="83" spans="1:5" s="22" customFormat="1" ht="21.6" x14ac:dyDescent="0.2">
      <c r="A83" s="4" t="s">
        <v>251</v>
      </c>
      <c r="B83" s="4" t="s">
        <v>252</v>
      </c>
      <c r="C83" s="4" t="s">
        <v>253</v>
      </c>
      <c r="D83" s="4" t="s">
        <v>254</v>
      </c>
      <c r="E83" s="4"/>
    </row>
    <row r="84" spans="1:5" s="22" customFormat="1" ht="21.6" x14ac:dyDescent="0.2">
      <c r="A84" s="4" t="s">
        <v>251</v>
      </c>
      <c r="B84" s="4" t="s">
        <v>255</v>
      </c>
      <c r="C84" s="4" t="s">
        <v>256</v>
      </c>
      <c r="D84" s="4" t="s">
        <v>257</v>
      </c>
      <c r="E84" s="4"/>
    </row>
    <row r="85" spans="1:5" s="22" customFormat="1" ht="32.4" x14ac:dyDescent="0.2">
      <c r="A85" s="4" t="s">
        <v>251</v>
      </c>
      <c r="B85" s="4" t="s">
        <v>258</v>
      </c>
      <c r="C85" s="4" t="s">
        <v>259</v>
      </c>
      <c r="D85" s="4" t="s">
        <v>254</v>
      </c>
      <c r="E85" s="4"/>
    </row>
    <row r="86" spans="1:5" s="22" customFormat="1" ht="32.4" x14ac:dyDescent="0.2">
      <c r="A86" s="4" t="s">
        <v>251</v>
      </c>
      <c r="B86" s="4" t="s">
        <v>260</v>
      </c>
      <c r="C86" s="4" t="s">
        <v>261</v>
      </c>
      <c r="D86" s="4" t="s">
        <v>262</v>
      </c>
      <c r="E86" s="4"/>
    </row>
    <row r="87" spans="1:5" s="22" customFormat="1" ht="32.4" x14ac:dyDescent="0.2">
      <c r="A87" s="4" t="s">
        <v>251</v>
      </c>
      <c r="B87" s="4" t="s">
        <v>260</v>
      </c>
      <c r="C87" s="4" t="s">
        <v>263</v>
      </c>
      <c r="D87" s="4" t="s">
        <v>264</v>
      </c>
      <c r="E87" s="4"/>
    </row>
    <row r="88" spans="1:5" s="22" customFormat="1" ht="32.4" x14ac:dyDescent="0.2">
      <c r="A88" s="4" t="s">
        <v>251</v>
      </c>
      <c r="B88" s="4" t="s">
        <v>265</v>
      </c>
      <c r="C88" s="4" t="s">
        <v>266</v>
      </c>
      <c r="D88" s="4" t="s">
        <v>267</v>
      </c>
      <c r="E88" s="4"/>
    </row>
    <row r="89" spans="1:5" s="22" customFormat="1" ht="43.2" x14ac:dyDescent="0.2">
      <c r="A89" s="4" t="s">
        <v>268</v>
      </c>
      <c r="B89" s="4" t="s">
        <v>269</v>
      </c>
      <c r="C89" s="4" t="s">
        <v>270</v>
      </c>
      <c r="D89" s="4" t="s">
        <v>267</v>
      </c>
      <c r="E89" s="4"/>
    </row>
    <row r="90" spans="1:5" s="22" customFormat="1" ht="32.4" x14ac:dyDescent="0.2">
      <c r="A90" s="4" t="s">
        <v>268</v>
      </c>
      <c r="B90" s="4" t="s">
        <v>271</v>
      </c>
      <c r="C90" s="4" t="s">
        <v>272</v>
      </c>
      <c r="D90" s="4" t="s">
        <v>267</v>
      </c>
      <c r="E90" s="4"/>
    </row>
    <row r="91" spans="1:5" s="22" customFormat="1" ht="43.2" x14ac:dyDescent="0.2">
      <c r="A91" s="4" t="s">
        <v>268</v>
      </c>
      <c r="B91" s="4" t="s">
        <v>273</v>
      </c>
      <c r="C91" s="4" t="s">
        <v>274</v>
      </c>
      <c r="D91" s="4" t="s">
        <v>267</v>
      </c>
      <c r="E91" s="4"/>
    </row>
    <row r="92" spans="1:5" s="22" customFormat="1" ht="32.4" x14ac:dyDescent="0.2">
      <c r="A92" s="4" t="s">
        <v>268</v>
      </c>
      <c r="B92" s="4" t="s">
        <v>275</v>
      </c>
      <c r="C92" s="4" t="s">
        <v>276</v>
      </c>
      <c r="D92" s="4" t="s">
        <v>277</v>
      </c>
      <c r="E92" s="4"/>
    </row>
    <row r="93" spans="1:5" s="22" customFormat="1" ht="43.2" x14ac:dyDescent="0.2">
      <c r="A93" s="4" t="s">
        <v>251</v>
      </c>
      <c r="B93" s="4" t="s">
        <v>278</v>
      </c>
      <c r="C93" s="4" t="s">
        <v>279</v>
      </c>
      <c r="D93" s="4" t="s">
        <v>267</v>
      </c>
      <c r="E93" s="4"/>
    </row>
    <row r="94" spans="1:5" s="22" customFormat="1" ht="32.4" x14ac:dyDescent="0.2">
      <c r="A94" s="4" t="s">
        <v>268</v>
      </c>
      <c r="B94" s="4" t="s">
        <v>280</v>
      </c>
      <c r="C94" s="4" t="s">
        <v>281</v>
      </c>
      <c r="D94" s="4" t="s">
        <v>282</v>
      </c>
      <c r="E94" s="4"/>
    </row>
    <row r="95" spans="1:5" s="22" customFormat="1" ht="43.2" x14ac:dyDescent="0.2">
      <c r="A95" s="4" t="s">
        <v>251</v>
      </c>
      <c r="B95" s="4" t="s">
        <v>283</v>
      </c>
      <c r="C95" s="4" t="s">
        <v>284</v>
      </c>
      <c r="D95" s="4" t="s">
        <v>285</v>
      </c>
      <c r="E95" s="4"/>
    </row>
    <row r="96" spans="1:5" s="22" customFormat="1" ht="32.4" x14ac:dyDescent="0.2">
      <c r="A96" s="4" t="s">
        <v>251</v>
      </c>
      <c r="B96" s="4" t="s">
        <v>286</v>
      </c>
      <c r="C96" s="4" t="s">
        <v>287</v>
      </c>
      <c r="D96" s="4" t="s">
        <v>288</v>
      </c>
      <c r="E96" s="4"/>
    </row>
    <row r="97" spans="1:6" s="22" customFormat="1" ht="43.2" x14ac:dyDescent="0.2">
      <c r="A97" s="4" t="s">
        <v>251</v>
      </c>
      <c r="B97" s="4" t="s">
        <v>289</v>
      </c>
      <c r="C97" s="4" t="s">
        <v>290</v>
      </c>
      <c r="D97" s="4" t="s">
        <v>291</v>
      </c>
      <c r="E97" s="4"/>
    </row>
    <row r="98" spans="1:6" s="22" customFormat="1" ht="21.6" x14ac:dyDescent="0.2">
      <c r="A98" s="4" t="s">
        <v>292</v>
      </c>
      <c r="B98" s="4" t="s">
        <v>293</v>
      </c>
      <c r="C98" s="4" t="s">
        <v>294</v>
      </c>
      <c r="D98" s="4" t="s">
        <v>295</v>
      </c>
      <c r="E98" s="4"/>
    </row>
    <row r="99" spans="1:6" s="22" customFormat="1" ht="32.4" x14ac:dyDescent="0.2">
      <c r="A99" s="4" t="s">
        <v>292</v>
      </c>
      <c r="B99" s="4" t="s">
        <v>296</v>
      </c>
      <c r="C99" s="4" t="s">
        <v>297</v>
      </c>
      <c r="D99" s="4" t="s">
        <v>298</v>
      </c>
      <c r="E99" s="4"/>
    </row>
    <row r="100" spans="1:6" s="22" customFormat="1" ht="54" x14ac:dyDescent="0.2">
      <c r="A100" s="4" t="s">
        <v>292</v>
      </c>
      <c r="B100" s="4" t="s">
        <v>299</v>
      </c>
      <c r="C100" s="4" t="s">
        <v>300</v>
      </c>
      <c r="D100" s="4" t="s">
        <v>301</v>
      </c>
      <c r="E100" s="4"/>
      <c r="F100" s="34"/>
    </row>
    <row r="101" spans="1:6" s="22" customFormat="1" ht="54" x14ac:dyDescent="0.2">
      <c r="A101" s="4" t="s">
        <v>302</v>
      </c>
      <c r="B101" s="4" t="s">
        <v>303</v>
      </c>
      <c r="C101" s="4" t="s">
        <v>304</v>
      </c>
      <c r="D101" s="4" t="s">
        <v>305</v>
      </c>
      <c r="E101" s="4"/>
      <c r="F101" s="34"/>
    </row>
    <row r="102" spans="1:6" s="22" customFormat="1" ht="75.599999999999994" x14ac:dyDescent="0.2">
      <c r="A102" s="4" t="s">
        <v>302</v>
      </c>
      <c r="B102" s="4" t="s">
        <v>1543</v>
      </c>
      <c r="C102" s="4" t="s">
        <v>306</v>
      </c>
      <c r="D102" s="4" t="s">
        <v>307</v>
      </c>
      <c r="E102" s="4"/>
      <c r="F102" s="34"/>
    </row>
    <row r="103" spans="1:6" s="22" customFormat="1" ht="54" x14ac:dyDescent="0.2">
      <c r="A103" s="4" t="s">
        <v>302</v>
      </c>
      <c r="B103" s="4" t="s">
        <v>308</v>
      </c>
      <c r="C103" s="4" t="s">
        <v>309</v>
      </c>
      <c r="D103" s="4" t="s">
        <v>310</v>
      </c>
      <c r="E103" s="4"/>
      <c r="F103" s="34"/>
    </row>
    <row r="104" spans="1:6" s="22" customFormat="1" ht="86.4" x14ac:dyDescent="0.2">
      <c r="A104" s="4" t="s">
        <v>302</v>
      </c>
      <c r="B104" s="4" t="s">
        <v>311</v>
      </c>
      <c r="C104" s="4" t="s">
        <v>312</v>
      </c>
      <c r="D104" s="4" t="s">
        <v>313</v>
      </c>
      <c r="E104" s="4" t="s">
        <v>314</v>
      </c>
      <c r="F104" s="34"/>
    </row>
    <row r="105" spans="1:6" s="11" customFormat="1" ht="97.2" x14ac:dyDescent="0.2">
      <c r="A105" s="4" t="s">
        <v>302</v>
      </c>
      <c r="B105" s="4" t="s">
        <v>315</v>
      </c>
      <c r="C105" s="4" t="s">
        <v>316</v>
      </c>
      <c r="D105" s="4" t="s">
        <v>317</v>
      </c>
      <c r="E105" s="4" t="s">
        <v>318</v>
      </c>
      <c r="F105" s="34"/>
    </row>
    <row r="106" spans="1:6" s="11" customFormat="1" ht="54" x14ac:dyDescent="0.2">
      <c r="A106" s="4" t="s">
        <v>302</v>
      </c>
      <c r="B106" s="4" t="s">
        <v>319</v>
      </c>
      <c r="C106" s="4" t="s">
        <v>320</v>
      </c>
      <c r="D106" s="4" t="s">
        <v>321</v>
      </c>
      <c r="E106" s="4"/>
      <c r="F106" s="34"/>
    </row>
    <row r="107" spans="1:6" s="11" customFormat="1" ht="64.8" x14ac:dyDescent="0.2">
      <c r="A107" s="4" t="s">
        <v>302</v>
      </c>
      <c r="B107" s="4" t="s">
        <v>322</v>
      </c>
      <c r="C107" s="4" t="s">
        <v>323</v>
      </c>
      <c r="D107" s="4" t="s">
        <v>321</v>
      </c>
      <c r="E107" s="4"/>
      <c r="F107" s="34"/>
    </row>
    <row r="108" spans="1:6" s="11" customFormat="1" ht="140.4" x14ac:dyDescent="0.2">
      <c r="A108" s="4" t="s">
        <v>302</v>
      </c>
      <c r="B108" s="4" t="s">
        <v>324</v>
      </c>
      <c r="C108" s="4" t="s">
        <v>325</v>
      </c>
      <c r="D108" s="4" t="s">
        <v>326</v>
      </c>
      <c r="E108" s="4" t="s">
        <v>327</v>
      </c>
      <c r="F108" s="34"/>
    </row>
    <row r="109" spans="1:6" s="11" customFormat="1" ht="75.599999999999994" x14ac:dyDescent="0.2">
      <c r="A109" s="4" t="s">
        <v>302</v>
      </c>
      <c r="B109" s="4" t="s">
        <v>328</v>
      </c>
      <c r="C109" s="4" t="s">
        <v>329</v>
      </c>
      <c r="D109" s="4" t="s">
        <v>330</v>
      </c>
      <c r="E109" s="4"/>
      <c r="F109" s="34"/>
    </row>
    <row r="110" spans="1:6" s="22" customFormat="1" ht="43.2" x14ac:dyDescent="0.2">
      <c r="A110" s="4" t="s">
        <v>302</v>
      </c>
      <c r="B110" s="4" t="s">
        <v>331</v>
      </c>
      <c r="C110" s="4" t="s">
        <v>332</v>
      </c>
      <c r="D110" s="4" t="s">
        <v>333</v>
      </c>
      <c r="E110" s="4"/>
    </row>
    <row r="111" spans="1:6" s="22" customFormat="1" ht="54" x14ac:dyDescent="0.2">
      <c r="A111" s="4" t="s">
        <v>302</v>
      </c>
      <c r="B111" s="4" t="s">
        <v>334</v>
      </c>
      <c r="C111" s="4" t="s">
        <v>335</v>
      </c>
      <c r="D111" s="4" t="s">
        <v>336</v>
      </c>
      <c r="E111" s="4"/>
    </row>
    <row r="112" spans="1:6" s="22" customFormat="1" ht="43.2" x14ac:dyDescent="0.2">
      <c r="A112" s="4" t="s">
        <v>302</v>
      </c>
      <c r="B112" s="4" t="s">
        <v>337</v>
      </c>
      <c r="C112" s="4" t="s">
        <v>338</v>
      </c>
      <c r="D112" s="4" t="s">
        <v>339</v>
      </c>
      <c r="E112" s="4"/>
    </row>
    <row r="113" spans="1:6" s="11" customFormat="1" ht="43.2" x14ac:dyDescent="0.2">
      <c r="A113" s="4" t="s">
        <v>302</v>
      </c>
      <c r="B113" s="4" t="s">
        <v>340</v>
      </c>
      <c r="C113" s="4" t="s">
        <v>341</v>
      </c>
      <c r="D113" s="4" t="s">
        <v>342</v>
      </c>
      <c r="E113" s="4" t="s">
        <v>343</v>
      </c>
    </row>
    <row r="114" spans="1:6" s="11" customFormat="1" ht="54" x14ac:dyDescent="0.2">
      <c r="A114" s="4" t="s">
        <v>302</v>
      </c>
      <c r="B114" s="4" t="s">
        <v>344</v>
      </c>
      <c r="C114" s="4" t="s">
        <v>345</v>
      </c>
      <c r="D114" s="4" t="s">
        <v>346</v>
      </c>
      <c r="E114" s="4"/>
      <c r="F114" s="34"/>
    </row>
    <row r="115" spans="1:6" s="22" customFormat="1" ht="32.4" x14ac:dyDescent="0.2">
      <c r="A115" s="4" t="s">
        <v>302</v>
      </c>
      <c r="B115" s="4" t="s">
        <v>347</v>
      </c>
      <c r="C115" s="4" t="s">
        <v>348</v>
      </c>
      <c r="D115" s="4" t="s">
        <v>349</v>
      </c>
      <c r="E115" s="4"/>
      <c r="F115" s="34"/>
    </row>
    <row r="116" spans="1:6" s="11" customFormat="1" ht="172.8" x14ac:dyDescent="0.2">
      <c r="A116" s="4" t="s">
        <v>302</v>
      </c>
      <c r="B116" s="4" t="s">
        <v>350</v>
      </c>
      <c r="C116" s="4" t="s">
        <v>351</v>
      </c>
      <c r="D116" s="4" t="s">
        <v>352</v>
      </c>
      <c r="E116" s="4"/>
      <c r="F116" s="34"/>
    </row>
    <row r="117" spans="1:6" s="11" customFormat="1" ht="54" x14ac:dyDescent="0.2">
      <c r="A117" s="4" t="s">
        <v>302</v>
      </c>
      <c r="B117" s="4" t="s">
        <v>353</v>
      </c>
      <c r="C117" s="11" t="s">
        <v>354</v>
      </c>
      <c r="D117" s="4" t="s">
        <v>355</v>
      </c>
      <c r="E117" s="4"/>
      <c r="F117" s="34"/>
    </row>
    <row r="118" spans="1:6" s="11" customFormat="1" ht="32.4" x14ac:dyDescent="0.2">
      <c r="A118" s="4" t="s">
        <v>302</v>
      </c>
      <c r="B118" s="4" t="s">
        <v>356</v>
      </c>
      <c r="C118" s="4" t="s">
        <v>357</v>
      </c>
      <c r="D118" s="4" t="s">
        <v>358</v>
      </c>
      <c r="E118" s="4"/>
      <c r="F118" s="34"/>
    </row>
    <row r="119" spans="1:6" s="11" customFormat="1" ht="54" x14ac:dyDescent="0.2">
      <c r="A119" s="4" t="s">
        <v>302</v>
      </c>
      <c r="B119" s="4" t="s">
        <v>359</v>
      </c>
      <c r="C119" s="4" t="s">
        <v>360</v>
      </c>
      <c r="D119" s="4" t="s">
        <v>361</v>
      </c>
      <c r="E119" s="4"/>
      <c r="F119" s="34"/>
    </row>
    <row r="120" spans="1:6" s="11" customFormat="1" ht="86.4" x14ac:dyDescent="0.2">
      <c r="A120" s="4" t="s">
        <v>302</v>
      </c>
      <c r="B120" s="4" t="s">
        <v>362</v>
      </c>
      <c r="C120" s="4" t="s">
        <v>363</v>
      </c>
      <c r="D120" s="4" t="s">
        <v>364</v>
      </c>
      <c r="E120" s="4" t="s">
        <v>365</v>
      </c>
      <c r="F120" s="34"/>
    </row>
    <row r="121" spans="1:6" s="22" customFormat="1" ht="43.2" x14ac:dyDescent="0.2">
      <c r="A121" s="4" t="s">
        <v>302</v>
      </c>
      <c r="B121" s="4" t="s">
        <v>366</v>
      </c>
      <c r="C121" s="4" t="s">
        <v>367</v>
      </c>
      <c r="D121" s="4" t="s">
        <v>368</v>
      </c>
      <c r="E121" s="4"/>
      <c r="F121" s="34"/>
    </row>
    <row r="122" spans="1:6" s="22" customFormat="1" ht="32.4" x14ac:dyDescent="0.2">
      <c r="A122" s="4" t="s">
        <v>302</v>
      </c>
      <c r="B122" s="4" t="s">
        <v>369</v>
      </c>
      <c r="C122" s="4" t="s">
        <v>1544</v>
      </c>
      <c r="D122" s="4" t="s">
        <v>370</v>
      </c>
      <c r="E122" s="4"/>
      <c r="F122" s="34"/>
    </row>
    <row r="123" spans="1:6" s="11" customFormat="1" ht="54" x14ac:dyDescent="0.2">
      <c r="A123" s="4" t="s">
        <v>371</v>
      </c>
      <c r="B123" s="4" t="s">
        <v>372</v>
      </c>
      <c r="C123" s="4" t="s">
        <v>373</v>
      </c>
      <c r="D123" s="4" t="s">
        <v>374</v>
      </c>
      <c r="E123" s="4"/>
      <c r="F123" s="34"/>
    </row>
    <row r="124" spans="1:6" s="11" customFormat="1" ht="43.2" x14ac:dyDescent="0.2">
      <c r="A124" s="4" t="s">
        <v>302</v>
      </c>
      <c r="B124" s="4" t="s">
        <v>375</v>
      </c>
      <c r="C124" s="4" t="s">
        <v>376</v>
      </c>
      <c r="D124" s="4" t="s">
        <v>370</v>
      </c>
      <c r="E124" s="4"/>
      <c r="F124" s="34"/>
    </row>
    <row r="125" spans="1:6" s="11" customFormat="1" ht="64.8" x14ac:dyDescent="0.2">
      <c r="A125" s="4" t="s">
        <v>302</v>
      </c>
      <c r="B125" s="4" t="s">
        <v>377</v>
      </c>
      <c r="C125" s="4" t="s">
        <v>378</v>
      </c>
      <c r="D125" s="4" t="s">
        <v>379</v>
      </c>
      <c r="E125" s="4"/>
      <c r="F125" s="34"/>
    </row>
    <row r="126" spans="1:6" s="22" customFormat="1" ht="97.2" x14ac:dyDescent="0.2">
      <c r="A126" s="4" t="s">
        <v>302</v>
      </c>
      <c r="B126" s="4" t="s">
        <v>380</v>
      </c>
      <c r="C126" s="4" t="s">
        <v>306</v>
      </c>
      <c r="D126" s="4" t="s">
        <v>381</v>
      </c>
      <c r="E126" s="4"/>
      <c r="F126" s="34"/>
    </row>
    <row r="127" spans="1:6" s="22" customFormat="1" ht="43.2" x14ac:dyDescent="0.2">
      <c r="A127" s="4" t="s">
        <v>302</v>
      </c>
      <c r="B127" s="4" t="s">
        <v>382</v>
      </c>
      <c r="C127" s="4" t="s">
        <v>383</v>
      </c>
      <c r="D127" s="4" t="s">
        <v>381</v>
      </c>
      <c r="E127" s="4"/>
      <c r="F127" s="34"/>
    </row>
    <row r="128" spans="1:6" s="11" customFormat="1" ht="86.4" x14ac:dyDescent="0.2">
      <c r="A128" s="4" t="s">
        <v>302</v>
      </c>
      <c r="B128" s="4" t="s">
        <v>384</v>
      </c>
      <c r="C128" s="4" t="s">
        <v>385</v>
      </c>
      <c r="D128" s="4" t="s">
        <v>386</v>
      </c>
      <c r="E128" s="4"/>
    </row>
    <row r="129" spans="1:16371" s="11" customFormat="1" ht="86.4" x14ac:dyDescent="0.2">
      <c r="A129" s="4" t="s">
        <v>302</v>
      </c>
      <c r="B129" s="4" t="s">
        <v>384</v>
      </c>
      <c r="C129" s="4" t="s">
        <v>387</v>
      </c>
      <c r="D129" s="4" t="s">
        <v>388</v>
      </c>
      <c r="E129" s="4"/>
    </row>
    <row r="130" spans="1:16371" s="22" customFormat="1" ht="32.4" x14ac:dyDescent="0.2">
      <c r="A130" s="4" t="s">
        <v>302</v>
      </c>
      <c r="B130" s="4" t="s">
        <v>389</v>
      </c>
      <c r="C130" s="4" t="s">
        <v>390</v>
      </c>
      <c r="D130" s="4" t="s">
        <v>391</v>
      </c>
      <c r="E130" s="4"/>
      <c r="F130" s="34"/>
    </row>
    <row r="131" spans="1:16371" s="22" customFormat="1" ht="32.4" x14ac:dyDescent="0.2">
      <c r="A131" s="4" t="s">
        <v>302</v>
      </c>
      <c r="B131" s="4" t="s">
        <v>392</v>
      </c>
      <c r="C131" s="4" t="s">
        <v>393</v>
      </c>
      <c r="D131" s="4" t="s">
        <v>391</v>
      </c>
      <c r="E131" s="4"/>
    </row>
    <row r="132" spans="1:16371" s="22" customFormat="1" ht="43.2" x14ac:dyDescent="0.2">
      <c r="A132" s="4" t="s">
        <v>302</v>
      </c>
      <c r="B132" s="4" t="s">
        <v>394</v>
      </c>
      <c r="C132" s="4" t="s">
        <v>395</v>
      </c>
      <c r="D132" s="4" t="s">
        <v>396</v>
      </c>
      <c r="E132" s="4"/>
    </row>
    <row r="133" spans="1:16371" s="22" customFormat="1" ht="32.4" x14ac:dyDescent="0.2">
      <c r="A133" s="4" t="s">
        <v>302</v>
      </c>
      <c r="B133" s="4" t="s">
        <v>397</v>
      </c>
      <c r="C133" s="4" t="s">
        <v>398</v>
      </c>
      <c r="D133" s="4" t="s">
        <v>399</v>
      </c>
      <c r="E133" s="4"/>
    </row>
    <row r="134" spans="1:16371" s="22" customFormat="1" ht="43.2" x14ac:dyDescent="0.2">
      <c r="A134" s="4" t="s">
        <v>302</v>
      </c>
      <c r="B134" s="4" t="s">
        <v>400</v>
      </c>
      <c r="C134" s="4" t="s">
        <v>401</v>
      </c>
      <c r="D134" s="4" t="s">
        <v>402</v>
      </c>
      <c r="E134" s="4"/>
    </row>
    <row r="135" spans="1:16371" s="22" customFormat="1" ht="32.4" x14ac:dyDescent="0.2">
      <c r="A135" s="4" t="s">
        <v>403</v>
      </c>
      <c r="B135" s="4" t="s">
        <v>404</v>
      </c>
      <c r="C135" s="4" t="s">
        <v>405</v>
      </c>
      <c r="D135" s="4" t="s">
        <v>406</v>
      </c>
      <c r="E135" s="4"/>
    </row>
    <row r="136" spans="1:16371" s="22" customFormat="1" ht="54" x14ac:dyDescent="0.2">
      <c r="A136" s="4" t="s">
        <v>302</v>
      </c>
      <c r="B136" s="4" t="s">
        <v>1545</v>
      </c>
      <c r="C136" s="4" t="s">
        <v>407</v>
      </c>
      <c r="D136" s="4" t="s">
        <v>391</v>
      </c>
      <c r="E136" s="4"/>
    </row>
    <row r="137" spans="1:16371" s="22" customFormat="1" ht="54" x14ac:dyDescent="0.2">
      <c r="A137" s="4" t="s">
        <v>302</v>
      </c>
      <c r="B137" s="4" t="s">
        <v>408</v>
      </c>
      <c r="C137" s="4" t="s">
        <v>409</v>
      </c>
      <c r="D137" s="4" t="s">
        <v>391</v>
      </c>
      <c r="E137" s="4"/>
      <c r="F137" s="23"/>
      <c r="G137" s="23"/>
      <c r="H137" s="23"/>
      <c r="I137" s="23"/>
      <c r="J137" s="23"/>
      <c r="K137" s="23"/>
      <c r="L137" s="23"/>
      <c r="M137" s="23"/>
      <c r="N137" s="23"/>
      <c r="O137" s="23"/>
      <c r="P137" s="23"/>
      <c r="Q137" s="23"/>
      <c r="R137" s="23"/>
      <c r="S137" s="23"/>
      <c r="T137" s="23"/>
      <c r="U137" s="23"/>
      <c r="V137" s="23"/>
      <c r="W137" s="23"/>
      <c r="X137" s="23"/>
      <c r="Y137" s="23"/>
      <c r="Z137" s="23"/>
      <c r="AA137" s="23"/>
      <c r="AB137" s="23"/>
      <c r="AC137" s="23"/>
      <c r="AD137" s="23"/>
      <c r="AE137" s="23"/>
      <c r="AF137" s="23"/>
      <c r="AG137" s="23"/>
      <c r="AH137" s="23"/>
      <c r="AI137" s="23"/>
      <c r="AJ137" s="23"/>
      <c r="AK137" s="23"/>
      <c r="AL137" s="23"/>
      <c r="AM137" s="23"/>
      <c r="AN137" s="23"/>
      <c r="AO137" s="23"/>
      <c r="AP137" s="23"/>
      <c r="AQ137" s="23"/>
      <c r="AR137" s="23"/>
      <c r="AS137" s="23"/>
      <c r="AT137" s="23"/>
      <c r="AU137" s="23"/>
      <c r="AV137" s="23"/>
      <c r="AW137" s="23"/>
      <c r="AX137" s="23"/>
      <c r="AY137" s="23"/>
      <c r="AZ137" s="23"/>
      <c r="BA137" s="23"/>
      <c r="BB137" s="23"/>
      <c r="BC137" s="23"/>
      <c r="BD137" s="23"/>
      <c r="BE137" s="23"/>
      <c r="BF137" s="23"/>
      <c r="BG137" s="23"/>
      <c r="BH137" s="23"/>
      <c r="BI137" s="23"/>
      <c r="BJ137" s="23"/>
      <c r="BK137" s="23"/>
      <c r="BL137" s="23"/>
      <c r="BM137" s="23"/>
      <c r="BN137" s="23"/>
      <c r="BO137" s="23"/>
      <c r="BP137" s="23"/>
      <c r="BQ137" s="23"/>
      <c r="BR137" s="23"/>
      <c r="BS137" s="23"/>
      <c r="BT137" s="23"/>
      <c r="BU137" s="23"/>
      <c r="BV137" s="23"/>
      <c r="BW137" s="23"/>
      <c r="BX137" s="23"/>
      <c r="BY137" s="23"/>
      <c r="BZ137" s="23"/>
      <c r="CA137" s="23"/>
      <c r="CB137" s="23"/>
      <c r="CC137" s="23"/>
      <c r="CD137" s="23"/>
      <c r="CE137" s="23"/>
      <c r="CF137" s="23"/>
      <c r="CG137" s="23"/>
      <c r="CH137" s="23"/>
      <c r="CI137" s="23"/>
      <c r="CJ137" s="23"/>
      <c r="CK137" s="23"/>
      <c r="CL137" s="23"/>
      <c r="CM137" s="23"/>
      <c r="CN137" s="23"/>
      <c r="CO137" s="23"/>
      <c r="CP137" s="23"/>
      <c r="CQ137" s="23"/>
      <c r="CR137" s="23"/>
      <c r="CS137" s="23"/>
      <c r="CT137" s="23"/>
      <c r="CU137" s="23"/>
      <c r="CV137" s="23"/>
      <c r="CW137" s="23"/>
      <c r="CX137" s="23"/>
      <c r="CY137" s="23"/>
      <c r="CZ137" s="23"/>
      <c r="DA137" s="23"/>
      <c r="DB137" s="23"/>
      <c r="DC137" s="23"/>
      <c r="DD137" s="23"/>
      <c r="DE137" s="23"/>
      <c r="DF137" s="23"/>
      <c r="DG137" s="23"/>
      <c r="DH137" s="23"/>
      <c r="DI137" s="23"/>
      <c r="DJ137" s="23"/>
      <c r="DK137" s="23"/>
      <c r="DL137" s="23"/>
      <c r="DM137" s="23"/>
      <c r="DN137" s="23"/>
      <c r="DO137" s="23"/>
      <c r="DP137" s="23"/>
      <c r="DQ137" s="23"/>
      <c r="DR137" s="23"/>
      <c r="DS137" s="23"/>
      <c r="DT137" s="23"/>
      <c r="DU137" s="23"/>
      <c r="DV137" s="23"/>
      <c r="DW137" s="23"/>
      <c r="DX137" s="23"/>
      <c r="DY137" s="23"/>
      <c r="DZ137" s="23"/>
      <c r="EA137" s="23"/>
      <c r="EB137" s="23"/>
      <c r="EC137" s="23"/>
      <c r="ED137" s="23"/>
      <c r="EE137" s="23"/>
      <c r="EF137" s="23"/>
      <c r="EG137" s="23"/>
      <c r="EH137" s="23"/>
      <c r="EI137" s="23"/>
      <c r="EJ137" s="23"/>
      <c r="EK137" s="23"/>
      <c r="EL137" s="23"/>
      <c r="EM137" s="23"/>
      <c r="EN137" s="23"/>
      <c r="EO137" s="23"/>
      <c r="EP137" s="23"/>
      <c r="EQ137" s="23"/>
      <c r="ER137" s="23"/>
      <c r="ES137" s="23"/>
      <c r="ET137" s="23"/>
      <c r="EU137" s="23"/>
      <c r="EV137" s="23"/>
      <c r="EW137" s="23"/>
      <c r="EX137" s="23"/>
      <c r="EY137" s="23"/>
      <c r="EZ137" s="23"/>
      <c r="FA137" s="23"/>
      <c r="FB137" s="23"/>
      <c r="FC137" s="23"/>
      <c r="FD137" s="23"/>
      <c r="FE137" s="23"/>
      <c r="FF137" s="23"/>
      <c r="FG137" s="23"/>
      <c r="FH137" s="23"/>
      <c r="FI137" s="23"/>
      <c r="FJ137" s="23"/>
      <c r="FK137" s="23"/>
      <c r="FL137" s="23"/>
      <c r="FM137" s="23"/>
      <c r="FN137" s="23"/>
      <c r="FO137" s="23"/>
      <c r="FP137" s="23"/>
      <c r="FQ137" s="23"/>
      <c r="FR137" s="23"/>
      <c r="FS137" s="23"/>
      <c r="FT137" s="23"/>
      <c r="FU137" s="23"/>
      <c r="FV137" s="23"/>
      <c r="FW137" s="23"/>
      <c r="FX137" s="23"/>
      <c r="FY137" s="23"/>
      <c r="FZ137" s="23"/>
      <c r="GA137" s="23"/>
      <c r="GB137" s="23"/>
      <c r="GC137" s="23"/>
      <c r="GD137" s="23"/>
      <c r="GE137" s="23"/>
      <c r="GF137" s="23"/>
      <c r="GG137" s="23"/>
      <c r="GH137" s="23"/>
      <c r="GI137" s="23"/>
      <c r="GJ137" s="23"/>
      <c r="GK137" s="23"/>
      <c r="GL137" s="23"/>
      <c r="GM137" s="23"/>
      <c r="GN137" s="23"/>
      <c r="GO137" s="23"/>
      <c r="GP137" s="23"/>
      <c r="GQ137" s="23"/>
      <c r="GR137" s="23"/>
      <c r="GS137" s="23"/>
      <c r="GT137" s="23"/>
      <c r="GU137" s="23"/>
      <c r="GV137" s="23"/>
      <c r="GW137" s="23"/>
      <c r="GX137" s="23"/>
      <c r="GY137" s="23"/>
      <c r="GZ137" s="23"/>
      <c r="HA137" s="23"/>
      <c r="HB137" s="23"/>
      <c r="HC137" s="23"/>
      <c r="HD137" s="23"/>
      <c r="HE137" s="23"/>
      <c r="HF137" s="23"/>
      <c r="HG137" s="23"/>
      <c r="HH137" s="23"/>
      <c r="HI137" s="23"/>
      <c r="HJ137" s="23"/>
      <c r="HK137" s="23"/>
      <c r="HL137" s="23"/>
      <c r="HM137" s="23"/>
      <c r="HN137" s="23"/>
      <c r="HO137" s="23"/>
      <c r="HP137" s="23"/>
      <c r="HQ137" s="23"/>
      <c r="HR137" s="23"/>
      <c r="HS137" s="23"/>
      <c r="HT137" s="23"/>
      <c r="HU137" s="23"/>
      <c r="HV137" s="23"/>
      <c r="HW137" s="23"/>
      <c r="HX137" s="23"/>
      <c r="HY137" s="23"/>
      <c r="HZ137" s="23"/>
      <c r="IA137" s="23"/>
      <c r="IB137" s="23"/>
      <c r="IC137" s="23"/>
      <c r="ID137" s="23"/>
      <c r="IE137" s="23"/>
      <c r="IF137" s="23"/>
      <c r="IG137" s="23"/>
      <c r="IH137" s="23"/>
      <c r="II137" s="23"/>
      <c r="IJ137" s="23"/>
      <c r="IK137" s="23"/>
      <c r="IL137" s="23"/>
      <c r="IM137" s="23"/>
      <c r="IN137" s="23"/>
      <c r="IO137" s="23"/>
      <c r="IP137" s="23"/>
      <c r="IQ137" s="23"/>
      <c r="IR137" s="23"/>
      <c r="IS137" s="23"/>
      <c r="IT137" s="23"/>
      <c r="IU137" s="23"/>
      <c r="IV137" s="23"/>
      <c r="IW137" s="23"/>
      <c r="IX137" s="23"/>
      <c r="IY137" s="23"/>
      <c r="IZ137" s="23"/>
      <c r="JA137" s="23"/>
      <c r="JB137" s="23"/>
      <c r="JC137" s="23"/>
      <c r="JD137" s="23"/>
      <c r="JE137" s="23"/>
      <c r="JF137" s="23"/>
      <c r="JG137" s="23"/>
      <c r="JH137" s="23"/>
      <c r="JI137" s="23"/>
      <c r="JJ137" s="23"/>
      <c r="JK137" s="23"/>
      <c r="JL137" s="23"/>
      <c r="JM137" s="23"/>
      <c r="JN137" s="23"/>
      <c r="JO137" s="23"/>
      <c r="JP137" s="23"/>
      <c r="JQ137" s="23"/>
      <c r="JR137" s="23"/>
      <c r="JS137" s="23"/>
      <c r="JT137" s="23"/>
      <c r="JU137" s="23"/>
      <c r="JV137" s="23"/>
      <c r="JW137" s="23"/>
      <c r="JX137" s="23"/>
      <c r="JY137" s="23"/>
      <c r="JZ137" s="23"/>
      <c r="KA137" s="23"/>
      <c r="KB137" s="23"/>
      <c r="KC137" s="23"/>
      <c r="KD137" s="23"/>
      <c r="KE137" s="23"/>
      <c r="KF137" s="23"/>
      <c r="KG137" s="23"/>
      <c r="KH137" s="23"/>
      <c r="KI137" s="23"/>
      <c r="KJ137" s="23"/>
      <c r="KK137" s="23"/>
      <c r="KL137" s="23"/>
      <c r="KM137" s="23"/>
      <c r="KN137" s="23"/>
      <c r="KO137" s="23"/>
      <c r="KP137" s="23"/>
      <c r="KQ137" s="23"/>
      <c r="KR137" s="23"/>
      <c r="KS137" s="23"/>
      <c r="KT137" s="23"/>
      <c r="KU137" s="23"/>
      <c r="KV137" s="23"/>
      <c r="KW137" s="23"/>
      <c r="KX137" s="23"/>
      <c r="KY137" s="23"/>
      <c r="KZ137" s="23"/>
      <c r="LA137" s="23"/>
      <c r="LB137" s="23"/>
      <c r="LC137" s="23"/>
      <c r="LD137" s="23"/>
      <c r="LE137" s="23"/>
      <c r="LF137" s="23"/>
      <c r="LG137" s="23"/>
      <c r="LH137" s="23"/>
      <c r="LI137" s="23"/>
      <c r="LJ137" s="23"/>
      <c r="LK137" s="23"/>
      <c r="LL137" s="23"/>
      <c r="LM137" s="23"/>
      <c r="LN137" s="23"/>
      <c r="LO137" s="23"/>
      <c r="LP137" s="23"/>
      <c r="LQ137" s="23"/>
      <c r="LR137" s="23"/>
      <c r="LS137" s="23"/>
      <c r="LT137" s="23"/>
      <c r="LU137" s="23"/>
      <c r="LV137" s="23"/>
      <c r="LW137" s="23"/>
      <c r="LX137" s="23"/>
      <c r="LY137" s="23"/>
      <c r="LZ137" s="23"/>
      <c r="MA137" s="23"/>
      <c r="MB137" s="23"/>
      <c r="MC137" s="23"/>
      <c r="MD137" s="23"/>
      <c r="ME137" s="23"/>
      <c r="MF137" s="23"/>
      <c r="MG137" s="23"/>
      <c r="MH137" s="23"/>
      <c r="MI137" s="23"/>
      <c r="MJ137" s="23"/>
      <c r="MK137" s="23"/>
      <c r="ML137" s="23"/>
      <c r="MM137" s="23"/>
      <c r="MN137" s="23"/>
      <c r="MO137" s="23"/>
      <c r="MP137" s="23"/>
      <c r="MQ137" s="23"/>
      <c r="MR137" s="23"/>
      <c r="MS137" s="23"/>
      <c r="MT137" s="23"/>
      <c r="MU137" s="23"/>
      <c r="MV137" s="23"/>
      <c r="MW137" s="23"/>
      <c r="MX137" s="23"/>
      <c r="MY137" s="23"/>
      <c r="MZ137" s="23"/>
      <c r="NA137" s="23"/>
      <c r="NB137" s="23"/>
      <c r="NC137" s="23"/>
      <c r="ND137" s="23"/>
      <c r="NE137" s="23"/>
      <c r="NF137" s="23"/>
      <c r="NG137" s="23"/>
      <c r="NH137" s="23"/>
      <c r="NI137" s="23"/>
      <c r="NJ137" s="23"/>
      <c r="NK137" s="23"/>
      <c r="NL137" s="23"/>
      <c r="NM137" s="23"/>
      <c r="NN137" s="23"/>
      <c r="NO137" s="23"/>
      <c r="NP137" s="23"/>
      <c r="NQ137" s="23"/>
      <c r="NR137" s="23"/>
      <c r="NS137" s="23"/>
      <c r="NT137" s="23"/>
      <c r="NU137" s="23"/>
      <c r="NV137" s="23"/>
      <c r="NW137" s="23"/>
      <c r="NX137" s="23"/>
      <c r="NY137" s="23"/>
      <c r="NZ137" s="23"/>
      <c r="OA137" s="23"/>
      <c r="OB137" s="23"/>
      <c r="OC137" s="23"/>
      <c r="OD137" s="23"/>
      <c r="OE137" s="23"/>
      <c r="OF137" s="23"/>
      <c r="OG137" s="23"/>
      <c r="OH137" s="23"/>
      <c r="OI137" s="23"/>
      <c r="OJ137" s="23"/>
      <c r="OK137" s="23"/>
      <c r="OL137" s="23"/>
      <c r="OM137" s="23"/>
      <c r="ON137" s="23"/>
      <c r="OO137" s="23"/>
      <c r="OP137" s="23"/>
      <c r="OQ137" s="23"/>
      <c r="OR137" s="23"/>
      <c r="OS137" s="23"/>
      <c r="OT137" s="23"/>
      <c r="OU137" s="23"/>
      <c r="OV137" s="23"/>
      <c r="OW137" s="23"/>
      <c r="OX137" s="23"/>
      <c r="OY137" s="23"/>
      <c r="OZ137" s="23"/>
      <c r="PA137" s="23"/>
      <c r="PB137" s="23"/>
      <c r="PC137" s="23"/>
      <c r="PD137" s="23"/>
      <c r="PE137" s="23"/>
      <c r="PF137" s="23"/>
      <c r="PG137" s="23"/>
      <c r="PH137" s="23"/>
      <c r="PI137" s="23"/>
      <c r="PJ137" s="23"/>
      <c r="PK137" s="23"/>
      <c r="PL137" s="23"/>
      <c r="PM137" s="23"/>
      <c r="PN137" s="23"/>
      <c r="PO137" s="23"/>
      <c r="PP137" s="23"/>
      <c r="PQ137" s="23"/>
      <c r="PR137" s="23"/>
      <c r="PS137" s="23"/>
      <c r="PT137" s="23"/>
      <c r="PU137" s="23"/>
      <c r="PV137" s="23"/>
      <c r="PW137" s="23"/>
      <c r="PX137" s="23"/>
      <c r="PY137" s="23"/>
      <c r="PZ137" s="23"/>
      <c r="QA137" s="23"/>
      <c r="QB137" s="23"/>
      <c r="QC137" s="23"/>
      <c r="QD137" s="23"/>
      <c r="QE137" s="23"/>
      <c r="QF137" s="23"/>
      <c r="QG137" s="23"/>
      <c r="QH137" s="23"/>
      <c r="QI137" s="23"/>
      <c r="QJ137" s="23"/>
      <c r="QK137" s="23"/>
      <c r="QL137" s="23"/>
      <c r="QM137" s="23"/>
      <c r="QN137" s="23"/>
      <c r="QO137" s="23"/>
      <c r="QP137" s="23"/>
      <c r="QQ137" s="23"/>
      <c r="QR137" s="23"/>
      <c r="QS137" s="23"/>
      <c r="QT137" s="23"/>
      <c r="QU137" s="23"/>
      <c r="QV137" s="23"/>
      <c r="QW137" s="23"/>
      <c r="QX137" s="23"/>
      <c r="QY137" s="23"/>
      <c r="QZ137" s="23"/>
      <c r="RA137" s="23"/>
      <c r="RB137" s="23"/>
      <c r="RC137" s="23"/>
      <c r="RD137" s="23"/>
      <c r="RE137" s="23"/>
      <c r="RF137" s="23"/>
      <c r="RG137" s="23"/>
      <c r="RH137" s="23"/>
      <c r="RI137" s="23"/>
      <c r="RJ137" s="23"/>
      <c r="RK137" s="23"/>
      <c r="RL137" s="23"/>
      <c r="RM137" s="23"/>
      <c r="RN137" s="23"/>
      <c r="RO137" s="23"/>
      <c r="RP137" s="23"/>
      <c r="RQ137" s="23"/>
      <c r="RR137" s="23"/>
      <c r="RS137" s="23"/>
      <c r="RT137" s="23"/>
      <c r="RU137" s="23"/>
      <c r="RV137" s="23"/>
      <c r="RW137" s="23"/>
      <c r="RX137" s="23"/>
      <c r="RY137" s="23"/>
      <c r="RZ137" s="23"/>
      <c r="SA137" s="23"/>
      <c r="SB137" s="23"/>
      <c r="SC137" s="23"/>
      <c r="SD137" s="23"/>
      <c r="SE137" s="23"/>
      <c r="SF137" s="23"/>
      <c r="SG137" s="23"/>
      <c r="SH137" s="23"/>
      <c r="SI137" s="23"/>
      <c r="SJ137" s="23"/>
      <c r="SK137" s="23"/>
      <c r="SL137" s="23"/>
      <c r="SM137" s="23"/>
      <c r="SN137" s="23"/>
      <c r="SO137" s="23"/>
      <c r="SP137" s="23"/>
      <c r="SQ137" s="23"/>
      <c r="SR137" s="23"/>
      <c r="SS137" s="23"/>
      <c r="ST137" s="23"/>
      <c r="SU137" s="23"/>
      <c r="SV137" s="23"/>
      <c r="SW137" s="23"/>
      <c r="SX137" s="23"/>
      <c r="SY137" s="23"/>
      <c r="SZ137" s="23"/>
      <c r="TA137" s="23"/>
      <c r="TB137" s="23"/>
      <c r="TC137" s="23"/>
      <c r="TD137" s="23"/>
      <c r="TE137" s="23"/>
      <c r="TF137" s="23"/>
      <c r="TG137" s="23"/>
      <c r="TH137" s="23"/>
      <c r="TI137" s="23"/>
      <c r="TJ137" s="23"/>
      <c r="TK137" s="23"/>
      <c r="TL137" s="23"/>
      <c r="TM137" s="23"/>
      <c r="TN137" s="23"/>
      <c r="TO137" s="23"/>
      <c r="TP137" s="23"/>
      <c r="TQ137" s="23"/>
      <c r="TR137" s="23"/>
      <c r="TS137" s="23"/>
      <c r="TT137" s="23"/>
      <c r="TU137" s="23"/>
      <c r="TV137" s="23"/>
      <c r="TW137" s="23"/>
      <c r="TX137" s="23"/>
      <c r="TY137" s="23"/>
      <c r="TZ137" s="23"/>
      <c r="UA137" s="23"/>
      <c r="UB137" s="23"/>
      <c r="UC137" s="23"/>
      <c r="UD137" s="23"/>
      <c r="UE137" s="23"/>
      <c r="UF137" s="23"/>
      <c r="UG137" s="23"/>
      <c r="UH137" s="23"/>
      <c r="UI137" s="23"/>
      <c r="UJ137" s="23"/>
      <c r="UK137" s="23"/>
      <c r="UL137" s="23"/>
      <c r="UM137" s="23"/>
      <c r="UN137" s="23"/>
      <c r="UO137" s="23"/>
      <c r="UP137" s="23"/>
      <c r="UQ137" s="23"/>
      <c r="UR137" s="23"/>
      <c r="US137" s="23"/>
      <c r="UT137" s="23"/>
      <c r="UU137" s="23"/>
      <c r="UV137" s="23"/>
      <c r="UW137" s="23"/>
      <c r="UX137" s="23"/>
      <c r="UY137" s="23"/>
      <c r="UZ137" s="23"/>
      <c r="VA137" s="23"/>
      <c r="VB137" s="23"/>
      <c r="VC137" s="23"/>
      <c r="VD137" s="23"/>
      <c r="VE137" s="23"/>
      <c r="VF137" s="23"/>
      <c r="VG137" s="23"/>
      <c r="VH137" s="23"/>
      <c r="VI137" s="23"/>
      <c r="VJ137" s="23"/>
      <c r="VK137" s="23"/>
      <c r="VL137" s="23"/>
      <c r="VM137" s="23"/>
      <c r="VN137" s="23"/>
      <c r="VO137" s="23"/>
      <c r="VP137" s="23"/>
      <c r="VQ137" s="23"/>
      <c r="VR137" s="23"/>
      <c r="VS137" s="23"/>
      <c r="VT137" s="23"/>
      <c r="VU137" s="23"/>
      <c r="VV137" s="23"/>
      <c r="VW137" s="23"/>
      <c r="VX137" s="23"/>
      <c r="VY137" s="23"/>
      <c r="VZ137" s="23"/>
      <c r="WA137" s="23"/>
      <c r="WB137" s="23"/>
      <c r="WC137" s="23"/>
      <c r="WD137" s="23"/>
      <c r="WE137" s="23"/>
      <c r="WF137" s="23"/>
      <c r="WG137" s="23"/>
      <c r="WH137" s="23"/>
      <c r="WI137" s="23"/>
      <c r="WJ137" s="23"/>
      <c r="WK137" s="23"/>
      <c r="WL137" s="23"/>
      <c r="WM137" s="23"/>
      <c r="WN137" s="23"/>
      <c r="WO137" s="23"/>
      <c r="WP137" s="23"/>
      <c r="WQ137" s="23"/>
      <c r="WR137" s="23"/>
      <c r="WS137" s="23"/>
      <c r="WT137" s="23"/>
      <c r="WU137" s="23"/>
      <c r="WV137" s="23"/>
      <c r="WW137" s="23"/>
      <c r="WX137" s="23"/>
      <c r="WY137" s="23"/>
      <c r="WZ137" s="23"/>
      <c r="XA137" s="23"/>
      <c r="XB137" s="23"/>
      <c r="XC137" s="23"/>
      <c r="XD137" s="23"/>
      <c r="XE137" s="23"/>
      <c r="XF137" s="23"/>
      <c r="XG137" s="23"/>
      <c r="XH137" s="23"/>
      <c r="XI137" s="23"/>
      <c r="XJ137" s="23"/>
      <c r="XK137" s="23"/>
      <c r="XL137" s="23"/>
      <c r="XM137" s="23"/>
      <c r="XN137" s="23"/>
      <c r="XO137" s="23"/>
      <c r="XP137" s="23"/>
      <c r="XQ137" s="23"/>
      <c r="XR137" s="23"/>
      <c r="XS137" s="23"/>
      <c r="XT137" s="23"/>
      <c r="XU137" s="23"/>
      <c r="XV137" s="23"/>
      <c r="XW137" s="23"/>
      <c r="XX137" s="23"/>
      <c r="XY137" s="23"/>
      <c r="XZ137" s="23"/>
      <c r="YA137" s="23"/>
      <c r="YB137" s="23"/>
      <c r="YC137" s="23"/>
      <c r="YD137" s="23"/>
      <c r="YE137" s="23"/>
      <c r="YF137" s="23"/>
      <c r="YG137" s="23"/>
      <c r="YH137" s="23"/>
      <c r="YI137" s="23"/>
      <c r="YJ137" s="23"/>
      <c r="YK137" s="23"/>
      <c r="YL137" s="23"/>
      <c r="YM137" s="23"/>
      <c r="YN137" s="23"/>
      <c r="YO137" s="23"/>
      <c r="YP137" s="23"/>
      <c r="YQ137" s="23"/>
      <c r="YR137" s="23"/>
      <c r="YS137" s="23"/>
      <c r="YT137" s="23"/>
      <c r="YU137" s="23"/>
      <c r="YV137" s="23"/>
      <c r="YW137" s="23"/>
      <c r="YX137" s="23"/>
      <c r="YY137" s="23"/>
      <c r="YZ137" s="23"/>
      <c r="ZA137" s="23"/>
      <c r="ZB137" s="23"/>
      <c r="ZC137" s="23"/>
      <c r="ZD137" s="23"/>
      <c r="ZE137" s="23"/>
      <c r="ZF137" s="23"/>
      <c r="ZG137" s="23"/>
      <c r="ZH137" s="23"/>
      <c r="ZI137" s="23"/>
      <c r="ZJ137" s="23"/>
      <c r="ZK137" s="23"/>
      <c r="ZL137" s="23"/>
      <c r="ZM137" s="23"/>
      <c r="ZN137" s="23"/>
      <c r="ZO137" s="23"/>
      <c r="ZP137" s="23"/>
      <c r="ZQ137" s="23"/>
      <c r="ZR137" s="23"/>
      <c r="ZS137" s="23"/>
      <c r="ZT137" s="23"/>
      <c r="ZU137" s="23"/>
      <c r="ZV137" s="23"/>
      <c r="ZW137" s="23"/>
      <c r="ZX137" s="23"/>
      <c r="ZY137" s="23"/>
      <c r="ZZ137" s="23"/>
      <c r="AAA137" s="23"/>
      <c r="AAB137" s="23"/>
      <c r="AAC137" s="23"/>
      <c r="AAD137" s="23"/>
      <c r="AAE137" s="23"/>
      <c r="AAF137" s="23"/>
      <c r="AAG137" s="23"/>
      <c r="AAH137" s="23"/>
      <c r="AAI137" s="23"/>
      <c r="AAJ137" s="23"/>
      <c r="AAK137" s="23"/>
      <c r="AAL137" s="23"/>
      <c r="AAM137" s="23"/>
      <c r="AAN137" s="23"/>
      <c r="AAO137" s="23"/>
      <c r="AAP137" s="23"/>
      <c r="AAQ137" s="23"/>
      <c r="AAR137" s="23"/>
      <c r="AAS137" s="23"/>
      <c r="AAT137" s="23"/>
      <c r="AAU137" s="23"/>
      <c r="AAV137" s="23"/>
      <c r="AAW137" s="23"/>
      <c r="AAX137" s="23"/>
      <c r="AAY137" s="23"/>
      <c r="AAZ137" s="23"/>
      <c r="ABA137" s="23"/>
      <c r="ABB137" s="23"/>
      <c r="ABC137" s="23"/>
      <c r="ABD137" s="23"/>
      <c r="ABE137" s="23"/>
      <c r="ABF137" s="23"/>
      <c r="ABG137" s="23"/>
      <c r="ABH137" s="23"/>
      <c r="ABI137" s="23"/>
      <c r="ABJ137" s="23"/>
      <c r="ABK137" s="23"/>
      <c r="ABL137" s="23"/>
      <c r="ABM137" s="23"/>
      <c r="ABN137" s="23"/>
      <c r="ABO137" s="23"/>
      <c r="ABP137" s="23"/>
      <c r="ABQ137" s="23"/>
      <c r="ABR137" s="23"/>
      <c r="ABS137" s="23"/>
      <c r="ABT137" s="23"/>
      <c r="ABU137" s="23"/>
      <c r="ABV137" s="23"/>
      <c r="ABW137" s="23"/>
      <c r="ABX137" s="23"/>
      <c r="ABY137" s="23"/>
      <c r="ABZ137" s="23"/>
      <c r="ACA137" s="23"/>
      <c r="ACB137" s="23"/>
      <c r="ACC137" s="23"/>
      <c r="ACD137" s="23"/>
      <c r="ACE137" s="23"/>
      <c r="ACF137" s="23"/>
      <c r="ACG137" s="23"/>
      <c r="ACH137" s="23"/>
      <c r="ACI137" s="23"/>
      <c r="ACJ137" s="23"/>
      <c r="ACK137" s="23"/>
      <c r="ACL137" s="23"/>
      <c r="ACM137" s="23"/>
      <c r="ACN137" s="23"/>
      <c r="ACO137" s="23"/>
      <c r="ACP137" s="23"/>
      <c r="ACQ137" s="23"/>
      <c r="ACR137" s="23"/>
      <c r="ACS137" s="23"/>
      <c r="ACT137" s="23"/>
      <c r="ACU137" s="23"/>
      <c r="ACV137" s="23"/>
      <c r="ACW137" s="23"/>
      <c r="ACX137" s="23"/>
      <c r="ACY137" s="23"/>
      <c r="ACZ137" s="23"/>
      <c r="ADA137" s="23"/>
      <c r="ADB137" s="23"/>
      <c r="ADC137" s="23"/>
      <c r="ADD137" s="23"/>
      <c r="ADE137" s="23"/>
      <c r="ADF137" s="23"/>
      <c r="ADG137" s="23"/>
      <c r="ADH137" s="23"/>
      <c r="ADI137" s="23"/>
      <c r="ADJ137" s="23"/>
      <c r="ADK137" s="23"/>
      <c r="ADL137" s="23"/>
      <c r="ADM137" s="23"/>
      <c r="ADN137" s="23"/>
      <c r="ADO137" s="23"/>
      <c r="ADP137" s="23"/>
      <c r="ADQ137" s="23"/>
      <c r="ADR137" s="23"/>
      <c r="ADS137" s="23"/>
      <c r="ADT137" s="23"/>
      <c r="ADU137" s="23"/>
      <c r="ADV137" s="23"/>
      <c r="ADW137" s="23"/>
      <c r="ADX137" s="23"/>
      <c r="ADY137" s="23"/>
      <c r="ADZ137" s="23"/>
      <c r="AEA137" s="23"/>
      <c r="AEB137" s="23"/>
      <c r="AEC137" s="23"/>
      <c r="AED137" s="23"/>
      <c r="AEE137" s="23"/>
      <c r="AEF137" s="23"/>
      <c r="AEG137" s="23"/>
      <c r="AEH137" s="23"/>
      <c r="AEI137" s="23"/>
      <c r="AEJ137" s="23"/>
      <c r="AEK137" s="23"/>
      <c r="AEL137" s="23"/>
      <c r="AEM137" s="23"/>
      <c r="AEN137" s="23"/>
      <c r="AEO137" s="23"/>
      <c r="AEP137" s="23"/>
      <c r="AEQ137" s="23"/>
      <c r="AER137" s="23"/>
      <c r="AES137" s="23"/>
      <c r="AET137" s="23"/>
      <c r="AEU137" s="23"/>
      <c r="AEV137" s="23"/>
      <c r="AEW137" s="23"/>
      <c r="AEX137" s="23"/>
      <c r="AEY137" s="23"/>
      <c r="AEZ137" s="23"/>
      <c r="AFA137" s="23"/>
      <c r="AFB137" s="23"/>
      <c r="AFC137" s="23"/>
      <c r="AFD137" s="23"/>
      <c r="AFE137" s="23"/>
      <c r="AFF137" s="23"/>
      <c r="AFG137" s="23"/>
      <c r="AFH137" s="23"/>
      <c r="AFI137" s="23"/>
      <c r="AFJ137" s="23"/>
      <c r="AFK137" s="23"/>
      <c r="AFL137" s="23"/>
      <c r="AFM137" s="23"/>
      <c r="AFN137" s="23"/>
      <c r="AFO137" s="23"/>
      <c r="AFP137" s="23"/>
      <c r="AFQ137" s="23"/>
      <c r="AFR137" s="23"/>
      <c r="AFS137" s="23"/>
      <c r="AFT137" s="23"/>
      <c r="AFU137" s="23"/>
      <c r="AFV137" s="23"/>
      <c r="AFW137" s="23"/>
      <c r="AFX137" s="23"/>
      <c r="AFY137" s="23"/>
      <c r="AFZ137" s="23"/>
      <c r="AGA137" s="23"/>
      <c r="AGB137" s="23"/>
      <c r="AGC137" s="23"/>
      <c r="AGD137" s="23"/>
      <c r="AGE137" s="23"/>
      <c r="AGF137" s="23"/>
      <c r="AGG137" s="23"/>
      <c r="AGH137" s="23"/>
      <c r="AGI137" s="23"/>
      <c r="AGJ137" s="23"/>
      <c r="AGK137" s="23"/>
      <c r="AGL137" s="23"/>
      <c r="AGM137" s="23"/>
      <c r="AGN137" s="23"/>
      <c r="AGO137" s="23"/>
      <c r="AGP137" s="23"/>
      <c r="AGQ137" s="23"/>
      <c r="AGR137" s="23"/>
      <c r="AGS137" s="23"/>
      <c r="AGT137" s="23"/>
      <c r="AGU137" s="23"/>
      <c r="AGV137" s="23"/>
      <c r="AGW137" s="23"/>
      <c r="AGX137" s="23"/>
      <c r="AGY137" s="23"/>
      <c r="AGZ137" s="23"/>
      <c r="AHA137" s="23"/>
      <c r="AHB137" s="23"/>
      <c r="AHC137" s="23"/>
      <c r="AHD137" s="23"/>
      <c r="AHE137" s="23"/>
      <c r="AHF137" s="23"/>
      <c r="AHG137" s="23"/>
      <c r="AHH137" s="23"/>
      <c r="AHI137" s="23"/>
      <c r="AHJ137" s="23"/>
      <c r="AHK137" s="23"/>
      <c r="AHL137" s="23"/>
      <c r="AHM137" s="23"/>
      <c r="AHN137" s="23"/>
      <c r="AHO137" s="23"/>
      <c r="AHP137" s="23"/>
      <c r="AHQ137" s="23"/>
      <c r="AHR137" s="23"/>
      <c r="AHS137" s="23"/>
      <c r="AHT137" s="23"/>
      <c r="AHU137" s="23"/>
      <c r="AHV137" s="23"/>
      <c r="AHW137" s="23"/>
      <c r="AHX137" s="23"/>
      <c r="AHY137" s="23"/>
      <c r="AHZ137" s="23"/>
      <c r="AIA137" s="23"/>
      <c r="AIB137" s="23"/>
      <c r="AIC137" s="23"/>
      <c r="AID137" s="23"/>
      <c r="AIE137" s="23"/>
      <c r="AIF137" s="23"/>
      <c r="AIG137" s="23"/>
      <c r="AIH137" s="23"/>
      <c r="AII137" s="23"/>
      <c r="AIJ137" s="23"/>
      <c r="AIK137" s="23"/>
      <c r="AIL137" s="23"/>
      <c r="AIM137" s="23"/>
      <c r="AIN137" s="23"/>
      <c r="AIO137" s="23"/>
      <c r="AIP137" s="23"/>
      <c r="AIQ137" s="23"/>
      <c r="AIR137" s="23"/>
      <c r="AIS137" s="23"/>
      <c r="AIT137" s="23"/>
      <c r="AIU137" s="23"/>
      <c r="AIV137" s="23"/>
      <c r="AIW137" s="23"/>
      <c r="AIX137" s="23"/>
      <c r="AIY137" s="23"/>
      <c r="AIZ137" s="23"/>
      <c r="AJA137" s="23"/>
      <c r="AJB137" s="23"/>
      <c r="AJC137" s="23"/>
      <c r="AJD137" s="23"/>
      <c r="AJE137" s="23"/>
      <c r="AJF137" s="23"/>
      <c r="AJG137" s="23"/>
      <c r="AJH137" s="23"/>
      <c r="AJI137" s="23"/>
      <c r="AJJ137" s="23"/>
      <c r="AJK137" s="23"/>
      <c r="AJL137" s="23"/>
      <c r="AJM137" s="23"/>
      <c r="AJN137" s="23"/>
      <c r="AJO137" s="23"/>
      <c r="AJP137" s="23"/>
      <c r="AJQ137" s="23"/>
      <c r="AJR137" s="23"/>
      <c r="AJS137" s="23"/>
      <c r="AJT137" s="23"/>
      <c r="AJU137" s="23"/>
      <c r="AJV137" s="23"/>
      <c r="AJW137" s="23"/>
      <c r="AJX137" s="23"/>
      <c r="AJY137" s="23"/>
      <c r="AJZ137" s="23"/>
      <c r="AKA137" s="23"/>
      <c r="AKB137" s="23"/>
      <c r="AKC137" s="23"/>
      <c r="AKD137" s="23"/>
      <c r="AKE137" s="23"/>
      <c r="AKF137" s="23"/>
      <c r="AKG137" s="23"/>
      <c r="AKH137" s="23"/>
      <c r="AKI137" s="23"/>
      <c r="AKJ137" s="23"/>
      <c r="AKK137" s="23"/>
      <c r="AKL137" s="23"/>
      <c r="AKM137" s="23"/>
      <c r="AKN137" s="23"/>
      <c r="AKO137" s="23"/>
      <c r="AKP137" s="23"/>
      <c r="AKQ137" s="23"/>
      <c r="AKR137" s="23"/>
      <c r="AKS137" s="23"/>
      <c r="AKT137" s="23"/>
      <c r="AKU137" s="23"/>
      <c r="AKV137" s="23"/>
      <c r="AKW137" s="23"/>
      <c r="AKX137" s="23"/>
      <c r="AKY137" s="23"/>
      <c r="AKZ137" s="23"/>
      <c r="ALA137" s="23"/>
      <c r="ALB137" s="23"/>
      <c r="ALC137" s="23"/>
      <c r="ALD137" s="23"/>
      <c r="ALE137" s="23"/>
      <c r="ALF137" s="23"/>
      <c r="ALG137" s="23"/>
      <c r="ALH137" s="23"/>
      <c r="ALI137" s="23"/>
      <c r="ALJ137" s="23"/>
      <c r="ALK137" s="23"/>
      <c r="ALL137" s="23"/>
      <c r="ALM137" s="23"/>
      <c r="ALN137" s="23"/>
      <c r="ALO137" s="23"/>
      <c r="ALP137" s="23"/>
      <c r="ALQ137" s="23"/>
      <c r="ALR137" s="23"/>
      <c r="ALS137" s="23"/>
      <c r="ALT137" s="23"/>
      <c r="ALU137" s="23"/>
      <c r="ALV137" s="23"/>
      <c r="ALW137" s="23"/>
      <c r="ALX137" s="23"/>
      <c r="ALY137" s="23"/>
      <c r="ALZ137" s="23"/>
      <c r="AMA137" s="23"/>
      <c r="AMB137" s="23"/>
      <c r="AMC137" s="23"/>
      <c r="AMD137" s="23"/>
      <c r="AME137" s="23"/>
      <c r="AMF137" s="23"/>
      <c r="AMG137" s="23"/>
      <c r="AMH137" s="23"/>
      <c r="AMI137" s="23"/>
      <c r="AMJ137" s="23"/>
      <c r="AMK137" s="23"/>
      <c r="AML137" s="23"/>
      <c r="AMM137" s="23"/>
      <c r="AMN137" s="23"/>
      <c r="AMO137" s="23"/>
      <c r="AMP137" s="23"/>
      <c r="AMQ137" s="23"/>
      <c r="AMR137" s="23"/>
      <c r="AMS137" s="23"/>
      <c r="AMT137" s="23"/>
      <c r="AMU137" s="23"/>
      <c r="AMV137" s="23"/>
      <c r="AMW137" s="23"/>
      <c r="AMX137" s="23"/>
      <c r="AMY137" s="23"/>
      <c r="AMZ137" s="23"/>
      <c r="ANA137" s="23"/>
      <c r="ANB137" s="23"/>
      <c r="ANC137" s="23"/>
      <c r="AND137" s="23"/>
      <c r="ANE137" s="23"/>
      <c r="ANF137" s="23"/>
      <c r="ANG137" s="23"/>
      <c r="ANH137" s="23"/>
      <c r="ANI137" s="23"/>
      <c r="ANJ137" s="23"/>
      <c r="ANK137" s="23"/>
      <c r="ANL137" s="23"/>
      <c r="ANM137" s="23"/>
      <c r="ANN137" s="23"/>
      <c r="ANO137" s="23"/>
      <c r="ANP137" s="23"/>
      <c r="ANQ137" s="23"/>
      <c r="ANR137" s="23"/>
      <c r="ANS137" s="23"/>
      <c r="ANT137" s="23"/>
      <c r="ANU137" s="23"/>
      <c r="ANV137" s="23"/>
      <c r="ANW137" s="23"/>
      <c r="ANX137" s="23"/>
      <c r="ANY137" s="23"/>
      <c r="ANZ137" s="23"/>
      <c r="AOA137" s="23"/>
      <c r="AOB137" s="23"/>
      <c r="AOC137" s="23"/>
      <c r="AOD137" s="23"/>
      <c r="AOE137" s="23"/>
      <c r="AOF137" s="23"/>
      <c r="AOG137" s="23"/>
      <c r="AOH137" s="23"/>
      <c r="AOI137" s="23"/>
      <c r="AOJ137" s="23"/>
      <c r="AOK137" s="23"/>
      <c r="AOL137" s="23"/>
      <c r="AOM137" s="23"/>
      <c r="AON137" s="23"/>
      <c r="AOO137" s="23"/>
      <c r="AOP137" s="23"/>
      <c r="AOQ137" s="23"/>
      <c r="AOR137" s="23"/>
      <c r="AOS137" s="23"/>
      <c r="AOT137" s="23"/>
      <c r="AOU137" s="23"/>
      <c r="AOV137" s="23"/>
      <c r="AOW137" s="23"/>
      <c r="AOX137" s="23"/>
      <c r="AOY137" s="23"/>
      <c r="AOZ137" s="23"/>
      <c r="APA137" s="23"/>
      <c r="APB137" s="23"/>
      <c r="APC137" s="23"/>
      <c r="APD137" s="23"/>
      <c r="APE137" s="23"/>
      <c r="APF137" s="23"/>
      <c r="APG137" s="23"/>
      <c r="APH137" s="23"/>
      <c r="API137" s="23"/>
      <c r="APJ137" s="23"/>
      <c r="APK137" s="23"/>
      <c r="APL137" s="23"/>
      <c r="APM137" s="23"/>
      <c r="APN137" s="23"/>
      <c r="APO137" s="23"/>
      <c r="APP137" s="23"/>
      <c r="APQ137" s="23"/>
      <c r="APR137" s="23"/>
      <c r="APS137" s="23"/>
      <c r="APT137" s="23"/>
      <c r="APU137" s="23"/>
      <c r="APV137" s="23"/>
      <c r="APW137" s="23"/>
      <c r="APX137" s="23"/>
      <c r="APY137" s="23"/>
      <c r="APZ137" s="23"/>
      <c r="AQA137" s="23"/>
      <c r="AQB137" s="23"/>
      <c r="AQC137" s="23"/>
      <c r="AQD137" s="23"/>
      <c r="AQE137" s="23"/>
      <c r="AQF137" s="23"/>
      <c r="AQG137" s="23"/>
      <c r="AQH137" s="23"/>
      <c r="AQI137" s="23"/>
      <c r="AQJ137" s="23"/>
      <c r="AQK137" s="23"/>
      <c r="AQL137" s="23"/>
      <c r="AQM137" s="23"/>
      <c r="AQN137" s="23"/>
      <c r="AQO137" s="23"/>
      <c r="AQP137" s="23"/>
      <c r="AQQ137" s="23"/>
      <c r="AQR137" s="23"/>
      <c r="AQS137" s="23"/>
      <c r="AQT137" s="23"/>
      <c r="AQU137" s="23"/>
      <c r="AQV137" s="23"/>
      <c r="AQW137" s="23"/>
      <c r="AQX137" s="23"/>
      <c r="AQY137" s="23"/>
      <c r="AQZ137" s="23"/>
      <c r="ARA137" s="23"/>
      <c r="ARB137" s="23"/>
      <c r="ARC137" s="23"/>
      <c r="ARD137" s="23"/>
      <c r="ARE137" s="23"/>
      <c r="ARF137" s="23"/>
      <c r="ARG137" s="23"/>
      <c r="ARH137" s="23"/>
      <c r="ARI137" s="23"/>
      <c r="ARJ137" s="23"/>
      <c r="ARK137" s="23"/>
      <c r="ARL137" s="23"/>
      <c r="ARM137" s="23"/>
      <c r="ARN137" s="23"/>
      <c r="ARO137" s="23"/>
      <c r="ARP137" s="23"/>
      <c r="ARQ137" s="23"/>
      <c r="ARR137" s="23"/>
      <c r="ARS137" s="23"/>
      <c r="ART137" s="23"/>
      <c r="ARU137" s="23"/>
      <c r="ARV137" s="23"/>
      <c r="ARW137" s="23"/>
      <c r="ARX137" s="23"/>
      <c r="ARY137" s="23"/>
      <c r="ARZ137" s="23"/>
      <c r="ASA137" s="23"/>
      <c r="ASB137" s="23"/>
      <c r="ASC137" s="23"/>
      <c r="ASD137" s="23"/>
      <c r="ASE137" s="23"/>
      <c r="ASF137" s="23"/>
      <c r="ASG137" s="23"/>
      <c r="ASH137" s="23"/>
      <c r="ASI137" s="23"/>
      <c r="ASJ137" s="23"/>
      <c r="ASK137" s="23"/>
      <c r="ASL137" s="23"/>
      <c r="ASM137" s="23"/>
      <c r="ASN137" s="23"/>
      <c r="ASO137" s="23"/>
      <c r="ASP137" s="23"/>
      <c r="ASQ137" s="23"/>
      <c r="ASR137" s="23"/>
      <c r="ASS137" s="23"/>
      <c r="AST137" s="23"/>
      <c r="ASU137" s="23"/>
      <c r="ASV137" s="23"/>
      <c r="ASW137" s="23"/>
      <c r="ASX137" s="23"/>
      <c r="ASY137" s="23"/>
      <c r="ASZ137" s="23"/>
      <c r="ATA137" s="23"/>
      <c r="ATB137" s="23"/>
      <c r="ATC137" s="23"/>
      <c r="ATD137" s="23"/>
      <c r="ATE137" s="23"/>
      <c r="ATF137" s="23"/>
      <c r="ATG137" s="23"/>
      <c r="ATH137" s="23"/>
      <c r="ATI137" s="23"/>
      <c r="ATJ137" s="23"/>
      <c r="ATK137" s="23"/>
      <c r="ATL137" s="23"/>
      <c r="ATM137" s="23"/>
      <c r="ATN137" s="23"/>
      <c r="ATO137" s="23"/>
      <c r="ATP137" s="23"/>
      <c r="ATQ137" s="23"/>
      <c r="ATR137" s="23"/>
      <c r="ATS137" s="23"/>
      <c r="ATT137" s="23"/>
      <c r="ATU137" s="23"/>
      <c r="ATV137" s="23"/>
      <c r="ATW137" s="23"/>
      <c r="ATX137" s="23"/>
      <c r="ATY137" s="23"/>
      <c r="ATZ137" s="23"/>
      <c r="AUA137" s="23"/>
      <c r="AUB137" s="23"/>
      <c r="AUC137" s="23"/>
      <c r="AUD137" s="23"/>
      <c r="AUE137" s="23"/>
      <c r="AUF137" s="23"/>
      <c r="AUG137" s="23"/>
      <c r="AUH137" s="23"/>
      <c r="AUI137" s="23"/>
      <c r="AUJ137" s="23"/>
      <c r="AUK137" s="23"/>
      <c r="AUL137" s="23"/>
      <c r="AUM137" s="23"/>
      <c r="AUN137" s="23"/>
      <c r="AUO137" s="23"/>
      <c r="AUP137" s="23"/>
      <c r="AUQ137" s="23"/>
      <c r="AUR137" s="23"/>
      <c r="AUS137" s="23"/>
      <c r="AUT137" s="23"/>
      <c r="AUU137" s="23"/>
      <c r="AUV137" s="23"/>
      <c r="AUW137" s="23"/>
      <c r="AUX137" s="23"/>
      <c r="AUY137" s="23"/>
      <c r="AUZ137" s="23"/>
      <c r="AVA137" s="23"/>
      <c r="AVB137" s="23"/>
      <c r="AVC137" s="23"/>
      <c r="AVD137" s="23"/>
      <c r="AVE137" s="23"/>
      <c r="AVF137" s="23"/>
      <c r="AVG137" s="23"/>
      <c r="AVH137" s="23"/>
      <c r="AVI137" s="23"/>
      <c r="AVJ137" s="23"/>
      <c r="AVK137" s="23"/>
      <c r="AVL137" s="23"/>
      <c r="AVM137" s="23"/>
      <c r="AVN137" s="23"/>
      <c r="AVO137" s="23"/>
      <c r="AVP137" s="23"/>
      <c r="AVQ137" s="23"/>
      <c r="AVR137" s="23"/>
      <c r="AVS137" s="23"/>
      <c r="AVT137" s="23"/>
      <c r="AVU137" s="23"/>
      <c r="AVV137" s="23"/>
      <c r="AVW137" s="23"/>
      <c r="AVX137" s="23"/>
      <c r="AVY137" s="23"/>
      <c r="AVZ137" s="23"/>
      <c r="AWA137" s="23"/>
      <c r="AWB137" s="23"/>
      <c r="AWC137" s="23"/>
      <c r="AWD137" s="23"/>
      <c r="AWE137" s="23"/>
      <c r="AWF137" s="23"/>
      <c r="AWG137" s="23"/>
      <c r="AWH137" s="23"/>
      <c r="AWI137" s="23"/>
      <c r="AWJ137" s="23"/>
      <c r="AWK137" s="23"/>
      <c r="AWL137" s="23"/>
      <c r="AWM137" s="23"/>
      <c r="AWN137" s="23"/>
      <c r="AWO137" s="23"/>
      <c r="AWP137" s="23"/>
      <c r="AWQ137" s="23"/>
      <c r="AWR137" s="23"/>
      <c r="AWS137" s="23"/>
      <c r="AWT137" s="23"/>
      <c r="AWU137" s="23"/>
      <c r="AWV137" s="23"/>
      <c r="AWW137" s="23"/>
      <c r="AWX137" s="23"/>
      <c r="AWY137" s="23"/>
      <c r="AWZ137" s="23"/>
      <c r="AXA137" s="23"/>
      <c r="AXB137" s="23"/>
      <c r="AXC137" s="23"/>
      <c r="AXD137" s="23"/>
      <c r="AXE137" s="23"/>
      <c r="AXF137" s="23"/>
      <c r="AXG137" s="23"/>
      <c r="AXH137" s="23"/>
      <c r="AXI137" s="23"/>
      <c r="AXJ137" s="23"/>
      <c r="AXK137" s="23"/>
      <c r="AXL137" s="23"/>
      <c r="AXM137" s="23"/>
      <c r="AXN137" s="23"/>
      <c r="AXO137" s="23"/>
      <c r="AXP137" s="23"/>
      <c r="AXQ137" s="23"/>
      <c r="AXR137" s="23"/>
      <c r="AXS137" s="23"/>
      <c r="AXT137" s="23"/>
      <c r="AXU137" s="23"/>
      <c r="AXV137" s="23"/>
      <c r="AXW137" s="23"/>
      <c r="AXX137" s="23"/>
      <c r="AXY137" s="23"/>
      <c r="AXZ137" s="23"/>
      <c r="AYA137" s="23"/>
      <c r="AYB137" s="23"/>
      <c r="AYC137" s="23"/>
      <c r="AYD137" s="23"/>
      <c r="AYE137" s="23"/>
      <c r="AYF137" s="23"/>
      <c r="AYG137" s="23"/>
      <c r="AYH137" s="23"/>
      <c r="AYI137" s="23"/>
      <c r="AYJ137" s="23"/>
      <c r="AYK137" s="23"/>
      <c r="AYL137" s="23"/>
      <c r="AYM137" s="23"/>
      <c r="AYN137" s="23"/>
      <c r="AYO137" s="23"/>
      <c r="AYP137" s="23"/>
      <c r="AYQ137" s="23"/>
      <c r="AYR137" s="23"/>
      <c r="AYS137" s="23"/>
      <c r="AYT137" s="23"/>
      <c r="AYU137" s="23"/>
      <c r="AYV137" s="23"/>
      <c r="AYW137" s="23"/>
      <c r="AYX137" s="23"/>
      <c r="AYY137" s="23"/>
      <c r="AYZ137" s="23"/>
      <c r="AZA137" s="23"/>
      <c r="AZB137" s="23"/>
      <c r="AZC137" s="23"/>
      <c r="AZD137" s="23"/>
      <c r="AZE137" s="23"/>
      <c r="AZF137" s="23"/>
      <c r="AZG137" s="23"/>
      <c r="AZH137" s="23"/>
      <c r="AZI137" s="23"/>
      <c r="AZJ137" s="23"/>
      <c r="AZK137" s="23"/>
      <c r="AZL137" s="23"/>
      <c r="AZM137" s="23"/>
      <c r="AZN137" s="23"/>
      <c r="AZO137" s="23"/>
      <c r="AZP137" s="23"/>
      <c r="AZQ137" s="23"/>
      <c r="AZR137" s="23"/>
      <c r="AZS137" s="23"/>
      <c r="AZT137" s="23"/>
      <c r="AZU137" s="23"/>
      <c r="AZV137" s="23"/>
      <c r="AZW137" s="23"/>
      <c r="AZX137" s="23"/>
      <c r="AZY137" s="23"/>
      <c r="AZZ137" s="23"/>
      <c r="BAA137" s="23"/>
      <c r="BAB137" s="23"/>
      <c r="BAC137" s="23"/>
      <c r="BAD137" s="23"/>
      <c r="BAE137" s="23"/>
      <c r="BAF137" s="23"/>
      <c r="BAG137" s="23"/>
      <c r="BAH137" s="23"/>
      <c r="BAI137" s="23"/>
      <c r="BAJ137" s="23"/>
      <c r="BAK137" s="23"/>
      <c r="BAL137" s="23"/>
      <c r="BAM137" s="23"/>
      <c r="BAN137" s="23"/>
      <c r="BAO137" s="23"/>
      <c r="BAP137" s="23"/>
      <c r="BAQ137" s="23"/>
      <c r="BAR137" s="23"/>
      <c r="BAS137" s="23"/>
      <c r="BAT137" s="23"/>
      <c r="BAU137" s="23"/>
      <c r="BAV137" s="23"/>
      <c r="BAW137" s="23"/>
      <c r="BAX137" s="23"/>
      <c r="BAY137" s="23"/>
      <c r="BAZ137" s="23"/>
      <c r="BBA137" s="23"/>
      <c r="BBB137" s="23"/>
      <c r="BBC137" s="23"/>
      <c r="BBD137" s="23"/>
      <c r="BBE137" s="23"/>
      <c r="BBF137" s="23"/>
      <c r="BBG137" s="23"/>
      <c r="BBH137" s="23"/>
      <c r="BBI137" s="23"/>
      <c r="BBJ137" s="23"/>
      <c r="BBK137" s="23"/>
      <c r="BBL137" s="23"/>
      <c r="BBM137" s="23"/>
      <c r="BBN137" s="23"/>
      <c r="BBO137" s="23"/>
      <c r="BBP137" s="23"/>
      <c r="BBQ137" s="23"/>
      <c r="BBR137" s="23"/>
      <c r="BBS137" s="23"/>
      <c r="BBT137" s="23"/>
      <c r="BBU137" s="23"/>
      <c r="BBV137" s="23"/>
      <c r="BBW137" s="23"/>
      <c r="BBX137" s="23"/>
      <c r="BBY137" s="23"/>
      <c r="BBZ137" s="23"/>
      <c r="BCA137" s="23"/>
      <c r="BCB137" s="23"/>
      <c r="BCC137" s="23"/>
      <c r="BCD137" s="23"/>
      <c r="BCE137" s="23"/>
      <c r="BCF137" s="23"/>
      <c r="BCG137" s="23"/>
      <c r="BCH137" s="23"/>
      <c r="BCI137" s="23"/>
      <c r="BCJ137" s="23"/>
      <c r="BCK137" s="23"/>
      <c r="BCL137" s="23"/>
      <c r="BCM137" s="23"/>
      <c r="BCN137" s="23"/>
      <c r="BCO137" s="23"/>
      <c r="BCP137" s="23"/>
      <c r="BCQ137" s="23"/>
      <c r="BCR137" s="23"/>
      <c r="BCS137" s="23"/>
      <c r="BCT137" s="23"/>
      <c r="BCU137" s="23"/>
      <c r="BCV137" s="23"/>
      <c r="BCW137" s="23"/>
      <c r="BCX137" s="23"/>
      <c r="BCY137" s="23"/>
      <c r="BCZ137" s="23"/>
      <c r="BDA137" s="23"/>
      <c r="BDB137" s="23"/>
      <c r="BDC137" s="23"/>
      <c r="BDD137" s="23"/>
      <c r="BDE137" s="23"/>
      <c r="BDF137" s="23"/>
      <c r="BDG137" s="23"/>
      <c r="BDH137" s="23"/>
      <c r="BDI137" s="23"/>
      <c r="BDJ137" s="23"/>
      <c r="BDK137" s="23"/>
      <c r="BDL137" s="23"/>
      <c r="BDM137" s="23"/>
      <c r="BDN137" s="23"/>
      <c r="BDO137" s="23"/>
      <c r="BDP137" s="23"/>
      <c r="BDQ137" s="23"/>
      <c r="BDR137" s="23"/>
      <c r="BDS137" s="23"/>
      <c r="BDT137" s="23"/>
      <c r="BDU137" s="23"/>
      <c r="BDV137" s="23"/>
      <c r="BDW137" s="23"/>
      <c r="BDX137" s="23"/>
      <c r="BDY137" s="23"/>
      <c r="BDZ137" s="23"/>
      <c r="BEA137" s="23"/>
      <c r="BEB137" s="23"/>
      <c r="BEC137" s="23"/>
      <c r="BED137" s="23"/>
      <c r="BEE137" s="23"/>
      <c r="BEF137" s="23"/>
      <c r="BEG137" s="23"/>
      <c r="BEH137" s="23"/>
      <c r="BEI137" s="23"/>
      <c r="BEJ137" s="23"/>
      <c r="BEK137" s="23"/>
      <c r="BEL137" s="23"/>
      <c r="BEM137" s="23"/>
      <c r="BEN137" s="23"/>
      <c r="BEO137" s="23"/>
      <c r="BEP137" s="23"/>
      <c r="BEQ137" s="23"/>
      <c r="BER137" s="23"/>
      <c r="BES137" s="23"/>
      <c r="BET137" s="23"/>
      <c r="BEU137" s="23"/>
      <c r="BEV137" s="23"/>
      <c r="BEW137" s="23"/>
      <c r="BEX137" s="23"/>
      <c r="BEY137" s="23"/>
      <c r="BEZ137" s="23"/>
      <c r="BFA137" s="23"/>
      <c r="BFB137" s="23"/>
      <c r="BFC137" s="23"/>
      <c r="BFD137" s="23"/>
      <c r="BFE137" s="23"/>
      <c r="BFF137" s="23"/>
      <c r="BFG137" s="23"/>
      <c r="BFH137" s="23"/>
      <c r="BFI137" s="23"/>
      <c r="BFJ137" s="23"/>
      <c r="BFK137" s="23"/>
      <c r="BFL137" s="23"/>
      <c r="BFM137" s="23"/>
      <c r="BFN137" s="23"/>
      <c r="BFO137" s="23"/>
      <c r="BFP137" s="23"/>
      <c r="BFQ137" s="23"/>
      <c r="BFR137" s="23"/>
      <c r="BFS137" s="23"/>
      <c r="BFT137" s="23"/>
      <c r="BFU137" s="23"/>
      <c r="BFV137" s="23"/>
      <c r="BFW137" s="23"/>
      <c r="BFX137" s="23"/>
      <c r="BFY137" s="23"/>
      <c r="BFZ137" s="23"/>
      <c r="BGA137" s="23"/>
      <c r="BGB137" s="23"/>
      <c r="BGC137" s="23"/>
      <c r="BGD137" s="23"/>
      <c r="BGE137" s="23"/>
      <c r="BGF137" s="23"/>
      <c r="BGG137" s="23"/>
      <c r="BGH137" s="23"/>
      <c r="BGI137" s="23"/>
      <c r="BGJ137" s="23"/>
      <c r="BGK137" s="23"/>
      <c r="BGL137" s="23"/>
      <c r="BGM137" s="23"/>
      <c r="BGN137" s="23"/>
      <c r="BGO137" s="23"/>
      <c r="BGP137" s="23"/>
      <c r="BGQ137" s="23"/>
      <c r="BGR137" s="23"/>
      <c r="BGS137" s="23"/>
      <c r="BGT137" s="23"/>
      <c r="BGU137" s="23"/>
      <c r="BGV137" s="23"/>
      <c r="BGW137" s="23"/>
      <c r="BGX137" s="23"/>
      <c r="BGY137" s="23"/>
      <c r="BGZ137" s="23"/>
      <c r="BHA137" s="23"/>
      <c r="BHB137" s="23"/>
      <c r="BHC137" s="23"/>
      <c r="BHD137" s="23"/>
      <c r="BHE137" s="23"/>
      <c r="BHF137" s="23"/>
      <c r="BHG137" s="23"/>
      <c r="BHH137" s="23"/>
      <c r="BHI137" s="23"/>
      <c r="BHJ137" s="23"/>
      <c r="BHK137" s="23"/>
      <c r="BHL137" s="23"/>
      <c r="BHM137" s="23"/>
      <c r="BHN137" s="23"/>
      <c r="BHO137" s="23"/>
      <c r="BHP137" s="23"/>
      <c r="BHQ137" s="23"/>
      <c r="BHR137" s="23"/>
      <c r="BHS137" s="23"/>
      <c r="BHT137" s="23"/>
      <c r="BHU137" s="23"/>
      <c r="BHV137" s="23"/>
      <c r="BHW137" s="23"/>
      <c r="BHX137" s="23"/>
      <c r="BHY137" s="23"/>
      <c r="BHZ137" s="23"/>
      <c r="BIA137" s="23"/>
      <c r="BIB137" s="23"/>
      <c r="BIC137" s="23"/>
      <c r="BID137" s="23"/>
      <c r="BIE137" s="23"/>
      <c r="BIF137" s="23"/>
      <c r="BIG137" s="23"/>
      <c r="BIH137" s="23"/>
      <c r="BII137" s="23"/>
      <c r="BIJ137" s="23"/>
      <c r="BIK137" s="23"/>
      <c r="BIL137" s="23"/>
      <c r="BIM137" s="23"/>
      <c r="BIN137" s="23"/>
      <c r="BIO137" s="23"/>
      <c r="BIP137" s="23"/>
      <c r="BIQ137" s="23"/>
      <c r="BIR137" s="23"/>
      <c r="BIS137" s="23"/>
      <c r="BIT137" s="23"/>
      <c r="BIU137" s="23"/>
      <c r="BIV137" s="23"/>
      <c r="BIW137" s="23"/>
      <c r="BIX137" s="23"/>
      <c r="BIY137" s="23"/>
      <c r="BIZ137" s="23"/>
      <c r="BJA137" s="23"/>
      <c r="BJB137" s="23"/>
      <c r="BJC137" s="23"/>
      <c r="BJD137" s="23"/>
      <c r="BJE137" s="23"/>
      <c r="BJF137" s="23"/>
      <c r="BJG137" s="23"/>
      <c r="BJH137" s="23"/>
      <c r="BJI137" s="23"/>
      <c r="BJJ137" s="23"/>
      <c r="BJK137" s="23"/>
      <c r="BJL137" s="23"/>
      <c r="BJM137" s="23"/>
      <c r="BJN137" s="23"/>
      <c r="BJO137" s="23"/>
      <c r="BJP137" s="23"/>
      <c r="BJQ137" s="23"/>
      <c r="BJR137" s="23"/>
      <c r="BJS137" s="23"/>
      <c r="BJT137" s="23"/>
      <c r="BJU137" s="23"/>
      <c r="BJV137" s="23"/>
      <c r="BJW137" s="23"/>
      <c r="BJX137" s="23"/>
      <c r="BJY137" s="23"/>
      <c r="BJZ137" s="23"/>
      <c r="BKA137" s="23"/>
      <c r="BKB137" s="23"/>
      <c r="BKC137" s="23"/>
      <c r="BKD137" s="23"/>
      <c r="BKE137" s="23"/>
      <c r="BKF137" s="23"/>
      <c r="BKG137" s="23"/>
      <c r="BKH137" s="23"/>
      <c r="BKI137" s="23"/>
      <c r="BKJ137" s="23"/>
      <c r="BKK137" s="23"/>
      <c r="BKL137" s="23"/>
      <c r="BKM137" s="23"/>
      <c r="BKN137" s="23"/>
      <c r="BKO137" s="23"/>
      <c r="BKP137" s="23"/>
      <c r="BKQ137" s="23"/>
      <c r="BKR137" s="23"/>
      <c r="BKS137" s="23"/>
      <c r="BKT137" s="23"/>
      <c r="BKU137" s="23"/>
      <c r="BKV137" s="23"/>
      <c r="BKW137" s="23"/>
      <c r="BKX137" s="23"/>
      <c r="BKY137" s="23"/>
      <c r="BKZ137" s="23"/>
      <c r="BLA137" s="23"/>
      <c r="BLB137" s="23"/>
      <c r="BLC137" s="23"/>
      <c r="BLD137" s="23"/>
      <c r="BLE137" s="23"/>
      <c r="BLF137" s="23"/>
      <c r="BLG137" s="23"/>
      <c r="BLH137" s="23"/>
      <c r="BLI137" s="23"/>
      <c r="BLJ137" s="23"/>
      <c r="BLK137" s="23"/>
      <c r="BLL137" s="23"/>
      <c r="BLM137" s="23"/>
      <c r="BLN137" s="23"/>
      <c r="BLO137" s="23"/>
      <c r="BLP137" s="23"/>
      <c r="BLQ137" s="23"/>
      <c r="BLR137" s="23"/>
      <c r="BLS137" s="23"/>
      <c r="BLT137" s="23"/>
      <c r="BLU137" s="23"/>
      <c r="BLV137" s="23"/>
      <c r="BLW137" s="23"/>
      <c r="BLX137" s="23"/>
      <c r="BLY137" s="23"/>
      <c r="BLZ137" s="23"/>
      <c r="BMA137" s="23"/>
      <c r="BMB137" s="23"/>
      <c r="BMC137" s="23"/>
      <c r="BMD137" s="23"/>
      <c r="BME137" s="23"/>
      <c r="BMF137" s="23"/>
      <c r="BMG137" s="23"/>
      <c r="BMH137" s="23"/>
      <c r="BMI137" s="23"/>
      <c r="BMJ137" s="23"/>
      <c r="BMK137" s="23"/>
      <c r="BML137" s="23"/>
      <c r="BMM137" s="23"/>
      <c r="BMN137" s="23"/>
      <c r="BMO137" s="23"/>
      <c r="BMP137" s="23"/>
      <c r="BMQ137" s="23"/>
      <c r="BMR137" s="23"/>
      <c r="BMS137" s="23"/>
      <c r="BMT137" s="23"/>
      <c r="BMU137" s="23"/>
      <c r="BMV137" s="23"/>
      <c r="BMW137" s="23"/>
      <c r="BMX137" s="23"/>
      <c r="BMY137" s="23"/>
      <c r="BMZ137" s="23"/>
      <c r="BNA137" s="23"/>
      <c r="BNB137" s="23"/>
      <c r="BNC137" s="23"/>
      <c r="BND137" s="23"/>
      <c r="BNE137" s="23"/>
      <c r="BNF137" s="23"/>
      <c r="BNG137" s="23"/>
      <c r="BNH137" s="23"/>
      <c r="BNI137" s="23"/>
      <c r="BNJ137" s="23"/>
      <c r="BNK137" s="23"/>
      <c r="BNL137" s="23"/>
      <c r="BNM137" s="23"/>
      <c r="BNN137" s="23"/>
      <c r="BNO137" s="23"/>
      <c r="BNP137" s="23"/>
      <c r="BNQ137" s="23"/>
      <c r="BNR137" s="23"/>
      <c r="BNS137" s="23"/>
      <c r="BNT137" s="23"/>
      <c r="BNU137" s="23"/>
      <c r="BNV137" s="23"/>
      <c r="BNW137" s="23"/>
      <c r="BNX137" s="23"/>
      <c r="BNY137" s="23"/>
      <c r="BNZ137" s="23"/>
      <c r="BOA137" s="23"/>
      <c r="BOB137" s="23"/>
      <c r="BOC137" s="23"/>
      <c r="BOD137" s="23"/>
      <c r="BOE137" s="23"/>
      <c r="BOF137" s="23"/>
      <c r="BOG137" s="23"/>
      <c r="BOH137" s="23"/>
      <c r="BOI137" s="23"/>
      <c r="BOJ137" s="23"/>
      <c r="BOK137" s="23"/>
      <c r="BOL137" s="23"/>
      <c r="BOM137" s="23"/>
      <c r="BON137" s="23"/>
      <c r="BOO137" s="23"/>
      <c r="BOP137" s="23"/>
      <c r="BOQ137" s="23"/>
      <c r="BOR137" s="23"/>
      <c r="BOS137" s="23"/>
      <c r="BOT137" s="23"/>
      <c r="BOU137" s="23"/>
      <c r="BOV137" s="23"/>
      <c r="BOW137" s="23"/>
      <c r="BOX137" s="23"/>
      <c r="BOY137" s="23"/>
      <c r="BOZ137" s="23"/>
      <c r="BPA137" s="23"/>
      <c r="BPB137" s="23"/>
      <c r="BPC137" s="23"/>
      <c r="BPD137" s="23"/>
      <c r="BPE137" s="23"/>
      <c r="BPF137" s="23"/>
      <c r="BPG137" s="23"/>
      <c r="BPH137" s="23"/>
      <c r="BPI137" s="23"/>
      <c r="BPJ137" s="23"/>
      <c r="BPK137" s="23"/>
      <c r="BPL137" s="23"/>
      <c r="BPM137" s="23"/>
      <c r="BPN137" s="23"/>
      <c r="BPO137" s="23"/>
      <c r="BPP137" s="23"/>
      <c r="BPQ137" s="23"/>
      <c r="BPR137" s="23"/>
      <c r="BPS137" s="23"/>
      <c r="BPT137" s="23"/>
      <c r="BPU137" s="23"/>
      <c r="BPV137" s="23"/>
      <c r="BPW137" s="23"/>
      <c r="BPX137" s="23"/>
      <c r="BPY137" s="23"/>
      <c r="BPZ137" s="23"/>
      <c r="BQA137" s="23"/>
      <c r="BQB137" s="23"/>
      <c r="BQC137" s="23"/>
      <c r="BQD137" s="23"/>
      <c r="BQE137" s="23"/>
      <c r="BQF137" s="23"/>
      <c r="BQG137" s="23"/>
      <c r="BQH137" s="23"/>
      <c r="BQI137" s="23"/>
      <c r="BQJ137" s="23"/>
      <c r="BQK137" s="23"/>
      <c r="BQL137" s="23"/>
      <c r="BQM137" s="23"/>
      <c r="BQN137" s="23"/>
      <c r="BQO137" s="23"/>
      <c r="BQP137" s="23"/>
      <c r="BQQ137" s="23"/>
      <c r="BQR137" s="23"/>
      <c r="BQS137" s="23"/>
      <c r="BQT137" s="23"/>
      <c r="BQU137" s="23"/>
      <c r="BQV137" s="23"/>
      <c r="BQW137" s="23"/>
      <c r="BQX137" s="23"/>
      <c r="BQY137" s="23"/>
      <c r="BQZ137" s="23"/>
      <c r="BRA137" s="23"/>
      <c r="BRB137" s="23"/>
      <c r="BRC137" s="23"/>
      <c r="BRD137" s="23"/>
      <c r="BRE137" s="23"/>
      <c r="BRF137" s="23"/>
      <c r="BRG137" s="23"/>
      <c r="BRH137" s="23"/>
      <c r="BRI137" s="23"/>
      <c r="BRJ137" s="23"/>
      <c r="BRK137" s="23"/>
      <c r="BRL137" s="23"/>
      <c r="BRM137" s="23"/>
      <c r="BRN137" s="23"/>
      <c r="BRO137" s="23"/>
      <c r="BRP137" s="23"/>
      <c r="BRQ137" s="23"/>
      <c r="BRR137" s="23"/>
      <c r="BRS137" s="23"/>
      <c r="BRT137" s="23"/>
      <c r="BRU137" s="23"/>
      <c r="BRV137" s="23"/>
      <c r="BRW137" s="23"/>
      <c r="BRX137" s="23"/>
      <c r="BRY137" s="23"/>
      <c r="BRZ137" s="23"/>
      <c r="BSA137" s="23"/>
      <c r="BSB137" s="23"/>
      <c r="BSC137" s="23"/>
      <c r="BSD137" s="23"/>
      <c r="BSE137" s="23"/>
      <c r="BSF137" s="23"/>
      <c r="BSG137" s="23"/>
      <c r="BSH137" s="23"/>
      <c r="BSI137" s="23"/>
      <c r="BSJ137" s="23"/>
      <c r="BSK137" s="23"/>
      <c r="BSL137" s="23"/>
      <c r="BSM137" s="23"/>
      <c r="BSN137" s="23"/>
      <c r="BSO137" s="23"/>
      <c r="BSP137" s="23"/>
      <c r="BSQ137" s="23"/>
      <c r="BSR137" s="23"/>
      <c r="BSS137" s="23"/>
      <c r="BST137" s="23"/>
      <c r="BSU137" s="23"/>
      <c r="BSV137" s="23"/>
      <c r="BSW137" s="23"/>
      <c r="BSX137" s="23"/>
      <c r="BSY137" s="23"/>
      <c r="BSZ137" s="23"/>
      <c r="BTA137" s="23"/>
      <c r="BTB137" s="23"/>
      <c r="BTC137" s="23"/>
      <c r="BTD137" s="23"/>
      <c r="BTE137" s="23"/>
      <c r="BTF137" s="23"/>
      <c r="BTG137" s="23"/>
      <c r="BTH137" s="23"/>
      <c r="BTI137" s="23"/>
      <c r="BTJ137" s="23"/>
      <c r="BTK137" s="23"/>
      <c r="BTL137" s="23"/>
      <c r="BTM137" s="23"/>
      <c r="BTN137" s="23"/>
      <c r="BTO137" s="23"/>
      <c r="BTP137" s="23"/>
      <c r="BTQ137" s="23"/>
      <c r="BTR137" s="23"/>
      <c r="BTS137" s="23"/>
      <c r="BTT137" s="23"/>
      <c r="BTU137" s="23"/>
      <c r="BTV137" s="23"/>
      <c r="BTW137" s="23"/>
      <c r="BTX137" s="23"/>
      <c r="BTY137" s="23"/>
      <c r="BTZ137" s="23"/>
      <c r="BUA137" s="23"/>
      <c r="BUB137" s="23"/>
      <c r="BUC137" s="23"/>
      <c r="BUD137" s="23"/>
      <c r="BUE137" s="23"/>
      <c r="BUF137" s="23"/>
      <c r="BUG137" s="23"/>
      <c r="BUH137" s="23"/>
      <c r="BUI137" s="23"/>
      <c r="BUJ137" s="23"/>
      <c r="BUK137" s="23"/>
      <c r="BUL137" s="23"/>
      <c r="BUM137" s="23"/>
      <c r="BUN137" s="23"/>
      <c r="BUO137" s="23"/>
      <c r="BUP137" s="23"/>
      <c r="BUQ137" s="23"/>
      <c r="BUR137" s="23"/>
      <c r="BUS137" s="23"/>
      <c r="BUT137" s="23"/>
      <c r="BUU137" s="23"/>
      <c r="BUV137" s="23"/>
      <c r="BUW137" s="23"/>
      <c r="BUX137" s="23"/>
      <c r="BUY137" s="23"/>
      <c r="BUZ137" s="23"/>
      <c r="BVA137" s="23"/>
      <c r="BVB137" s="23"/>
      <c r="BVC137" s="23"/>
      <c r="BVD137" s="23"/>
      <c r="BVE137" s="23"/>
      <c r="BVF137" s="23"/>
      <c r="BVG137" s="23"/>
      <c r="BVH137" s="23"/>
      <c r="BVI137" s="23"/>
      <c r="BVJ137" s="23"/>
      <c r="BVK137" s="23"/>
      <c r="BVL137" s="23"/>
      <c r="BVM137" s="23"/>
      <c r="BVN137" s="23"/>
      <c r="BVO137" s="23"/>
      <c r="BVP137" s="23"/>
      <c r="BVQ137" s="23"/>
      <c r="BVR137" s="23"/>
      <c r="BVS137" s="23"/>
      <c r="BVT137" s="23"/>
      <c r="BVU137" s="23"/>
      <c r="BVV137" s="23"/>
      <c r="BVW137" s="23"/>
      <c r="BVX137" s="23"/>
      <c r="BVY137" s="23"/>
      <c r="BVZ137" s="23"/>
      <c r="BWA137" s="23"/>
      <c r="BWB137" s="23"/>
      <c r="BWC137" s="23"/>
      <c r="BWD137" s="23"/>
      <c r="BWE137" s="23"/>
      <c r="BWF137" s="23"/>
      <c r="BWG137" s="23"/>
      <c r="BWH137" s="23"/>
      <c r="BWI137" s="23"/>
      <c r="BWJ137" s="23"/>
      <c r="BWK137" s="23"/>
      <c r="BWL137" s="23"/>
      <c r="BWM137" s="23"/>
      <c r="BWN137" s="23"/>
      <c r="BWO137" s="23"/>
      <c r="BWP137" s="23"/>
      <c r="BWQ137" s="23"/>
      <c r="BWR137" s="23"/>
      <c r="BWS137" s="23"/>
      <c r="BWT137" s="23"/>
      <c r="BWU137" s="23"/>
      <c r="BWV137" s="23"/>
      <c r="BWW137" s="23"/>
      <c r="BWX137" s="23"/>
      <c r="BWY137" s="23"/>
      <c r="BWZ137" s="23"/>
      <c r="BXA137" s="23"/>
      <c r="BXB137" s="23"/>
      <c r="BXC137" s="23"/>
      <c r="BXD137" s="23"/>
      <c r="BXE137" s="23"/>
      <c r="BXF137" s="23"/>
      <c r="BXG137" s="23"/>
      <c r="BXH137" s="23"/>
      <c r="BXI137" s="23"/>
      <c r="BXJ137" s="23"/>
      <c r="BXK137" s="23"/>
      <c r="BXL137" s="23"/>
      <c r="BXM137" s="23"/>
      <c r="BXN137" s="23"/>
      <c r="BXO137" s="23"/>
      <c r="BXP137" s="23"/>
      <c r="BXQ137" s="23"/>
      <c r="BXR137" s="23"/>
      <c r="BXS137" s="23"/>
      <c r="BXT137" s="23"/>
      <c r="BXU137" s="23"/>
      <c r="BXV137" s="23"/>
      <c r="BXW137" s="23"/>
      <c r="BXX137" s="23"/>
      <c r="BXY137" s="23"/>
      <c r="BXZ137" s="23"/>
      <c r="BYA137" s="23"/>
      <c r="BYB137" s="23"/>
      <c r="BYC137" s="23"/>
      <c r="BYD137" s="23"/>
      <c r="BYE137" s="23"/>
      <c r="BYF137" s="23"/>
      <c r="BYG137" s="23"/>
      <c r="BYH137" s="23"/>
      <c r="BYI137" s="23"/>
      <c r="BYJ137" s="23"/>
      <c r="BYK137" s="23"/>
      <c r="BYL137" s="23"/>
      <c r="BYM137" s="23"/>
      <c r="BYN137" s="23"/>
      <c r="BYO137" s="23"/>
      <c r="BYP137" s="23"/>
      <c r="BYQ137" s="23"/>
      <c r="BYR137" s="23"/>
      <c r="BYS137" s="23"/>
      <c r="BYT137" s="23"/>
      <c r="BYU137" s="23"/>
      <c r="BYV137" s="23"/>
      <c r="BYW137" s="23"/>
      <c r="BYX137" s="23"/>
      <c r="BYY137" s="23"/>
      <c r="BYZ137" s="23"/>
      <c r="BZA137" s="23"/>
      <c r="BZB137" s="23"/>
      <c r="BZC137" s="23"/>
      <c r="BZD137" s="23"/>
      <c r="BZE137" s="23"/>
      <c r="BZF137" s="23"/>
      <c r="BZG137" s="23"/>
      <c r="BZH137" s="23"/>
      <c r="BZI137" s="23"/>
      <c r="BZJ137" s="23"/>
      <c r="BZK137" s="23"/>
      <c r="BZL137" s="23"/>
      <c r="BZM137" s="23"/>
      <c r="BZN137" s="23"/>
      <c r="BZO137" s="23"/>
      <c r="BZP137" s="23"/>
      <c r="BZQ137" s="23"/>
      <c r="BZR137" s="23"/>
      <c r="BZS137" s="23"/>
      <c r="BZT137" s="23"/>
      <c r="BZU137" s="23"/>
      <c r="BZV137" s="23"/>
      <c r="BZW137" s="23"/>
      <c r="BZX137" s="23"/>
      <c r="BZY137" s="23"/>
      <c r="BZZ137" s="23"/>
      <c r="CAA137" s="23"/>
      <c r="CAB137" s="23"/>
      <c r="CAC137" s="23"/>
      <c r="CAD137" s="23"/>
      <c r="CAE137" s="23"/>
      <c r="CAF137" s="23"/>
      <c r="CAG137" s="23"/>
      <c r="CAH137" s="23"/>
      <c r="CAI137" s="23"/>
      <c r="CAJ137" s="23"/>
      <c r="CAK137" s="23"/>
      <c r="CAL137" s="23"/>
      <c r="CAM137" s="23"/>
      <c r="CAN137" s="23"/>
      <c r="CAO137" s="23"/>
      <c r="CAP137" s="23"/>
      <c r="CAQ137" s="23"/>
      <c r="CAR137" s="23"/>
      <c r="CAS137" s="23"/>
      <c r="CAT137" s="23"/>
      <c r="CAU137" s="23"/>
      <c r="CAV137" s="23"/>
      <c r="CAW137" s="23"/>
      <c r="CAX137" s="23"/>
      <c r="CAY137" s="23"/>
      <c r="CAZ137" s="23"/>
      <c r="CBA137" s="23"/>
      <c r="CBB137" s="23"/>
      <c r="CBC137" s="23"/>
      <c r="CBD137" s="23"/>
      <c r="CBE137" s="23"/>
      <c r="CBF137" s="23"/>
      <c r="CBG137" s="23"/>
      <c r="CBH137" s="23"/>
      <c r="CBI137" s="23"/>
      <c r="CBJ137" s="23"/>
      <c r="CBK137" s="23"/>
      <c r="CBL137" s="23"/>
      <c r="CBM137" s="23"/>
      <c r="CBN137" s="23"/>
      <c r="CBO137" s="23"/>
      <c r="CBP137" s="23"/>
      <c r="CBQ137" s="23"/>
      <c r="CBR137" s="23"/>
      <c r="CBS137" s="23"/>
      <c r="CBT137" s="23"/>
      <c r="CBU137" s="23"/>
      <c r="CBV137" s="23"/>
      <c r="CBW137" s="23"/>
      <c r="CBX137" s="23"/>
      <c r="CBY137" s="23"/>
      <c r="CBZ137" s="23"/>
      <c r="CCA137" s="23"/>
      <c r="CCB137" s="23"/>
      <c r="CCC137" s="23"/>
      <c r="CCD137" s="23"/>
      <c r="CCE137" s="23"/>
      <c r="CCF137" s="23"/>
      <c r="CCG137" s="23"/>
      <c r="CCH137" s="23"/>
      <c r="CCI137" s="23"/>
      <c r="CCJ137" s="23"/>
      <c r="CCK137" s="23"/>
      <c r="CCL137" s="23"/>
      <c r="CCM137" s="23"/>
      <c r="CCN137" s="23"/>
      <c r="CCO137" s="23"/>
      <c r="CCP137" s="23"/>
      <c r="CCQ137" s="23"/>
      <c r="CCR137" s="23"/>
      <c r="CCS137" s="23"/>
      <c r="CCT137" s="23"/>
      <c r="CCU137" s="23"/>
      <c r="CCV137" s="23"/>
      <c r="CCW137" s="23"/>
      <c r="CCX137" s="23"/>
      <c r="CCY137" s="23"/>
      <c r="CCZ137" s="23"/>
      <c r="CDA137" s="23"/>
      <c r="CDB137" s="23"/>
      <c r="CDC137" s="23"/>
      <c r="CDD137" s="23"/>
      <c r="CDE137" s="23"/>
      <c r="CDF137" s="23"/>
      <c r="CDG137" s="23"/>
      <c r="CDH137" s="23"/>
      <c r="CDI137" s="23"/>
      <c r="CDJ137" s="23"/>
      <c r="CDK137" s="23"/>
      <c r="CDL137" s="23"/>
      <c r="CDM137" s="23"/>
      <c r="CDN137" s="23"/>
      <c r="CDO137" s="23"/>
      <c r="CDP137" s="23"/>
      <c r="CDQ137" s="23"/>
      <c r="CDR137" s="23"/>
      <c r="CDS137" s="23"/>
      <c r="CDT137" s="23"/>
      <c r="CDU137" s="23"/>
      <c r="CDV137" s="23"/>
      <c r="CDW137" s="23"/>
      <c r="CDX137" s="23"/>
      <c r="CDY137" s="23"/>
      <c r="CDZ137" s="23"/>
      <c r="CEA137" s="23"/>
      <c r="CEB137" s="23"/>
      <c r="CEC137" s="23"/>
      <c r="CED137" s="23"/>
      <c r="CEE137" s="23"/>
      <c r="CEF137" s="23"/>
      <c r="CEG137" s="23"/>
      <c r="CEH137" s="23"/>
      <c r="CEI137" s="23"/>
      <c r="CEJ137" s="23"/>
      <c r="CEK137" s="23"/>
      <c r="CEL137" s="23"/>
      <c r="CEM137" s="23"/>
      <c r="CEN137" s="23"/>
      <c r="CEO137" s="23"/>
      <c r="CEP137" s="23"/>
      <c r="CEQ137" s="23"/>
      <c r="CER137" s="23"/>
      <c r="CES137" s="23"/>
      <c r="CET137" s="23"/>
      <c r="CEU137" s="23"/>
      <c r="CEV137" s="23"/>
      <c r="CEW137" s="23"/>
      <c r="CEX137" s="23"/>
      <c r="CEY137" s="23"/>
      <c r="CEZ137" s="23"/>
      <c r="CFA137" s="23"/>
      <c r="CFB137" s="23"/>
      <c r="CFC137" s="23"/>
      <c r="CFD137" s="23"/>
      <c r="CFE137" s="23"/>
      <c r="CFF137" s="23"/>
      <c r="CFG137" s="23"/>
      <c r="CFH137" s="23"/>
      <c r="CFI137" s="23"/>
      <c r="CFJ137" s="23"/>
      <c r="CFK137" s="23"/>
      <c r="CFL137" s="23"/>
      <c r="CFM137" s="23"/>
      <c r="CFN137" s="23"/>
      <c r="CFO137" s="23"/>
      <c r="CFP137" s="23"/>
      <c r="CFQ137" s="23"/>
      <c r="CFR137" s="23"/>
      <c r="CFS137" s="23"/>
      <c r="CFT137" s="23"/>
      <c r="CFU137" s="23"/>
      <c r="CFV137" s="23"/>
      <c r="CFW137" s="23"/>
      <c r="CFX137" s="23"/>
      <c r="CFY137" s="23"/>
      <c r="CFZ137" s="23"/>
      <c r="CGA137" s="23"/>
      <c r="CGB137" s="23"/>
      <c r="CGC137" s="23"/>
      <c r="CGD137" s="23"/>
      <c r="CGE137" s="23"/>
      <c r="CGF137" s="23"/>
      <c r="CGG137" s="23"/>
      <c r="CGH137" s="23"/>
      <c r="CGI137" s="23"/>
      <c r="CGJ137" s="23"/>
      <c r="CGK137" s="23"/>
      <c r="CGL137" s="23"/>
      <c r="CGM137" s="23"/>
      <c r="CGN137" s="23"/>
      <c r="CGO137" s="23"/>
      <c r="CGP137" s="23"/>
      <c r="CGQ137" s="23"/>
      <c r="CGR137" s="23"/>
      <c r="CGS137" s="23"/>
      <c r="CGT137" s="23"/>
      <c r="CGU137" s="23"/>
      <c r="CGV137" s="23"/>
      <c r="CGW137" s="23"/>
      <c r="CGX137" s="23"/>
      <c r="CGY137" s="23"/>
      <c r="CGZ137" s="23"/>
      <c r="CHA137" s="23"/>
      <c r="CHB137" s="23"/>
      <c r="CHC137" s="23"/>
      <c r="CHD137" s="23"/>
      <c r="CHE137" s="23"/>
      <c r="CHF137" s="23"/>
      <c r="CHG137" s="23"/>
      <c r="CHH137" s="23"/>
      <c r="CHI137" s="23"/>
      <c r="CHJ137" s="23"/>
      <c r="CHK137" s="23"/>
      <c r="CHL137" s="23"/>
      <c r="CHM137" s="23"/>
      <c r="CHN137" s="23"/>
      <c r="CHO137" s="23"/>
      <c r="CHP137" s="23"/>
      <c r="CHQ137" s="23"/>
      <c r="CHR137" s="23"/>
      <c r="CHS137" s="23"/>
      <c r="CHT137" s="23"/>
      <c r="CHU137" s="23"/>
      <c r="CHV137" s="23"/>
      <c r="CHW137" s="23"/>
      <c r="CHX137" s="23"/>
      <c r="CHY137" s="23"/>
      <c r="CHZ137" s="23"/>
      <c r="CIA137" s="23"/>
      <c r="CIB137" s="23"/>
      <c r="CIC137" s="23"/>
      <c r="CID137" s="23"/>
      <c r="CIE137" s="23"/>
      <c r="CIF137" s="23"/>
      <c r="CIG137" s="23"/>
      <c r="CIH137" s="23"/>
      <c r="CII137" s="23"/>
      <c r="CIJ137" s="23"/>
      <c r="CIK137" s="23"/>
      <c r="CIL137" s="23"/>
      <c r="CIM137" s="23"/>
      <c r="CIN137" s="23"/>
      <c r="CIO137" s="23"/>
      <c r="CIP137" s="23"/>
      <c r="CIQ137" s="23"/>
      <c r="CIR137" s="23"/>
      <c r="CIS137" s="23"/>
      <c r="CIT137" s="23"/>
      <c r="CIU137" s="23"/>
      <c r="CIV137" s="23"/>
      <c r="CIW137" s="23"/>
      <c r="CIX137" s="23"/>
      <c r="CIY137" s="23"/>
      <c r="CIZ137" s="23"/>
      <c r="CJA137" s="23"/>
      <c r="CJB137" s="23"/>
      <c r="CJC137" s="23"/>
      <c r="CJD137" s="23"/>
      <c r="CJE137" s="23"/>
      <c r="CJF137" s="23"/>
      <c r="CJG137" s="23"/>
      <c r="CJH137" s="23"/>
      <c r="CJI137" s="23"/>
      <c r="CJJ137" s="23"/>
      <c r="CJK137" s="23"/>
      <c r="CJL137" s="23"/>
      <c r="CJM137" s="23"/>
      <c r="CJN137" s="23"/>
      <c r="CJO137" s="23"/>
      <c r="CJP137" s="23"/>
      <c r="CJQ137" s="23"/>
      <c r="CJR137" s="23"/>
      <c r="CJS137" s="23"/>
      <c r="CJT137" s="23"/>
      <c r="CJU137" s="23"/>
      <c r="CJV137" s="23"/>
      <c r="CJW137" s="23"/>
      <c r="CJX137" s="23"/>
      <c r="CJY137" s="23"/>
      <c r="CJZ137" s="23"/>
      <c r="CKA137" s="23"/>
      <c r="CKB137" s="23"/>
      <c r="CKC137" s="23"/>
      <c r="CKD137" s="23"/>
      <c r="CKE137" s="23"/>
      <c r="CKF137" s="23"/>
      <c r="CKG137" s="23"/>
      <c r="CKH137" s="23"/>
      <c r="CKI137" s="23"/>
      <c r="CKJ137" s="23"/>
      <c r="CKK137" s="23"/>
      <c r="CKL137" s="23"/>
      <c r="CKM137" s="23"/>
      <c r="CKN137" s="23"/>
      <c r="CKO137" s="23"/>
      <c r="CKP137" s="23"/>
      <c r="CKQ137" s="23"/>
      <c r="CKR137" s="23"/>
      <c r="CKS137" s="23"/>
      <c r="CKT137" s="23"/>
      <c r="CKU137" s="23"/>
      <c r="CKV137" s="23"/>
      <c r="CKW137" s="23"/>
      <c r="CKX137" s="23"/>
      <c r="CKY137" s="23"/>
      <c r="CKZ137" s="23"/>
      <c r="CLA137" s="23"/>
      <c r="CLB137" s="23"/>
      <c r="CLC137" s="23"/>
      <c r="CLD137" s="23"/>
      <c r="CLE137" s="23"/>
      <c r="CLF137" s="23"/>
      <c r="CLG137" s="23"/>
      <c r="CLH137" s="23"/>
      <c r="CLI137" s="23"/>
      <c r="CLJ137" s="23"/>
      <c r="CLK137" s="23"/>
      <c r="CLL137" s="23"/>
      <c r="CLM137" s="23"/>
      <c r="CLN137" s="23"/>
      <c r="CLO137" s="23"/>
      <c r="CLP137" s="23"/>
      <c r="CLQ137" s="23"/>
      <c r="CLR137" s="23"/>
      <c r="CLS137" s="23"/>
      <c r="CLT137" s="23"/>
      <c r="CLU137" s="23"/>
      <c r="CLV137" s="23"/>
      <c r="CLW137" s="23"/>
      <c r="CLX137" s="23"/>
      <c r="CLY137" s="23"/>
      <c r="CLZ137" s="23"/>
      <c r="CMA137" s="23"/>
      <c r="CMB137" s="23"/>
      <c r="CMC137" s="23"/>
      <c r="CMD137" s="23"/>
      <c r="CME137" s="23"/>
      <c r="CMF137" s="23"/>
      <c r="CMG137" s="23"/>
      <c r="CMH137" s="23"/>
      <c r="CMI137" s="23"/>
      <c r="CMJ137" s="23"/>
      <c r="CMK137" s="23"/>
      <c r="CML137" s="23"/>
      <c r="CMM137" s="23"/>
      <c r="CMN137" s="23"/>
      <c r="CMO137" s="23"/>
      <c r="CMP137" s="23"/>
      <c r="CMQ137" s="23"/>
      <c r="CMR137" s="23"/>
      <c r="CMS137" s="23"/>
      <c r="CMT137" s="23"/>
      <c r="CMU137" s="23"/>
      <c r="CMV137" s="23"/>
      <c r="CMW137" s="23"/>
      <c r="CMX137" s="23"/>
      <c r="CMY137" s="23"/>
      <c r="CMZ137" s="23"/>
      <c r="CNA137" s="23"/>
      <c r="CNB137" s="23"/>
      <c r="CNC137" s="23"/>
      <c r="CND137" s="23"/>
      <c r="CNE137" s="23"/>
      <c r="CNF137" s="23"/>
      <c r="CNG137" s="23"/>
      <c r="CNH137" s="23"/>
      <c r="CNI137" s="23"/>
      <c r="CNJ137" s="23"/>
      <c r="CNK137" s="23"/>
      <c r="CNL137" s="23"/>
      <c r="CNM137" s="23"/>
      <c r="CNN137" s="23"/>
      <c r="CNO137" s="23"/>
      <c r="CNP137" s="23"/>
      <c r="CNQ137" s="23"/>
      <c r="CNR137" s="23"/>
      <c r="CNS137" s="23"/>
      <c r="CNT137" s="23"/>
      <c r="CNU137" s="23"/>
      <c r="CNV137" s="23"/>
      <c r="CNW137" s="23"/>
      <c r="CNX137" s="23"/>
      <c r="CNY137" s="23"/>
      <c r="CNZ137" s="23"/>
      <c r="COA137" s="23"/>
      <c r="COB137" s="23"/>
      <c r="COC137" s="23"/>
      <c r="COD137" s="23"/>
      <c r="COE137" s="23"/>
      <c r="COF137" s="23"/>
      <c r="COG137" s="23"/>
      <c r="COH137" s="23"/>
      <c r="COI137" s="23"/>
      <c r="COJ137" s="23"/>
      <c r="COK137" s="23"/>
      <c r="COL137" s="23"/>
      <c r="COM137" s="23"/>
      <c r="CON137" s="23"/>
      <c r="COO137" s="23"/>
      <c r="COP137" s="23"/>
      <c r="COQ137" s="23"/>
      <c r="COR137" s="23"/>
      <c r="COS137" s="23"/>
      <c r="COT137" s="23"/>
      <c r="COU137" s="23"/>
      <c r="COV137" s="23"/>
      <c r="COW137" s="23"/>
      <c r="COX137" s="23"/>
      <c r="COY137" s="23"/>
      <c r="COZ137" s="23"/>
      <c r="CPA137" s="23"/>
      <c r="CPB137" s="23"/>
      <c r="CPC137" s="23"/>
      <c r="CPD137" s="23"/>
      <c r="CPE137" s="23"/>
      <c r="CPF137" s="23"/>
      <c r="CPG137" s="23"/>
      <c r="CPH137" s="23"/>
      <c r="CPI137" s="23"/>
      <c r="CPJ137" s="23"/>
      <c r="CPK137" s="23"/>
      <c r="CPL137" s="23"/>
      <c r="CPM137" s="23"/>
      <c r="CPN137" s="23"/>
      <c r="CPO137" s="23"/>
      <c r="CPP137" s="23"/>
      <c r="CPQ137" s="23"/>
      <c r="CPR137" s="23"/>
      <c r="CPS137" s="23"/>
      <c r="CPT137" s="23"/>
      <c r="CPU137" s="23"/>
      <c r="CPV137" s="23"/>
      <c r="CPW137" s="23"/>
      <c r="CPX137" s="23"/>
      <c r="CPY137" s="23"/>
      <c r="CPZ137" s="23"/>
      <c r="CQA137" s="23"/>
      <c r="CQB137" s="23"/>
      <c r="CQC137" s="23"/>
      <c r="CQD137" s="23"/>
      <c r="CQE137" s="23"/>
      <c r="CQF137" s="23"/>
      <c r="CQG137" s="23"/>
      <c r="CQH137" s="23"/>
      <c r="CQI137" s="23"/>
      <c r="CQJ137" s="23"/>
      <c r="CQK137" s="23"/>
      <c r="CQL137" s="23"/>
      <c r="CQM137" s="23"/>
      <c r="CQN137" s="23"/>
      <c r="CQO137" s="23"/>
      <c r="CQP137" s="23"/>
      <c r="CQQ137" s="23"/>
      <c r="CQR137" s="23"/>
      <c r="CQS137" s="23"/>
      <c r="CQT137" s="23"/>
      <c r="CQU137" s="23"/>
      <c r="CQV137" s="23"/>
      <c r="CQW137" s="23"/>
      <c r="CQX137" s="23"/>
      <c r="CQY137" s="23"/>
      <c r="CQZ137" s="23"/>
      <c r="CRA137" s="23"/>
      <c r="CRB137" s="23"/>
      <c r="CRC137" s="23"/>
      <c r="CRD137" s="23"/>
      <c r="CRE137" s="23"/>
      <c r="CRF137" s="23"/>
      <c r="CRG137" s="23"/>
      <c r="CRH137" s="23"/>
      <c r="CRI137" s="23"/>
      <c r="CRJ137" s="23"/>
      <c r="CRK137" s="23"/>
      <c r="CRL137" s="23"/>
      <c r="CRM137" s="23"/>
      <c r="CRN137" s="23"/>
      <c r="CRO137" s="23"/>
      <c r="CRP137" s="23"/>
      <c r="CRQ137" s="23"/>
      <c r="CRR137" s="23"/>
      <c r="CRS137" s="23"/>
      <c r="CRT137" s="23"/>
      <c r="CRU137" s="23"/>
      <c r="CRV137" s="23"/>
      <c r="CRW137" s="23"/>
      <c r="CRX137" s="23"/>
      <c r="CRY137" s="23"/>
      <c r="CRZ137" s="23"/>
      <c r="CSA137" s="23"/>
      <c r="CSB137" s="23"/>
      <c r="CSC137" s="23"/>
      <c r="CSD137" s="23"/>
      <c r="CSE137" s="23"/>
      <c r="CSF137" s="23"/>
      <c r="CSG137" s="23"/>
      <c r="CSH137" s="23"/>
      <c r="CSI137" s="23"/>
      <c r="CSJ137" s="23"/>
      <c r="CSK137" s="23"/>
      <c r="CSL137" s="23"/>
      <c r="CSM137" s="23"/>
      <c r="CSN137" s="23"/>
      <c r="CSO137" s="23"/>
      <c r="CSP137" s="23"/>
      <c r="CSQ137" s="23"/>
      <c r="CSR137" s="23"/>
      <c r="CSS137" s="23"/>
      <c r="CST137" s="23"/>
      <c r="CSU137" s="23"/>
      <c r="CSV137" s="23"/>
      <c r="CSW137" s="23"/>
      <c r="CSX137" s="23"/>
      <c r="CSY137" s="23"/>
      <c r="CSZ137" s="23"/>
      <c r="CTA137" s="23"/>
      <c r="CTB137" s="23"/>
      <c r="CTC137" s="23"/>
      <c r="CTD137" s="23"/>
      <c r="CTE137" s="23"/>
      <c r="CTF137" s="23"/>
      <c r="CTG137" s="23"/>
      <c r="CTH137" s="23"/>
      <c r="CTI137" s="23"/>
      <c r="CTJ137" s="23"/>
      <c r="CTK137" s="23"/>
      <c r="CTL137" s="23"/>
      <c r="CTM137" s="23"/>
      <c r="CTN137" s="23"/>
      <c r="CTO137" s="23"/>
      <c r="CTP137" s="23"/>
      <c r="CTQ137" s="23"/>
      <c r="CTR137" s="23"/>
      <c r="CTS137" s="23"/>
      <c r="CTT137" s="23"/>
      <c r="CTU137" s="23"/>
      <c r="CTV137" s="23"/>
      <c r="CTW137" s="23"/>
      <c r="CTX137" s="23"/>
      <c r="CTY137" s="23"/>
      <c r="CTZ137" s="23"/>
      <c r="CUA137" s="23"/>
      <c r="CUB137" s="23"/>
      <c r="CUC137" s="23"/>
      <c r="CUD137" s="23"/>
      <c r="CUE137" s="23"/>
      <c r="CUF137" s="23"/>
      <c r="CUG137" s="23"/>
      <c r="CUH137" s="23"/>
      <c r="CUI137" s="23"/>
      <c r="CUJ137" s="23"/>
      <c r="CUK137" s="23"/>
      <c r="CUL137" s="23"/>
      <c r="CUM137" s="23"/>
      <c r="CUN137" s="23"/>
      <c r="CUO137" s="23"/>
      <c r="CUP137" s="23"/>
      <c r="CUQ137" s="23"/>
      <c r="CUR137" s="23"/>
      <c r="CUS137" s="23"/>
      <c r="CUT137" s="23"/>
      <c r="CUU137" s="23"/>
      <c r="CUV137" s="23"/>
      <c r="CUW137" s="23"/>
      <c r="CUX137" s="23"/>
      <c r="CUY137" s="23"/>
      <c r="CUZ137" s="23"/>
      <c r="CVA137" s="23"/>
      <c r="CVB137" s="23"/>
      <c r="CVC137" s="23"/>
      <c r="CVD137" s="23"/>
      <c r="CVE137" s="23"/>
      <c r="CVF137" s="23"/>
      <c r="CVG137" s="23"/>
      <c r="CVH137" s="23"/>
      <c r="CVI137" s="23"/>
      <c r="CVJ137" s="23"/>
      <c r="CVK137" s="23"/>
      <c r="CVL137" s="23"/>
      <c r="CVM137" s="23"/>
      <c r="CVN137" s="23"/>
      <c r="CVO137" s="23"/>
      <c r="CVP137" s="23"/>
      <c r="CVQ137" s="23"/>
      <c r="CVR137" s="23"/>
      <c r="CVS137" s="23"/>
      <c r="CVT137" s="23"/>
      <c r="CVU137" s="23"/>
      <c r="CVV137" s="23"/>
      <c r="CVW137" s="23"/>
      <c r="CVX137" s="23"/>
      <c r="CVY137" s="23"/>
      <c r="CVZ137" s="23"/>
      <c r="CWA137" s="23"/>
      <c r="CWB137" s="23"/>
      <c r="CWC137" s="23"/>
      <c r="CWD137" s="23"/>
      <c r="CWE137" s="23"/>
      <c r="CWF137" s="23"/>
      <c r="CWG137" s="23"/>
      <c r="CWH137" s="23"/>
      <c r="CWI137" s="23"/>
      <c r="CWJ137" s="23"/>
      <c r="CWK137" s="23"/>
      <c r="CWL137" s="23"/>
      <c r="CWM137" s="23"/>
      <c r="CWN137" s="23"/>
      <c r="CWO137" s="23"/>
      <c r="CWP137" s="23"/>
      <c r="CWQ137" s="23"/>
      <c r="CWR137" s="23"/>
      <c r="CWS137" s="23"/>
      <c r="CWT137" s="23"/>
      <c r="CWU137" s="23"/>
      <c r="CWV137" s="23"/>
      <c r="CWW137" s="23"/>
      <c r="CWX137" s="23"/>
      <c r="CWY137" s="23"/>
      <c r="CWZ137" s="23"/>
      <c r="CXA137" s="23"/>
      <c r="CXB137" s="23"/>
      <c r="CXC137" s="23"/>
      <c r="CXD137" s="23"/>
      <c r="CXE137" s="23"/>
      <c r="CXF137" s="23"/>
      <c r="CXG137" s="23"/>
      <c r="CXH137" s="23"/>
      <c r="CXI137" s="23"/>
      <c r="CXJ137" s="23"/>
      <c r="CXK137" s="23"/>
      <c r="CXL137" s="23"/>
      <c r="CXM137" s="23"/>
      <c r="CXN137" s="23"/>
      <c r="CXO137" s="23"/>
      <c r="CXP137" s="23"/>
      <c r="CXQ137" s="23"/>
      <c r="CXR137" s="23"/>
      <c r="CXS137" s="23"/>
      <c r="CXT137" s="23"/>
      <c r="CXU137" s="23"/>
      <c r="CXV137" s="23"/>
      <c r="CXW137" s="23"/>
      <c r="CXX137" s="23"/>
      <c r="CXY137" s="23"/>
      <c r="CXZ137" s="23"/>
      <c r="CYA137" s="23"/>
      <c r="CYB137" s="23"/>
      <c r="CYC137" s="23"/>
      <c r="CYD137" s="23"/>
      <c r="CYE137" s="23"/>
      <c r="CYF137" s="23"/>
      <c r="CYG137" s="23"/>
      <c r="CYH137" s="23"/>
      <c r="CYI137" s="23"/>
      <c r="CYJ137" s="23"/>
      <c r="CYK137" s="23"/>
      <c r="CYL137" s="23"/>
      <c r="CYM137" s="23"/>
      <c r="CYN137" s="23"/>
      <c r="CYO137" s="23"/>
      <c r="CYP137" s="23"/>
      <c r="CYQ137" s="23"/>
      <c r="CYR137" s="23"/>
      <c r="CYS137" s="23"/>
      <c r="CYT137" s="23"/>
      <c r="CYU137" s="23"/>
      <c r="CYV137" s="23"/>
      <c r="CYW137" s="23"/>
      <c r="CYX137" s="23"/>
      <c r="CYY137" s="23"/>
      <c r="CYZ137" s="23"/>
      <c r="CZA137" s="23"/>
      <c r="CZB137" s="23"/>
      <c r="CZC137" s="23"/>
      <c r="CZD137" s="23"/>
      <c r="CZE137" s="23"/>
      <c r="CZF137" s="23"/>
      <c r="CZG137" s="23"/>
      <c r="CZH137" s="23"/>
      <c r="CZI137" s="23"/>
      <c r="CZJ137" s="23"/>
      <c r="CZK137" s="23"/>
      <c r="CZL137" s="23"/>
      <c r="CZM137" s="23"/>
      <c r="CZN137" s="23"/>
      <c r="CZO137" s="23"/>
      <c r="CZP137" s="23"/>
      <c r="CZQ137" s="23"/>
      <c r="CZR137" s="23"/>
      <c r="CZS137" s="23"/>
      <c r="CZT137" s="23"/>
      <c r="CZU137" s="23"/>
      <c r="CZV137" s="23"/>
      <c r="CZW137" s="23"/>
      <c r="CZX137" s="23"/>
      <c r="CZY137" s="23"/>
      <c r="CZZ137" s="23"/>
      <c r="DAA137" s="23"/>
      <c r="DAB137" s="23"/>
      <c r="DAC137" s="23"/>
      <c r="DAD137" s="23"/>
      <c r="DAE137" s="23"/>
      <c r="DAF137" s="23"/>
      <c r="DAG137" s="23"/>
      <c r="DAH137" s="23"/>
      <c r="DAI137" s="23"/>
      <c r="DAJ137" s="23"/>
      <c r="DAK137" s="23"/>
      <c r="DAL137" s="23"/>
      <c r="DAM137" s="23"/>
      <c r="DAN137" s="23"/>
      <c r="DAO137" s="23"/>
      <c r="DAP137" s="23"/>
      <c r="DAQ137" s="23"/>
      <c r="DAR137" s="23"/>
      <c r="DAS137" s="23"/>
      <c r="DAT137" s="23"/>
      <c r="DAU137" s="23"/>
      <c r="DAV137" s="23"/>
      <c r="DAW137" s="23"/>
      <c r="DAX137" s="23"/>
      <c r="DAY137" s="23"/>
      <c r="DAZ137" s="23"/>
      <c r="DBA137" s="23"/>
      <c r="DBB137" s="23"/>
      <c r="DBC137" s="23"/>
      <c r="DBD137" s="23"/>
      <c r="DBE137" s="23"/>
      <c r="DBF137" s="23"/>
      <c r="DBG137" s="23"/>
      <c r="DBH137" s="23"/>
      <c r="DBI137" s="23"/>
      <c r="DBJ137" s="23"/>
      <c r="DBK137" s="23"/>
      <c r="DBL137" s="23"/>
      <c r="DBM137" s="23"/>
      <c r="DBN137" s="23"/>
      <c r="DBO137" s="23"/>
      <c r="DBP137" s="23"/>
      <c r="DBQ137" s="23"/>
      <c r="DBR137" s="23"/>
      <c r="DBS137" s="23"/>
      <c r="DBT137" s="23"/>
      <c r="DBU137" s="23"/>
      <c r="DBV137" s="23"/>
      <c r="DBW137" s="23"/>
      <c r="DBX137" s="23"/>
      <c r="DBY137" s="23"/>
      <c r="DBZ137" s="23"/>
      <c r="DCA137" s="23"/>
      <c r="DCB137" s="23"/>
      <c r="DCC137" s="23"/>
      <c r="DCD137" s="23"/>
      <c r="DCE137" s="23"/>
      <c r="DCF137" s="23"/>
      <c r="DCG137" s="23"/>
      <c r="DCH137" s="23"/>
      <c r="DCI137" s="23"/>
      <c r="DCJ137" s="23"/>
      <c r="DCK137" s="23"/>
      <c r="DCL137" s="23"/>
      <c r="DCM137" s="23"/>
      <c r="DCN137" s="23"/>
      <c r="DCO137" s="23"/>
      <c r="DCP137" s="23"/>
      <c r="DCQ137" s="23"/>
      <c r="DCR137" s="23"/>
      <c r="DCS137" s="23"/>
      <c r="DCT137" s="23"/>
      <c r="DCU137" s="23"/>
      <c r="DCV137" s="23"/>
      <c r="DCW137" s="23"/>
      <c r="DCX137" s="23"/>
      <c r="DCY137" s="23"/>
      <c r="DCZ137" s="23"/>
      <c r="DDA137" s="23"/>
      <c r="DDB137" s="23"/>
      <c r="DDC137" s="23"/>
      <c r="DDD137" s="23"/>
      <c r="DDE137" s="23"/>
      <c r="DDF137" s="23"/>
      <c r="DDG137" s="23"/>
      <c r="DDH137" s="23"/>
      <c r="DDI137" s="23"/>
      <c r="DDJ137" s="23"/>
      <c r="DDK137" s="23"/>
      <c r="DDL137" s="23"/>
      <c r="DDM137" s="23"/>
      <c r="DDN137" s="23"/>
      <c r="DDO137" s="23"/>
      <c r="DDP137" s="23"/>
      <c r="DDQ137" s="23"/>
      <c r="DDR137" s="23"/>
      <c r="DDS137" s="23"/>
      <c r="DDT137" s="23"/>
      <c r="DDU137" s="23"/>
      <c r="DDV137" s="23"/>
      <c r="DDW137" s="23"/>
      <c r="DDX137" s="23"/>
      <c r="DDY137" s="23"/>
      <c r="DDZ137" s="23"/>
      <c r="DEA137" s="23"/>
      <c r="DEB137" s="23"/>
      <c r="DEC137" s="23"/>
      <c r="DED137" s="23"/>
      <c r="DEE137" s="23"/>
      <c r="DEF137" s="23"/>
      <c r="DEG137" s="23"/>
      <c r="DEH137" s="23"/>
      <c r="DEI137" s="23"/>
      <c r="DEJ137" s="23"/>
      <c r="DEK137" s="23"/>
      <c r="DEL137" s="23"/>
      <c r="DEM137" s="23"/>
      <c r="DEN137" s="23"/>
      <c r="DEO137" s="23"/>
      <c r="DEP137" s="23"/>
      <c r="DEQ137" s="23"/>
      <c r="DER137" s="23"/>
      <c r="DES137" s="23"/>
      <c r="DET137" s="23"/>
      <c r="DEU137" s="23"/>
      <c r="DEV137" s="23"/>
      <c r="DEW137" s="23"/>
      <c r="DEX137" s="23"/>
      <c r="DEY137" s="23"/>
      <c r="DEZ137" s="23"/>
      <c r="DFA137" s="23"/>
      <c r="DFB137" s="23"/>
      <c r="DFC137" s="23"/>
      <c r="DFD137" s="23"/>
      <c r="DFE137" s="23"/>
      <c r="DFF137" s="23"/>
      <c r="DFG137" s="23"/>
      <c r="DFH137" s="23"/>
      <c r="DFI137" s="23"/>
      <c r="DFJ137" s="23"/>
      <c r="DFK137" s="23"/>
      <c r="DFL137" s="23"/>
      <c r="DFM137" s="23"/>
      <c r="DFN137" s="23"/>
      <c r="DFO137" s="23"/>
      <c r="DFP137" s="23"/>
      <c r="DFQ137" s="23"/>
      <c r="DFR137" s="23"/>
      <c r="DFS137" s="23"/>
      <c r="DFT137" s="23"/>
      <c r="DFU137" s="23"/>
      <c r="DFV137" s="23"/>
      <c r="DFW137" s="23"/>
      <c r="DFX137" s="23"/>
      <c r="DFY137" s="23"/>
      <c r="DFZ137" s="23"/>
      <c r="DGA137" s="23"/>
      <c r="DGB137" s="23"/>
      <c r="DGC137" s="23"/>
      <c r="DGD137" s="23"/>
      <c r="DGE137" s="23"/>
      <c r="DGF137" s="23"/>
      <c r="DGG137" s="23"/>
      <c r="DGH137" s="23"/>
      <c r="DGI137" s="23"/>
      <c r="DGJ137" s="23"/>
      <c r="DGK137" s="23"/>
      <c r="DGL137" s="23"/>
      <c r="DGM137" s="23"/>
      <c r="DGN137" s="23"/>
      <c r="DGO137" s="23"/>
      <c r="DGP137" s="23"/>
      <c r="DGQ137" s="23"/>
      <c r="DGR137" s="23"/>
      <c r="DGS137" s="23"/>
      <c r="DGT137" s="23"/>
      <c r="DGU137" s="23"/>
      <c r="DGV137" s="23"/>
      <c r="DGW137" s="23"/>
      <c r="DGX137" s="23"/>
      <c r="DGY137" s="23"/>
      <c r="DGZ137" s="23"/>
      <c r="DHA137" s="23"/>
      <c r="DHB137" s="23"/>
      <c r="DHC137" s="23"/>
      <c r="DHD137" s="23"/>
      <c r="DHE137" s="23"/>
      <c r="DHF137" s="23"/>
      <c r="DHG137" s="23"/>
      <c r="DHH137" s="23"/>
      <c r="DHI137" s="23"/>
      <c r="DHJ137" s="23"/>
      <c r="DHK137" s="23"/>
      <c r="DHL137" s="23"/>
      <c r="DHM137" s="23"/>
      <c r="DHN137" s="23"/>
      <c r="DHO137" s="23"/>
      <c r="DHP137" s="23"/>
      <c r="DHQ137" s="23"/>
      <c r="DHR137" s="23"/>
      <c r="DHS137" s="23"/>
      <c r="DHT137" s="23"/>
      <c r="DHU137" s="23"/>
      <c r="DHV137" s="23"/>
      <c r="DHW137" s="23"/>
      <c r="DHX137" s="23"/>
      <c r="DHY137" s="23"/>
      <c r="DHZ137" s="23"/>
      <c r="DIA137" s="23"/>
      <c r="DIB137" s="23"/>
      <c r="DIC137" s="23"/>
      <c r="DID137" s="23"/>
      <c r="DIE137" s="23"/>
      <c r="DIF137" s="23"/>
      <c r="DIG137" s="23"/>
      <c r="DIH137" s="23"/>
      <c r="DII137" s="23"/>
      <c r="DIJ137" s="23"/>
      <c r="DIK137" s="23"/>
      <c r="DIL137" s="23"/>
      <c r="DIM137" s="23"/>
      <c r="DIN137" s="23"/>
      <c r="DIO137" s="23"/>
      <c r="DIP137" s="23"/>
      <c r="DIQ137" s="23"/>
      <c r="DIR137" s="23"/>
      <c r="DIS137" s="23"/>
      <c r="DIT137" s="23"/>
      <c r="DIU137" s="23"/>
      <c r="DIV137" s="23"/>
      <c r="DIW137" s="23"/>
      <c r="DIX137" s="23"/>
      <c r="DIY137" s="23"/>
      <c r="DIZ137" s="23"/>
      <c r="DJA137" s="23"/>
      <c r="DJB137" s="23"/>
      <c r="DJC137" s="23"/>
      <c r="DJD137" s="23"/>
      <c r="DJE137" s="23"/>
      <c r="DJF137" s="23"/>
      <c r="DJG137" s="23"/>
      <c r="DJH137" s="23"/>
      <c r="DJI137" s="23"/>
      <c r="DJJ137" s="23"/>
      <c r="DJK137" s="23"/>
      <c r="DJL137" s="23"/>
      <c r="DJM137" s="23"/>
      <c r="DJN137" s="23"/>
      <c r="DJO137" s="23"/>
      <c r="DJP137" s="23"/>
      <c r="DJQ137" s="23"/>
      <c r="DJR137" s="23"/>
      <c r="DJS137" s="23"/>
      <c r="DJT137" s="23"/>
      <c r="DJU137" s="23"/>
      <c r="DJV137" s="23"/>
      <c r="DJW137" s="23"/>
      <c r="DJX137" s="23"/>
      <c r="DJY137" s="23"/>
      <c r="DJZ137" s="23"/>
      <c r="DKA137" s="23"/>
      <c r="DKB137" s="23"/>
      <c r="DKC137" s="23"/>
      <c r="DKD137" s="23"/>
      <c r="DKE137" s="23"/>
      <c r="DKF137" s="23"/>
      <c r="DKG137" s="23"/>
      <c r="DKH137" s="23"/>
      <c r="DKI137" s="23"/>
      <c r="DKJ137" s="23"/>
      <c r="DKK137" s="23"/>
      <c r="DKL137" s="23"/>
      <c r="DKM137" s="23"/>
      <c r="DKN137" s="23"/>
      <c r="DKO137" s="23"/>
      <c r="DKP137" s="23"/>
      <c r="DKQ137" s="23"/>
      <c r="DKR137" s="23"/>
      <c r="DKS137" s="23"/>
      <c r="DKT137" s="23"/>
      <c r="DKU137" s="23"/>
      <c r="DKV137" s="23"/>
      <c r="DKW137" s="23"/>
      <c r="DKX137" s="23"/>
      <c r="DKY137" s="23"/>
      <c r="DKZ137" s="23"/>
      <c r="DLA137" s="23"/>
      <c r="DLB137" s="23"/>
      <c r="DLC137" s="23"/>
      <c r="DLD137" s="23"/>
      <c r="DLE137" s="23"/>
      <c r="DLF137" s="23"/>
      <c r="DLG137" s="23"/>
      <c r="DLH137" s="23"/>
      <c r="DLI137" s="23"/>
      <c r="DLJ137" s="23"/>
      <c r="DLK137" s="23"/>
      <c r="DLL137" s="23"/>
      <c r="DLM137" s="23"/>
      <c r="DLN137" s="23"/>
      <c r="DLO137" s="23"/>
      <c r="DLP137" s="23"/>
      <c r="DLQ137" s="23"/>
      <c r="DLR137" s="23"/>
      <c r="DLS137" s="23"/>
      <c r="DLT137" s="23"/>
      <c r="DLU137" s="23"/>
      <c r="DLV137" s="23"/>
      <c r="DLW137" s="23"/>
      <c r="DLX137" s="23"/>
      <c r="DLY137" s="23"/>
      <c r="DLZ137" s="23"/>
      <c r="DMA137" s="23"/>
      <c r="DMB137" s="23"/>
      <c r="DMC137" s="23"/>
      <c r="DMD137" s="23"/>
      <c r="DME137" s="23"/>
      <c r="DMF137" s="23"/>
      <c r="DMG137" s="23"/>
      <c r="DMH137" s="23"/>
      <c r="DMI137" s="23"/>
      <c r="DMJ137" s="23"/>
      <c r="DMK137" s="23"/>
      <c r="DML137" s="23"/>
      <c r="DMM137" s="23"/>
      <c r="DMN137" s="23"/>
      <c r="DMO137" s="23"/>
      <c r="DMP137" s="23"/>
      <c r="DMQ137" s="23"/>
      <c r="DMR137" s="23"/>
      <c r="DMS137" s="23"/>
      <c r="DMT137" s="23"/>
      <c r="DMU137" s="23"/>
      <c r="DMV137" s="23"/>
      <c r="DMW137" s="23"/>
      <c r="DMX137" s="23"/>
      <c r="DMY137" s="23"/>
      <c r="DMZ137" s="23"/>
      <c r="DNA137" s="23"/>
      <c r="DNB137" s="23"/>
      <c r="DNC137" s="23"/>
      <c r="DND137" s="23"/>
      <c r="DNE137" s="23"/>
      <c r="DNF137" s="23"/>
      <c r="DNG137" s="23"/>
      <c r="DNH137" s="23"/>
      <c r="DNI137" s="23"/>
      <c r="DNJ137" s="23"/>
      <c r="DNK137" s="23"/>
      <c r="DNL137" s="23"/>
      <c r="DNM137" s="23"/>
      <c r="DNN137" s="23"/>
      <c r="DNO137" s="23"/>
      <c r="DNP137" s="23"/>
      <c r="DNQ137" s="23"/>
      <c r="DNR137" s="23"/>
      <c r="DNS137" s="23"/>
      <c r="DNT137" s="23"/>
      <c r="DNU137" s="23"/>
      <c r="DNV137" s="23"/>
      <c r="DNW137" s="23"/>
      <c r="DNX137" s="23"/>
      <c r="DNY137" s="23"/>
      <c r="DNZ137" s="23"/>
      <c r="DOA137" s="23"/>
      <c r="DOB137" s="23"/>
      <c r="DOC137" s="23"/>
      <c r="DOD137" s="23"/>
      <c r="DOE137" s="23"/>
      <c r="DOF137" s="23"/>
      <c r="DOG137" s="23"/>
      <c r="DOH137" s="23"/>
      <c r="DOI137" s="23"/>
      <c r="DOJ137" s="23"/>
      <c r="DOK137" s="23"/>
      <c r="DOL137" s="23"/>
      <c r="DOM137" s="23"/>
      <c r="DON137" s="23"/>
      <c r="DOO137" s="23"/>
      <c r="DOP137" s="23"/>
      <c r="DOQ137" s="23"/>
      <c r="DOR137" s="23"/>
      <c r="DOS137" s="23"/>
      <c r="DOT137" s="23"/>
      <c r="DOU137" s="23"/>
      <c r="DOV137" s="23"/>
      <c r="DOW137" s="23"/>
      <c r="DOX137" s="23"/>
      <c r="DOY137" s="23"/>
      <c r="DOZ137" s="23"/>
      <c r="DPA137" s="23"/>
      <c r="DPB137" s="23"/>
      <c r="DPC137" s="23"/>
      <c r="DPD137" s="23"/>
      <c r="DPE137" s="23"/>
      <c r="DPF137" s="23"/>
      <c r="DPG137" s="23"/>
      <c r="DPH137" s="23"/>
      <c r="DPI137" s="23"/>
      <c r="DPJ137" s="23"/>
      <c r="DPK137" s="23"/>
      <c r="DPL137" s="23"/>
      <c r="DPM137" s="23"/>
      <c r="DPN137" s="23"/>
      <c r="DPO137" s="23"/>
      <c r="DPP137" s="23"/>
      <c r="DPQ137" s="23"/>
      <c r="DPR137" s="23"/>
      <c r="DPS137" s="23"/>
      <c r="DPT137" s="23"/>
      <c r="DPU137" s="23"/>
      <c r="DPV137" s="23"/>
      <c r="DPW137" s="23"/>
      <c r="DPX137" s="23"/>
      <c r="DPY137" s="23"/>
      <c r="DPZ137" s="23"/>
      <c r="DQA137" s="23"/>
      <c r="DQB137" s="23"/>
      <c r="DQC137" s="23"/>
      <c r="DQD137" s="23"/>
      <c r="DQE137" s="23"/>
      <c r="DQF137" s="23"/>
      <c r="DQG137" s="23"/>
      <c r="DQH137" s="23"/>
      <c r="DQI137" s="23"/>
      <c r="DQJ137" s="23"/>
      <c r="DQK137" s="23"/>
      <c r="DQL137" s="23"/>
      <c r="DQM137" s="23"/>
      <c r="DQN137" s="23"/>
      <c r="DQO137" s="23"/>
      <c r="DQP137" s="23"/>
      <c r="DQQ137" s="23"/>
      <c r="DQR137" s="23"/>
      <c r="DQS137" s="23"/>
      <c r="DQT137" s="23"/>
      <c r="DQU137" s="23"/>
      <c r="DQV137" s="23"/>
      <c r="DQW137" s="23"/>
      <c r="DQX137" s="23"/>
      <c r="DQY137" s="23"/>
      <c r="DQZ137" s="23"/>
      <c r="DRA137" s="23"/>
      <c r="DRB137" s="23"/>
      <c r="DRC137" s="23"/>
      <c r="DRD137" s="23"/>
      <c r="DRE137" s="23"/>
      <c r="DRF137" s="23"/>
      <c r="DRG137" s="23"/>
      <c r="DRH137" s="23"/>
      <c r="DRI137" s="23"/>
      <c r="DRJ137" s="23"/>
      <c r="DRK137" s="23"/>
      <c r="DRL137" s="23"/>
      <c r="DRM137" s="23"/>
      <c r="DRN137" s="23"/>
      <c r="DRO137" s="23"/>
      <c r="DRP137" s="23"/>
      <c r="DRQ137" s="23"/>
      <c r="DRR137" s="23"/>
      <c r="DRS137" s="23"/>
      <c r="DRT137" s="23"/>
      <c r="DRU137" s="23"/>
      <c r="DRV137" s="23"/>
      <c r="DRW137" s="23"/>
      <c r="DRX137" s="23"/>
      <c r="DRY137" s="23"/>
      <c r="DRZ137" s="23"/>
      <c r="DSA137" s="23"/>
      <c r="DSB137" s="23"/>
      <c r="DSC137" s="23"/>
      <c r="DSD137" s="23"/>
      <c r="DSE137" s="23"/>
      <c r="DSF137" s="23"/>
      <c r="DSG137" s="23"/>
      <c r="DSH137" s="23"/>
      <c r="DSI137" s="23"/>
      <c r="DSJ137" s="23"/>
      <c r="DSK137" s="23"/>
      <c r="DSL137" s="23"/>
      <c r="DSM137" s="23"/>
      <c r="DSN137" s="23"/>
      <c r="DSO137" s="23"/>
      <c r="DSP137" s="23"/>
      <c r="DSQ137" s="23"/>
      <c r="DSR137" s="23"/>
      <c r="DSS137" s="23"/>
      <c r="DST137" s="23"/>
      <c r="DSU137" s="23"/>
      <c r="DSV137" s="23"/>
      <c r="DSW137" s="23"/>
      <c r="DSX137" s="23"/>
      <c r="DSY137" s="23"/>
      <c r="DSZ137" s="23"/>
      <c r="DTA137" s="23"/>
      <c r="DTB137" s="23"/>
      <c r="DTC137" s="23"/>
      <c r="DTD137" s="23"/>
      <c r="DTE137" s="23"/>
      <c r="DTF137" s="23"/>
      <c r="DTG137" s="23"/>
      <c r="DTH137" s="23"/>
      <c r="DTI137" s="23"/>
      <c r="DTJ137" s="23"/>
      <c r="DTK137" s="23"/>
      <c r="DTL137" s="23"/>
      <c r="DTM137" s="23"/>
      <c r="DTN137" s="23"/>
      <c r="DTO137" s="23"/>
      <c r="DTP137" s="23"/>
      <c r="DTQ137" s="23"/>
      <c r="DTR137" s="23"/>
      <c r="DTS137" s="23"/>
      <c r="DTT137" s="23"/>
      <c r="DTU137" s="23"/>
      <c r="DTV137" s="23"/>
      <c r="DTW137" s="23"/>
      <c r="DTX137" s="23"/>
      <c r="DTY137" s="23"/>
      <c r="DTZ137" s="23"/>
      <c r="DUA137" s="23"/>
      <c r="DUB137" s="23"/>
      <c r="DUC137" s="23"/>
      <c r="DUD137" s="23"/>
      <c r="DUE137" s="23"/>
      <c r="DUF137" s="23"/>
      <c r="DUG137" s="23"/>
      <c r="DUH137" s="23"/>
      <c r="DUI137" s="23"/>
      <c r="DUJ137" s="23"/>
      <c r="DUK137" s="23"/>
      <c r="DUL137" s="23"/>
      <c r="DUM137" s="23"/>
      <c r="DUN137" s="23"/>
      <c r="DUO137" s="23"/>
      <c r="DUP137" s="23"/>
      <c r="DUQ137" s="23"/>
      <c r="DUR137" s="23"/>
      <c r="DUS137" s="23"/>
      <c r="DUT137" s="23"/>
      <c r="DUU137" s="23"/>
      <c r="DUV137" s="23"/>
      <c r="DUW137" s="23"/>
      <c r="DUX137" s="23"/>
      <c r="DUY137" s="23"/>
      <c r="DUZ137" s="23"/>
      <c r="DVA137" s="23"/>
      <c r="DVB137" s="23"/>
      <c r="DVC137" s="23"/>
      <c r="DVD137" s="23"/>
      <c r="DVE137" s="23"/>
      <c r="DVF137" s="23"/>
      <c r="DVG137" s="23"/>
      <c r="DVH137" s="23"/>
      <c r="DVI137" s="23"/>
      <c r="DVJ137" s="23"/>
      <c r="DVK137" s="23"/>
      <c r="DVL137" s="23"/>
      <c r="DVM137" s="23"/>
      <c r="DVN137" s="23"/>
      <c r="DVO137" s="23"/>
      <c r="DVP137" s="23"/>
      <c r="DVQ137" s="23"/>
      <c r="DVR137" s="23"/>
      <c r="DVS137" s="23"/>
      <c r="DVT137" s="23"/>
      <c r="DVU137" s="23"/>
      <c r="DVV137" s="23"/>
      <c r="DVW137" s="23"/>
      <c r="DVX137" s="23"/>
      <c r="DVY137" s="23"/>
      <c r="DVZ137" s="23"/>
      <c r="DWA137" s="23"/>
      <c r="DWB137" s="23"/>
      <c r="DWC137" s="23"/>
      <c r="DWD137" s="23"/>
      <c r="DWE137" s="23"/>
      <c r="DWF137" s="23"/>
      <c r="DWG137" s="23"/>
      <c r="DWH137" s="23"/>
      <c r="DWI137" s="23"/>
      <c r="DWJ137" s="23"/>
      <c r="DWK137" s="23"/>
      <c r="DWL137" s="23"/>
      <c r="DWM137" s="23"/>
      <c r="DWN137" s="23"/>
      <c r="DWO137" s="23"/>
      <c r="DWP137" s="23"/>
      <c r="DWQ137" s="23"/>
      <c r="DWR137" s="23"/>
      <c r="DWS137" s="23"/>
      <c r="DWT137" s="23"/>
      <c r="DWU137" s="23"/>
      <c r="DWV137" s="23"/>
      <c r="DWW137" s="23"/>
      <c r="DWX137" s="23"/>
      <c r="DWY137" s="23"/>
      <c r="DWZ137" s="23"/>
      <c r="DXA137" s="23"/>
      <c r="DXB137" s="23"/>
      <c r="DXC137" s="23"/>
      <c r="DXD137" s="23"/>
      <c r="DXE137" s="23"/>
      <c r="DXF137" s="23"/>
      <c r="DXG137" s="23"/>
      <c r="DXH137" s="23"/>
      <c r="DXI137" s="23"/>
      <c r="DXJ137" s="23"/>
      <c r="DXK137" s="23"/>
      <c r="DXL137" s="23"/>
      <c r="DXM137" s="23"/>
      <c r="DXN137" s="23"/>
      <c r="DXO137" s="23"/>
      <c r="DXP137" s="23"/>
      <c r="DXQ137" s="23"/>
      <c r="DXR137" s="23"/>
      <c r="DXS137" s="23"/>
      <c r="DXT137" s="23"/>
      <c r="DXU137" s="23"/>
      <c r="DXV137" s="23"/>
      <c r="DXW137" s="23"/>
      <c r="DXX137" s="23"/>
      <c r="DXY137" s="23"/>
      <c r="DXZ137" s="23"/>
      <c r="DYA137" s="23"/>
      <c r="DYB137" s="23"/>
      <c r="DYC137" s="23"/>
      <c r="DYD137" s="23"/>
      <c r="DYE137" s="23"/>
      <c r="DYF137" s="23"/>
      <c r="DYG137" s="23"/>
      <c r="DYH137" s="23"/>
      <c r="DYI137" s="23"/>
      <c r="DYJ137" s="23"/>
      <c r="DYK137" s="23"/>
      <c r="DYL137" s="23"/>
      <c r="DYM137" s="23"/>
      <c r="DYN137" s="23"/>
      <c r="DYO137" s="23"/>
      <c r="DYP137" s="23"/>
      <c r="DYQ137" s="23"/>
      <c r="DYR137" s="23"/>
      <c r="DYS137" s="23"/>
      <c r="DYT137" s="23"/>
      <c r="DYU137" s="23"/>
      <c r="DYV137" s="23"/>
      <c r="DYW137" s="23"/>
      <c r="DYX137" s="23"/>
      <c r="DYY137" s="23"/>
      <c r="DYZ137" s="23"/>
      <c r="DZA137" s="23"/>
      <c r="DZB137" s="23"/>
      <c r="DZC137" s="23"/>
      <c r="DZD137" s="23"/>
      <c r="DZE137" s="23"/>
      <c r="DZF137" s="23"/>
      <c r="DZG137" s="23"/>
      <c r="DZH137" s="23"/>
      <c r="DZI137" s="23"/>
      <c r="DZJ137" s="23"/>
      <c r="DZK137" s="23"/>
      <c r="DZL137" s="23"/>
      <c r="DZM137" s="23"/>
      <c r="DZN137" s="23"/>
      <c r="DZO137" s="23"/>
      <c r="DZP137" s="23"/>
      <c r="DZQ137" s="23"/>
      <c r="DZR137" s="23"/>
      <c r="DZS137" s="23"/>
      <c r="DZT137" s="23"/>
      <c r="DZU137" s="23"/>
      <c r="DZV137" s="23"/>
      <c r="DZW137" s="23"/>
      <c r="DZX137" s="23"/>
      <c r="DZY137" s="23"/>
      <c r="DZZ137" s="23"/>
      <c r="EAA137" s="23"/>
      <c r="EAB137" s="23"/>
      <c r="EAC137" s="23"/>
      <c r="EAD137" s="23"/>
      <c r="EAE137" s="23"/>
      <c r="EAF137" s="23"/>
      <c r="EAG137" s="23"/>
      <c r="EAH137" s="23"/>
      <c r="EAI137" s="23"/>
      <c r="EAJ137" s="23"/>
      <c r="EAK137" s="23"/>
      <c r="EAL137" s="23"/>
      <c r="EAM137" s="23"/>
      <c r="EAN137" s="23"/>
      <c r="EAO137" s="23"/>
      <c r="EAP137" s="23"/>
      <c r="EAQ137" s="23"/>
      <c r="EAR137" s="23"/>
      <c r="EAS137" s="23"/>
      <c r="EAT137" s="23"/>
      <c r="EAU137" s="23"/>
      <c r="EAV137" s="23"/>
      <c r="EAW137" s="23"/>
      <c r="EAX137" s="23"/>
      <c r="EAY137" s="23"/>
      <c r="EAZ137" s="23"/>
      <c r="EBA137" s="23"/>
      <c r="EBB137" s="23"/>
      <c r="EBC137" s="23"/>
      <c r="EBD137" s="23"/>
      <c r="EBE137" s="23"/>
      <c r="EBF137" s="23"/>
      <c r="EBG137" s="23"/>
      <c r="EBH137" s="23"/>
      <c r="EBI137" s="23"/>
      <c r="EBJ137" s="23"/>
      <c r="EBK137" s="23"/>
      <c r="EBL137" s="23"/>
      <c r="EBM137" s="23"/>
      <c r="EBN137" s="23"/>
      <c r="EBO137" s="23"/>
      <c r="EBP137" s="23"/>
      <c r="EBQ137" s="23"/>
      <c r="EBR137" s="23"/>
      <c r="EBS137" s="23"/>
      <c r="EBT137" s="23"/>
      <c r="EBU137" s="23"/>
      <c r="EBV137" s="23"/>
      <c r="EBW137" s="23"/>
      <c r="EBX137" s="23"/>
      <c r="EBY137" s="23"/>
      <c r="EBZ137" s="23"/>
      <c r="ECA137" s="23"/>
      <c r="ECB137" s="23"/>
      <c r="ECC137" s="23"/>
      <c r="ECD137" s="23"/>
      <c r="ECE137" s="23"/>
      <c r="ECF137" s="23"/>
      <c r="ECG137" s="23"/>
      <c r="ECH137" s="23"/>
      <c r="ECI137" s="23"/>
      <c r="ECJ137" s="23"/>
      <c r="ECK137" s="23"/>
      <c r="ECL137" s="23"/>
      <c r="ECM137" s="23"/>
      <c r="ECN137" s="23"/>
      <c r="ECO137" s="23"/>
      <c r="ECP137" s="23"/>
      <c r="ECQ137" s="23"/>
      <c r="ECR137" s="23"/>
      <c r="ECS137" s="23"/>
      <c r="ECT137" s="23"/>
      <c r="ECU137" s="23"/>
      <c r="ECV137" s="23"/>
      <c r="ECW137" s="23"/>
      <c r="ECX137" s="23"/>
      <c r="ECY137" s="23"/>
      <c r="ECZ137" s="23"/>
      <c r="EDA137" s="23"/>
      <c r="EDB137" s="23"/>
      <c r="EDC137" s="23"/>
      <c r="EDD137" s="23"/>
      <c r="EDE137" s="23"/>
      <c r="EDF137" s="23"/>
      <c r="EDG137" s="23"/>
      <c r="EDH137" s="23"/>
      <c r="EDI137" s="23"/>
      <c r="EDJ137" s="23"/>
      <c r="EDK137" s="23"/>
      <c r="EDL137" s="23"/>
      <c r="EDM137" s="23"/>
      <c r="EDN137" s="23"/>
      <c r="EDO137" s="23"/>
      <c r="EDP137" s="23"/>
      <c r="EDQ137" s="23"/>
      <c r="EDR137" s="23"/>
      <c r="EDS137" s="23"/>
      <c r="EDT137" s="23"/>
      <c r="EDU137" s="23"/>
      <c r="EDV137" s="23"/>
      <c r="EDW137" s="23"/>
      <c r="EDX137" s="23"/>
      <c r="EDY137" s="23"/>
      <c r="EDZ137" s="23"/>
      <c r="EEA137" s="23"/>
      <c r="EEB137" s="23"/>
      <c r="EEC137" s="23"/>
      <c r="EED137" s="23"/>
      <c r="EEE137" s="23"/>
      <c r="EEF137" s="23"/>
      <c r="EEG137" s="23"/>
      <c r="EEH137" s="23"/>
      <c r="EEI137" s="23"/>
      <c r="EEJ137" s="23"/>
      <c r="EEK137" s="23"/>
      <c r="EEL137" s="23"/>
      <c r="EEM137" s="23"/>
      <c r="EEN137" s="23"/>
      <c r="EEO137" s="23"/>
      <c r="EEP137" s="23"/>
      <c r="EEQ137" s="23"/>
      <c r="EER137" s="23"/>
      <c r="EES137" s="23"/>
      <c r="EET137" s="23"/>
      <c r="EEU137" s="23"/>
      <c r="EEV137" s="23"/>
      <c r="EEW137" s="23"/>
      <c r="EEX137" s="23"/>
      <c r="EEY137" s="23"/>
      <c r="EEZ137" s="23"/>
      <c r="EFA137" s="23"/>
      <c r="EFB137" s="23"/>
      <c r="EFC137" s="23"/>
      <c r="EFD137" s="23"/>
      <c r="EFE137" s="23"/>
      <c r="EFF137" s="23"/>
      <c r="EFG137" s="23"/>
      <c r="EFH137" s="23"/>
      <c r="EFI137" s="23"/>
      <c r="EFJ137" s="23"/>
      <c r="EFK137" s="23"/>
      <c r="EFL137" s="23"/>
      <c r="EFM137" s="23"/>
      <c r="EFN137" s="23"/>
      <c r="EFO137" s="23"/>
      <c r="EFP137" s="23"/>
      <c r="EFQ137" s="23"/>
      <c r="EFR137" s="23"/>
      <c r="EFS137" s="23"/>
      <c r="EFT137" s="23"/>
      <c r="EFU137" s="23"/>
      <c r="EFV137" s="23"/>
      <c r="EFW137" s="23"/>
      <c r="EFX137" s="23"/>
      <c r="EFY137" s="23"/>
      <c r="EFZ137" s="23"/>
      <c r="EGA137" s="23"/>
      <c r="EGB137" s="23"/>
      <c r="EGC137" s="23"/>
      <c r="EGD137" s="23"/>
      <c r="EGE137" s="23"/>
      <c r="EGF137" s="23"/>
      <c r="EGG137" s="23"/>
      <c r="EGH137" s="23"/>
      <c r="EGI137" s="23"/>
      <c r="EGJ137" s="23"/>
      <c r="EGK137" s="23"/>
      <c r="EGL137" s="23"/>
      <c r="EGM137" s="23"/>
      <c r="EGN137" s="23"/>
      <c r="EGO137" s="23"/>
      <c r="EGP137" s="23"/>
      <c r="EGQ137" s="23"/>
      <c r="EGR137" s="23"/>
      <c r="EGS137" s="23"/>
      <c r="EGT137" s="23"/>
      <c r="EGU137" s="23"/>
      <c r="EGV137" s="23"/>
      <c r="EGW137" s="23"/>
      <c r="EGX137" s="23"/>
      <c r="EGY137" s="23"/>
      <c r="EGZ137" s="23"/>
      <c r="EHA137" s="23"/>
      <c r="EHB137" s="23"/>
      <c r="EHC137" s="23"/>
      <c r="EHD137" s="23"/>
      <c r="EHE137" s="23"/>
      <c r="EHF137" s="23"/>
      <c r="EHG137" s="23"/>
      <c r="EHH137" s="23"/>
      <c r="EHI137" s="23"/>
      <c r="EHJ137" s="23"/>
      <c r="EHK137" s="23"/>
      <c r="EHL137" s="23"/>
      <c r="EHM137" s="23"/>
      <c r="EHN137" s="23"/>
      <c r="EHO137" s="23"/>
      <c r="EHP137" s="23"/>
      <c r="EHQ137" s="23"/>
      <c r="EHR137" s="23"/>
      <c r="EHS137" s="23"/>
      <c r="EHT137" s="23"/>
      <c r="EHU137" s="23"/>
      <c r="EHV137" s="23"/>
      <c r="EHW137" s="23"/>
      <c r="EHX137" s="23"/>
      <c r="EHY137" s="23"/>
      <c r="EHZ137" s="23"/>
      <c r="EIA137" s="23"/>
      <c r="EIB137" s="23"/>
      <c r="EIC137" s="23"/>
      <c r="EID137" s="23"/>
      <c r="EIE137" s="23"/>
      <c r="EIF137" s="23"/>
      <c r="EIG137" s="23"/>
      <c r="EIH137" s="23"/>
      <c r="EII137" s="23"/>
      <c r="EIJ137" s="23"/>
      <c r="EIK137" s="23"/>
      <c r="EIL137" s="23"/>
      <c r="EIM137" s="23"/>
      <c r="EIN137" s="23"/>
      <c r="EIO137" s="23"/>
      <c r="EIP137" s="23"/>
      <c r="EIQ137" s="23"/>
      <c r="EIR137" s="23"/>
      <c r="EIS137" s="23"/>
      <c r="EIT137" s="23"/>
      <c r="EIU137" s="23"/>
      <c r="EIV137" s="23"/>
      <c r="EIW137" s="23"/>
      <c r="EIX137" s="23"/>
      <c r="EIY137" s="23"/>
      <c r="EIZ137" s="23"/>
      <c r="EJA137" s="23"/>
      <c r="EJB137" s="23"/>
      <c r="EJC137" s="23"/>
      <c r="EJD137" s="23"/>
      <c r="EJE137" s="23"/>
      <c r="EJF137" s="23"/>
      <c r="EJG137" s="23"/>
      <c r="EJH137" s="23"/>
      <c r="EJI137" s="23"/>
      <c r="EJJ137" s="23"/>
      <c r="EJK137" s="23"/>
      <c r="EJL137" s="23"/>
      <c r="EJM137" s="23"/>
      <c r="EJN137" s="23"/>
      <c r="EJO137" s="23"/>
      <c r="EJP137" s="23"/>
      <c r="EJQ137" s="23"/>
      <c r="EJR137" s="23"/>
      <c r="EJS137" s="23"/>
      <c r="EJT137" s="23"/>
      <c r="EJU137" s="23"/>
      <c r="EJV137" s="23"/>
      <c r="EJW137" s="23"/>
      <c r="EJX137" s="23"/>
      <c r="EJY137" s="23"/>
      <c r="EJZ137" s="23"/>
      <c r="EKA137" s="23"/>
      <c r="EKB137" s="23"/>
      <c r="EKC137" s="23"/>
      <c r="EKD137" s="23"/>
      <c r="EKE137" s="23"/>
      <c r="EKF137" s="23"/>
      <c r="EKG137" s="23"/>
      <c r="EKH137" s="23"/>
      <c r="EKI137" s="23"/>
      <c r="EKJ137" s="23"/>
      <c r="EKK137" s="23"/>
      <c r="EKL137" s="23"/>
      <c r="EKM137" s="23"/>
      <c r="EKN137" s="23"/>
      <c r="EKO137" s="23"/>
      <c r="EKP137" s="23"/>
      <c r="EKQ137" s="23"/>
      <c r="EKR137" s="23"/>
      <c r="EKS137" s="23"/>
      <c r="EKT137" s="23"/>
      <c r="EKU137" s="23"/>
      <c r="EKV137" s="23"/>
      <c r="EKW137" s="23"/>
      <c r="EKX137" s="23"/>
      <c r="EKY137" s="23"/>
      <c r="EKZ137" s="23"/>
      <c r="ELA137" s="23"/>
      <c r="ELB137" s="23"/>
      <c r="ELC137" s="23"/>
      <c r="ELD137" s="23"/>
      <c r="ELE137" s="23"/>
      <c r="ELF137" s="23"/>
      <c r="ELG137" s="23"/>
      <c r="ELH137" s="23"/>
      <c r="ELI137" s="23"/>
      <c r="ELJ137" s="23"/>
      <c r="ELK137" s="23"/>
      <c r="ELL137" s="23"/>
      <c r="ELM137" s="23"/>
      <c r="ELN137" s="23"/>
      <c r="ELO137" s="23"/>
      <c r="ELP137" s="23"/>
      <c r="ELQ137" s="23"/>
      <c r="ELR137" s="23"/>
      <c r="ELS137" s="23"/>
      <c r="ELT137" s="23"/>
      <c r="ELU137" s="23"/>
      <c r="ELV137" s="23"/>
      <c r="ELW137" s="23"/>
      <c r="ELX137" s="23"/>
      <c r="ELY137" s="23"/>
      <c r="ELZ137" s="23"/>
      <c r="EMA137" s="23"/>
      <c r="EMB137" s="23"/>
      <c r="EMC137" s="23"/>
      <c r="EMD137" s="23"/>
      <c r="EME137" s="23"/>
      <c r="EMF137" s="23"/>
      <c r="EMG137" s="23"/>
      <c r="EMH137" s="23"/>
      <c r="EMI137" s="23"/>
      <c r="EMJ137" s="23"/>
      <c r="EMK137" s="23"/>
      <c r="EML137" s="23"/>
      <c r="EMM137" s="23"/>
      <c r="EMN137" s="23"/>
      <c r="EMO137" s="23"/>
      <c r="EMP137" s="23"/>
      <c r="EMQ137" s="23"/>
      <c r="EMR137" s="23"/>
      <c r="EMS137" s="23"/>
      <c r="EMT137" s="23"/>
      <c r="EMU137" s="23"/>
      <c r="EMV137" s="23"/>
      <c r="EMW137" s="23"/>
      <c r="EMX137" s="23"/>
      <c r="EMY137" s="23"/>
      <c r="EMZ137" s="23"/>
      <c r="ENA137" s="23"/>
      <c r="ENB137" s="23"/>
      <c r="ENC137" s="23"/>
      <c r="END137" s="23"/>
      <c r="ENE137" s="23"/>
      <c r="ENF137" s="23"/>
      <c r="ENG137" s="23"/>
      <c r="ENH137" s="23"/>
      <c r="ENI137" s="23"/>
      <c r="ENJ137" s="23"/>
      <c r="ENK137" s="23"/>
      <c r="ENL137" s="23"/>
      <c r="ENM137" s="23"/>
      <c r="ENN137" s="23"/>
      <c r="ENO137" s="23"/>
      <c r="ENP137" s="23"/>
      <c r="ENQ137" s="23"/>
      <c r="ENR137" s="23"/>
      <c r="ENS137" s="23"/>
      <c r="ENT137" s="23"/>
      <c r="ENU137" s="23"/>
      <c r="ENV137" s="23"/>
      <c r="ENW137" s="23"/>
      <c r="ENX137" s="23"/>
      <c r="ENY137" s="23"/>
      <c r="ENZ137" s="23"/>
      <c r="EOA137" s="23"/>
      <c r="EOB137" s="23"/>
      <c r="EOC137" s="23"/>
      <c r="EOD137" s="23"/>
      <c r="EOE137" s="23"/>
      <c r="EOF137" s="23"/>
      <c r="EOG137" s="23"/>
      <c r="EOH137" s="23"/>
      <c r="EOI137" s="23"/>
      <c r="EOJ137" s="23"/>
      <c r="EOK137" s="23"/>
      <c r="EOL137" s="23"/>
      <c r="EOM137" s="23"/>
      <c r="EON137" s="23"/>
      <c r="EOO137" s="23"/>
      <c r="EOP137" s="23"/>
      <c r="EOQ137" s="23"/>
      <c r="EOR137" s="23"/>
      <c r="EOS137" s="23"/>
      <c r="EOT137" s="23"/>
      <c r="EOU137" s="23"/>
      <c r="EOV137" s="23"/>
      <c r="EOW137" s="23"/>
      <c r="EOX137" s="23"/>
      <c r="EOY137" s="23"/>
      <c r="EOZ137" s="23"/>
      <c r="EPA137" s="23"/>
      <c r="EPB137" s="23"/>
      <c r="EPC137" s="23"/>
      <c r="EPD137" s="23"/>
      <c r="EPE137" s="23"/>
      <c r="EPF137" s="23"/>
      <c r="EPG137" s="23"/>
      <c r="EPH137" s="23"/>
      <c r="EPI137" s="23"/>
      <c r="EPJ137" s="23"/>
      <c r="EPK137" s="23"/>
      <c r="EPL137" s="23"/>
      <c r="EPM137" s="23"/>
      <c r="EPN137" s="23"/>
      <c r="EPO137" s="23"/>
      <c r="EPP137" s="23"/>
      <c r="EPQ137" s="23"/>
      <c r="EPR137" s="23"/>
      <c r="EPS137" s="23"/>
      <c r="EPT137" s="23"/>
      <c r="EPU137" s="23"/>
      <c r="EPV137" s="23"/>
      <c r="EPW137" s="23"/>
      <c r="EPX137" s="23"/>
      <c r="EPY137" s="23"/>
      <c r="EPZ137" s="23"/>
      <c r="EQA137" s="23"/>
      <c r="EQB137" s="23"/>
      <c r="EQC137" s="23"/>
      <c r="EQD137" s="23"/>
      <c r="EQE137" s="23"/>
      <c r="EQF137" s="23"/>
      <c r="EQG137" s="23"/>
      <c r="EQH137" s="23"/>
      <c r="EQI137" s="23"/>
      <c r="EQJ137" s="23"/>
      <c r="EQK137" s="23"/>
      <c r="EQL137" s="23"/>
      <c r="EQM137" s="23"/>
      <c r="EQN137" s="23"/>
      <c r="EQO137" s="23"/>
      <c r="EQP137" s="23"/>
      <c r="EQQ137" s="23"/>
      <c r="EQR137" s="23"/>
      <c r="EQS137" s="23"/>
      <c r="EQT137" s="23"/>
      <c r="EQU137" s="23"/>
      <c r="EQV137" s="23"/>
      <c r="EQW137" s="23"/>
      <c r="EQX137" s="23"/>
      <c r="EQY137" s="23"/>
      <c r="EQZ137" s="23"/>
      <c r="ERA137" s="23"/>
      <c r="ERB137" s="23"/>
      <c r="ERC137" s="23"/>
      <c r="ERD137" s="23"/>
      <c r="ERE137" s="23"/>
      <c r="ERF137" s="23"/>
      <c r="ERG137" s="23"/>
      <c r="ERH137" s="23"/>
      <c r="ERI137" s="23"/>
      <c r="ERJ137" s="23"/>
      <c r="ERK137" s="23"/>
      <c r="ERL137" s="23"/>
      <c r="ERM137" s="23"/>
      <c r="ERN137" s="23"/>
      <c r="ERO137" s="23"/>
      <c r="ERP137" s="23"/>
      <c r="ERQ137" s="23"/>
      <c r="ERR137" s="23"/>
      <c r="ERS137" s="23"/>
      <c r="ERT137" s="23"/>
      <c r="ERU137" s="23"/>
      <c r="ERV137" s="23"/>
      <c r="ERW137" s="23"/>
      <c r="ERX137" s="23"/>
      <c r="ERY137" s="23"/>
      <c r="ERZ137" s="23"/>
      <c r="ESA137" s="23"/>
      <c r="ESB137" s="23"/>
      <c r="ESC137" s="23"/>
      <c r="ESD137" s="23"/>
      <c r="ESE137" s="23"/>
      <c r="ESF137" s="23"/>
      <c r="ESG137" s="23"/>
      <c r="ESH137" s="23"/>
      <c r="ESI137" s="23"/>
      <c r="ESJ137" s="23"/>
      <c r="ESK137" s="23"/>
      <c r="ESL137" s="23"/>
      <c r="ESM137" s="23"/>
      <c r="ESN137" s="23"/>
      <c r="ESO137" s="23"/>
      <c r="ESP137" s="23"/>
      <c r="ESQ137" s="23"/>
      <c r="ESR137" s="23"/>
      <c r="ESS137" s="23"/>
      <c r="EST137" s="23"/>
      <c r="ESU137" s="23"/>
      <c r="ESV137" s="23"/>
      <c r="ESW137" s="23"/>
      <c r="ESX137" s="23"/>
      <c r="ESY137" s="23"/>
      <c r="ESZ137" s="23"/>
      <c r="ETA137" s="23"/>
      <c r="ETB137" s="23"/>
      <c r="ETC137" s="23"/>
      <c r="ETD137" s="23"/>
      <c r="ETE137" s="23"/>
      <c r="ETF137" s="23"/>
      <c r="ETG137" s="23"/>
      <c r="ETH137" s="23"/>
      <c r="ETI137" s="23"/>
      <c r="ETJ137" s="23"/>
      <c r="ETK137" s="23"/>
      <c r="ETL137" s="23"/>
      <c r="ETM137" s="23"/>
      <c r="ETN137" s="23"/>
      <c r="ETO137" s="23"/>
      <c r="ETP137" s="23"/>
      <c r="ETQ137" s="23"/>
      <c r="ETR137" s="23"/>
      <c r="ETS137" s="23"/>
      <c r="ETT137" s="23"/>
      <c r="ETU137" s="23"/>
      <c r="ETV137" s="23"/>
      <c r="ETW137" s="23"/>
      <c r="ETX137" s="23"/>
      <c r="ETY137" s="23"/>
      <c r="ETZ137" s="23"/>
      <c r="EUA137" s="23"/>
      <c r="EUB137" s="23"/>
      <c r="EUC137" s="23"/>
      <c r="EUD137" s="23"/>
      <c r="EUE137" s="23"/>
      <c r="EUF137" s="23"/>
      <c r="EUG137" s="23"/>
      <c r="EUH137" s="23"/>
      <c r="EUI137" s="23"/>
      <c r="EUJ137" s="23"/>
      <c r="EUK137" s="23"/>
      <c r="EUL137" s="23"/>
      <c r="EUM137" s="23"/>
      <c r="EUN137" s="23"/>
      <c r="EUO137" s="23"/>
      <c r="EUP137" s="23"/>
      <c r="EUQ137" s="23"/>
      <c r="EUR137" s="23"/>
      <c r="EUS137" s="23"/>
      <c r="EUT137" s="23"/>
      <c r="EUU137" s="23"/>
      <c r="EUV137" s="23"/>
      <c r="EUW137" s="23"/>
      <c r="EUX137" s="23"/>
      <c r="EUY137" s="23"/>
      <c r="EUZ137" s="23"/>
      <c r="EVA137" s="23"/>
      <c r="EVB137" s="23"/>
      <c r="EVC137" s="23"/>
      <c r="EVD137" s="23"/>
      <c r="EVE137" s="23"/>
      <c r="EVF137" s="23"/>
      <c r="EVG137" s="23"/>
      <c r="EVH137" s="23"/>
      <c r="EVI137" s="23"/>
      <c r="EVJ137" s="23"/>
      <c r="EVK137" s="23"/>
      <c r="EVL137" s="23"/>
      <c r="EVM137" s="23"/>
      <c r="EVN137" s="23"/>
      <c r="EVO137" s="23"/>
      <c r="EVP137" s="23"/>
      <c r="EVQ137" s="23"/>
      <c r="EVR137" s="23"/>
      <c r="EVS137" s="23"/>
      <c r="EVT137" s="23"/>
      <c r="EVU137" s="23"/>
      <c r="EVV137" s="23"/>
      <c r="EVW137" s="23"/>
      <c r="EVX137" s="23"/>
      <c r="EVY137" s="23"/>
      <c r="EVZ137" s="23"/>
      <c r="EWA137" s="23"/>
      <c r="EWB137" s="23"/>
      <c r="EWC137" s="23"/>
      <c r="EWD137" s="23"/>
      <c r="EWE137" s="23"/>
      <c r="EWF137" s="23"/>
      <c r="EWG137" s="23"/>
      <c r="EWH137" s="23"/>
      <c r="EWI137" s="23"/>
      <c r="EWJ137" s="23"/>
      <c r="EWK137" s="23"/>
      <c r="EWL137" s="23"/>
      <c r="EWM137" s="23"/>
      <c r="EWN137" s="23"/>
      <c r="EWO137" s="23"/>
      <c r="EWP137" s="23"/>
      <c r="EWQ137" s="23"/>
      <c r="EWR137" s="23"/>
      <c r="EWS137" s="23"/>
      <c r="EWT137" s="23"/>
      <c r="EWU137" s="23"/>
      <c r="EWV137" s="23"/>
      <c r="EWW137" s="23"/>
      <c r="EWX137" s="23"/>
      <c r="EWY137" s="23"/>
      <c r="EWZ137" s="23"/>
      <c r="EXA137" s="23"/>
      <c r="EXB137" s="23"/>
      <c r="EXC137" s="23"/>
      <c r="EXD137" s="23"/>
      <c r="EXE137" s="23"/>
      <c r="EXF137" s="23"/>
      <c r="EXG137" s="23"/>
      <c r="EXH137" s="23"/>
      <c r="EXI137" s="23"/>
      <c r="EXJ137" s="23"/>
      <c r="EXK137" s="23"/>
      <c r="EXL137" s="23"/>
      <c r="EXM137" s="23"/>
      <c r="EXN137" s="23"/>
      <c r="EXO137" s="23"/>
      <c r="EXP137" s="23"/>
      <c r="EXQ137" s="23"/>
      <c r="EXR137" s="23"/>
      <c r="EXS137" s="23"/>
      <c r="EXT137" s="23"/>
      <c r="EXU137" s="23"/>
      <c r="EXV137" s="23"/>
      <c r="EXW137" s="23"/>
      <c r="EXX137" s="23"/>
      <c r="EXY137" s="23"/>
      <c r="EXZ137" s="23"/>
      <c r="EYA137" s="23"/>
      <c r="EYB137" s="23"/>
      <c r="EYC137" s="23"/>
      <c r="EYD137" s="23"/>
      <c r="EYE137" s="23"/>
      <c r="EYF137" s="23"/>
      <c r="EYG137" s="23"/>
      <c r="EYH137" s="23"/>
      <c r="EYI137" s="23"/>
      <c r="EYJ137" s="23"/>
      <c r="EYK137" s="23"/>
      <c r="EYL137" s="23"/>
      <c r="EYM137" s="23"/>
      <c r="EYN137" s="23"/>
      <c r="EYO137" s="23"/>
      <c r="EYP137" s="23"/>
      <c r="EYQ137" s="23"/>
      <c r="EYR137" s="23"/>
      <c r="EYS137" s="23"/>
      <c r="EYT137" s="23"/>
      <c r="EYU137" s="23"/>
      <c r="EYV137" s="23"/>
      <c r="EYW137" s="23"/>
      <c r="EYX137" s="23"/>
      <c r="EYY137" s="23"/>
      <c r="EYZ137" s="23"/>
      <c r="EZA137" s="23"/>
      <c r="EZB137" s="23"/>
      <c r="EZC137" s="23"/>
      <c r="EZD137" s="23"/>
      <c r="EZE137" s="23"/>
      <c r="EZF137" s="23"/>
      <c r="EZG137" s="23"/>
      <c r="EZH137" s="23"/>
      <c r="EZI137" s="23"/>
      <c r="EZJ137" s="23"/>
      <c r="EZK137" s="23"/>
      <c r="EZL137" s="23"/>
      <c r="EZM137" s="23"/>
      <c r="EZN137" s="23"/>
      <c r="EZO137" s="23"/>
      <c r="EZP137" s="23"/>
      <c r="EZQ137" s="23"/>
      <c r="EZR137" s="23"/>
      <c r="EZS137" s="23"/>
      <c r="EZT137" s="23"/>
      <c r="EZU137" s="23"/>
      <c r="EZV137" s="23"/>
      <c r="EZW137" s="23"/>
      <c r="EZX137" s="23"/>
      <c r="EZY137" s="23"/>
      <c r="EZZ137" s="23"/>
      <c r="FAA137" s="23"/>
      <c r="FAB137" s="23"/>
      <c r="FAC137" s="23"/>
      <c r="FAD137" s="23"/>
      <c r="FAE137" s="23"/>
      <c r="FAF137" s="23"/>
      <c r="FAG137" s="23"/>
      <c r="FAH137" s="23"/>
      <c r="FAI137" s="23"/>
      <c r="FAJ137" s="23"/>
      <c r="FAK137" s="23"/>
      <c r="FAL137" s="23"/>
      <c r="FAM137" s="23"/>
      <c r="FAN137" s="23"/>
      <c r="FAO137" s="23"/>
      <c r="FAP137" s="23"/>
      <c r="FAQ137" s="23"/>
      <c r="FAR137" s="23"/>
      <c r="FAS137" s="23"/>
      <c r="FAT137" s="23"/>
      <c r="FAU137" s="23"/>
      <c r="FAV137" s="23"/>
      <c r="FAW137" s="23"/>
      <c r="FAX137" s="23"/>
      <c r="FAY137" s="23"/>
      <c r="FAZ137" s="23"/>
      <c r="FBA137" s="23"/>
      <c r="FBB137" s="23"/>
      <c r="FBC137" s="23"/>
      <c r="FBD137" s="23"/>
      <c r="FBE137" s="23"/>
      <c r="FBF137" s="23"/>
      <c r="FBG137" s="23"/>
      <c r="FBH137" s="23"/>
      <c r="FBI137" s="23"/>
      <c r="FBJ137" s="23"/>
      <c r="FBK137" s="23"/>
      <c r="FBL137" s="23"/>
      <c r="FBM137" s="23"/>
      <c r="FBN137" s="23"/>
      <c r="FBO137" s="23"/>
      <c r="FBP137" s="23"/>
      <c r="FBQ137" s="23"/>
      <c r="FBR137" s="23"/>
      <c r="FBS137" s="23"/>
      <c r="FBT137" s="23"/>
      <c r="FBU137" s="23"/>
      <c r="FBV137" s="23"/>
      <c r="FBW137" s="23"/>
      <c r="FBX137" s="23"/>
      <c r="FBY137" s="23"/>
      <c r="FBZ137" s="23"/>
      <c r="FCA137" s="23"/>
      <c r="FCB137" s="23"/>
      <c r="FCC137" s="23"/>
      <c r="FCD137" s="23"/>
      <c r="FCE137" s="23"/>
      <c r="FCF137" s="23"/>
      <c r="FCG137" s="23"/>
      <c r="FCH137" s="23"/>
      <c r="FCI137" s="23"/>
      <c r="FCJ137" s="23"/>
      <c r="FCK137" s="23"/>
      <c r="FCL137" s="23"/>
      <c r="FCM137" s="23"/>
      <c r="FCN137" s="23"/>
      <c r="FCO137" s="23"/>
      <c r="FCP137" s="23"/>
      <c r="FCQ137" s="23"/>
      <c r="FCR137" s="23"/>
      <c r="FCS137" s="23"/>
      <c r="FCT137" s="23"/>
      <c r="FCU137" s="23"/>
      <c r="FCV137" s="23"/>
      <c r="FCW137" s="23"/>
      <c r="FCX137" s="23"/>
      <c r="FCY137" s="23"/>
      <c r="FCZ137" s="23"/>
      <c r="FDA137" s="23"/>
      <c r="FDB137" s="23"/>
      <c r="FDC137" s="23"/>
      <c r="FDD137" s="23"/>
      <c r="FDE137" s="23"/>
      <c r="FDF137" s="23"/>
      <c r="FDG137" s="23"/>
      <c r="FDH137" s="23"/>
      <c r="FDI137" s="23"/>
      <c r="FDJ137" s="23"/>
      <c r="FDK137" s="23"/>
      <c r="FDL137" s="23"/>
      <c r="FDM137" s="23"/>
      <c r="FDN137" s="23"/>
      <c r="FDO137" s="23"/>
      <c r="FDP137" s="23"/>
      <c r="FDQ137" s="23"/>
      <c r="FDR137" s="23"/>
      <c r="FDS137" s="23"/>
      <c r="FDT137" s="23"/>
      <c r="FDU137" s="23"/>
      <c r="FDV137" s="23"/>
      <c r="FDW137" s="23"/>
      <c r="FDX137" s="23"/>
      <c r="FDY137" s="23"/>
      <c r="FDZ137" s="23"/>
      <c r="FEA137" s="23"/>
      <c r="FEB137" s="23"/>
      <c r="FEC137" s="23"/>
      <c r="FED137" s="23"/>
      <c r="FEE137" s="23"/>
      <c r="FEF137" s="23"/>
      <c r="FEG137" s="23"/>
      <c r="FEH137" s="23"/>
      <c r="FEI137" s="23"/>
      <c r="FEJ137" s="23"/>
      <c r="FEK137" s="23"/>
      <c r="FEL137" s="23"/>
      <c r="FEM137" s="23"/>
      <c r="FEN137" s="23"/>
      <c r="FEO137" s="23"/>
      <c r="FEP137" s="23"/>
      <c r="FEQ137" s="23"/>
      <c r="FER137" s="23"/>
      <c r="FES137" s="23"/>
      <c r="FET137" s="23"/>
      <c r="FEU137" s="23"/>
      <c r="FEV137" s="23"/>
      <c r="FEW137" s="23"/>
      <c r="FEX137" s="23"/>
      <c r="FEY137" s="23"/>
      <c r="FEZ137" s="23"/>
      <c r="FFA137" s="23"/>
      <c r="FFB137" s="23"/>
      <c r="FFC137" s="23"/>
      <c r="FFD137" s="23"/>
      <c r="FFE137" s="23"/>
      <c r="FFF137" s="23"/>
      <c r="FFG137" s="23"/>
      <c r="FFH137" s="23"/>
      <c r="FFI137" s="23"/>
      <c r="FFJ137" s="23"/>
      <c r="FFK137" s="23"/>
      <c r="FFL137" s="23"/>
      <c r="FFM137" s="23"/>
      <c r="FFN137" s="23"/>
      <c r="FFO137" s="23"/>
      <c r="FFP137" s="23"/>
      <c r="FFQ137" s="23"/>
      <c r="FFR137" s="23"/>
      <c r="FFS137" s="23"/>
      <c r="FFT137" s="23"/>
      <c r="FFU137" s="23"/>
      <c r="FFV137" s="23"/>
      <c r="FFW137" s="23"/>
      <c r="FFX137" s="23"/>
      <c r="FFY137" s="23"/>
      <c r="FFZ137" s="23"/>
      <c r="FGA137" s="23"/>
      <c r="FGB137" s="23"/>
      <c r="FGC137" s="23"/>
      <c r="FGD137" s="23"/>
      <c r="FGE137" s="23"/>
      <c r="FGF137" s="23"/>
      <c r="FGG137" s="23"/>
      <c r="FGH137" s="23"/>
      <c r="FGI137" s="23"/>
      <c r="FGJ137" s="23"/>
      <c r="FGK137" s="23"/>
      <c r="FGL137" s="23"/>
      <c r="FGM137" s="23"/>
      <c r="FGN137" s="23"/>
      <c r="FGO137" s="23"/>
      <c r="FGP137" s="23"/>
      <c r="FGQ137" s="23"/>
      <c r="FGR137" s="23"/>
      <c r="FGS137" s="23"/>
      <c r="FGT137" s="23"/>
      <c r="FGU137" s="23"/>
      <c r="FGV137" s="23"/>
      <c r="FGW137" s="23"/>
      <c r="FGX137" s="23"/>
      <c r="FGY137" s="23"/>
      <c r="FGZ137" s="23"/>
      <c r="FHA137" s="23"/>
      <c r="FHB137" s="23"/>
      <c r="FHC137" s="23"/>
      <c r="FHD137" s="23"/>
      <c r="FHE137" s="23"/>
      <c r="FHF137" s="23"/>
      <c r="FHG137" s="23"/>
      <c r="FHH137" s="23"/>
      <c r="FHI137" s="23"/>
      <c r="FHJ137" s="23"/>
      <c r="FHK137" s="23"/>
      <c r="FHL137" s="23"/>
      <c r="FHM137" s="23"/>
      <c r="FHN137" s="23"/>
      <c r="FHO137" s="23"/>
      <c r="FHP137" s="23"/>
      <c r="FHQ137" s="23"/>
      <c r="FHR137" s="23"/>
      <c r="FHS137" s="23"/>
      <c r="FHT137" s="23"/>
      <c r="FHU137" s="23"/>
      <c r="FHV137" s="23"/>
      <c r="FHW137" s="23"/>
      <c r="FHX137" s="23"/>
      <c r="FHY137" s="23"/>
      <c r="FHZ137" s="23"/>
      <c r="FIA137" s="23"/>
      <c r="FIB137" s="23"/>
      <c r="FIC137" s="23"/>
      <c r="FID137" s="23"/>
      <c r="FIE137" s="23"/>
      <c r="FIF137" s="23"/>
      <c r="FIG137" s="23"/>
      <c r="FIH137" s="23"/>
      <c r="FII137" s="23"/>
      <c r="FIJ137" s="23"/>
      <c r="FIK137" s="23"/>
      <c r="FIL137" s="23"/>
      <c r="FIM137" s="23"/>
      <c r="FIN137" s="23"/>
      <c r="FIO137" s="23"/>
      <c r="FIP137" s="23"/>
      <c r="FIQ137" s="23"/>
      <c r="FIR137" s="23"/>
      <c r="FIS137" s="23"/>
      <c r="FIT137" s="23"/>
      <c r="FIU137" s="23"/>
      <c r="FIV137" s="23"/>
      <c r="FIW137" s="23"/>
      <c r="FIX137" s="23"/>
      <c r="FIY137" s="23"/>
      <c r="FIZ137" s="23"/>
      <c r="FJA137" s="23"/>
      <c r="FJB137" s="23"/>
      <c r="FJC137" s="23"/>
      <c r="FJD137" s="23"/>
      <c r="FJE137" s="23"/>
      <c r="FJF137" s="23"/>
      <c r="FJG137" s="23"/>
      <c r="FJH137" s="23"/>
      <c r="FJI137" s="23"/>
      <c r="FJJ137" s="23"/>
      <c r="FJK137" s="23"/>
      <c r="FJL137" s="23"/>
      <c r="FJM137" s="23"/>
      <c r="FJN137" s="23"/>
      <c r="FJO137" s="23"/>
      <c r="FJP137" s="23"/>
      <c r="FJQ137" s="23"/>
      <c r="FJR137" s="23"/>
      <c r="FJS137" s="23"/>
      <c r="FJT137" s="23"/>
      <c r="FJU137" s="23"/>
      <c r="FJV137" s="23"/>
      <c r="FJW137" s="23"/>
      <c r="FJX137" s="23"/>
      <c r="FJY137" s="23"/>
      <c r="FJZ137" s="23"/>
      <c r="FKA137" s="23"/>
      <c r="FKB137" s="23"/>
      <c r="FKC137" s="23"/>
      <c r="FKD137" s="23"/>
      <c r="FKE137" s="23"/>
      <c r="FKF137" s="23"/>
      <c r="FKG137" s="23"/>
      <c r="FKH137" s="23"/>
      <c r="FKI137" s="23"/>
      <c r="FKJ137" s="23"/>
      <c r="FKK137" s="23"/>
      <c r="FKL137" s="23"/>
      <c r="FKM137" s="23"/>
      <c r="FKN137" s="23"/>
      <c r="FKO137" s="23"/>
      <c r="FKP137" s="23"/>
      <c r="FKQ137" s="23"/>
      <c r="FKR137" s="23"/>
      <c r="FKS137" s="23"/>
      <c r="FKT137" s="23"/>
      <c r="FKU137" s="23"/>
      <c r="FKV137" s="23"/>
      <c r="FKW137" s="23"/>
      <c r="FKX137" s="23"/>
      <c r="FKY137" s="23"/>
      <c r="FKZ137" s="23"/>
      <c r="FLA137" s="23"/>
      <c r="FLB137" s="23"/>
      <c r="FLC137" s="23"/>
      <c r="FLD137" s="23"/>
      <c r="FLE137" s="23"/>
      <c r="FLF137" s="23"/>
      <c r="FLG137" s="23"/>
      <c r="FLH137" s="23"/>
      <c r="FLI137" s="23"/>
      <c r="FLJ137" s="23"/>
      <c r="FLK137" s="23"/>
      <c r="FLL137" s="23"/>
      <c r="FLM137" s="23"/>
      <c r="FLN137" s="23"/>
      <c r="FLO137" s="23"/>
      <c r="FLP137" s="23"/>
      <c r="FLQ137" s="23"/>
      <c r="FLR137" s="23"/>
      <c r="FLS137" s="23"/>
      <c r="FLT137" s="23"/>
      <c r="FLU137" s="23"/>
      <c r="FLV137" s="23"/>
      <c r="FLW137" s="23"/>
      <c r="FLX137" s="23"/>
      <c r="FLY137" s="23"/>
      <c r="FLZ137" s="23"/>
      <c r="FMA137" s="23"/>
      <c r="FMB137" s="23"/>
      <c r="FMC137" s="23"/>
      <c r="FMD137" s="23"/>
      <c r="FME137" s="23"/>
      <c r="FMF137" s="23"/>
      <c r="FMG137" s="23"/>
      <c r="FMH137" s="23"/>
      <c r="FMI137" s="23"/>
      <c r="FMJ137" s="23"/>
      <c r="FMK137" s="23"/>
      <c r="FML137" s="23"/>
      <c r="FMM137" s="23"/>
      <c r="FMN137" s="23"/>
      <c r="FMO137" s="23"/>
      <c r="FMP137" s="23"/>
      <c r="FMQ137" s="23"/>
      <c r="FMR137" s="23"/>
      <c r="FMS137" s="23"/>
      <c r="FMT137" s="23"/>
      <c r="FMU137" s="23"/>
      <c r="FMV137" s="23"/>
      <c r="FMW137" s="23"/>
      <c r="FMX137" s="23"/>
      <c r="FMY137" s="23"/>
      <c r="FMZ137" s="23"/>
      <c r="FNA137" s="23"/>
      <c r="FNB137" s="23"/>
      <c r="FNC137" s="23"/>
      <c r="FND137" s="23"/>
      <c r="FNE137" s="23"/>
      <c r="FNF137" s="23"/>
      <c r="FNG137" s="23"/>
      <c r="FNH137" s="23"/>
      <c r="FNI137" s="23"/>
      <c r="FNJ137" s="23"/>
      <c r="FNK137" s="23"/>
      <c r="FNL137" s="23"/>
      <c r="FNM137" s="23"/>
      <c r="FNN137" s="23"/>
      <c r="FNO137" s="23"/>
      <c r="FNP137" s="23"/>
      <c r="FNQ137" s="23"/>
      <c r="FNR137" s="23"/>
      <c r="FNS137" s="23"/>
      <c r="FNT137" s="23"/>
      <c r="FNU137" s="23"/>
      <c r="FNV137" s="23"/>
      <c r="FNW137" s="23"/>
      <c r="FNX137" s="23"/>
      <c r="FNY137" s="23"/>
      <c r="FNZ137" s="23"/>
      <c r="FOA137" s="23"/>
      <c r="FOB137" s="23"/>
      <c r="FOC137" s="23"/>
      <c r="FOD137" s="23"/>
      <c r="FOE137" s="23"/>
      <c r="FOF137" s="23"/>
      <c r="FOG137" s="23"/>
      <c r="FOH137" s="23"/>
      <c r="FOI137" s="23"/>
      <c r="FOJ137" s="23"/>
      <c r="FOK137" s="23"/>
      <c r="FOL137" s="23"/>
      <c r="FOM137" s="23"/>
      <c r="FON137" s="23"/>
      <c r="FOO137" s="23"/>
      <c r="FOP137" s="23"/>
      <c r="FOQ137" s="23"/>
      <c r="FOR137" s="23"/>
      <c r="FOS137" s="23"/>
      <c r="FOT137" s="23"/>
      <c r="FOU137" s="23"/>
      <c r="FOV137" s="23"/>
      <c r="FOW137" s="23"/>
      <c r="FOX137" s="23"/>
      <c r="FOY137" s="23"/>
      <c r="FOZ137" s="23"/>
      <c r="FPA137" s="23"/>
      <c r="FPB137" s="23"/>
      <c r="FPC137" s="23"/>
      <c r="FPD137" s="23"/>
      <c r="FPE137" s="23"/>
      <c r="FPF137" s="23"/>
      <c r="FPG137" s="23"/>
      <c r="FPH137" s="23"/>
      <c r="FPI137" s="23"/>
      <c r="FPJ137" s="23"/>
      <c r="FPK137" s="23"/>
      <c r="FPL137" s="23"/>
      <c r="FPM137" s="23"/>
      <c r="FPN137" s="23"/>
      <c r="FPO137" s="23"/>
      <c r="FPP137" s="23"/>
      <c r="FPQ137" s="23"/>
      <c r="FPR137" s="23"/>
      <c r="FPS137" s="23"/>
      <c r="FPT137" s="23"/>
      <c r="FPU137" s="23"/>
      <c r="FPV137" s="23"/>
      <c r="FPW137" s="23"/>
      <c r="FPX137" s="23"/>
      <c r="FPY137" s="23"/>
      <c r="FPZ137" s="23"/>
      <c r="FQA137" s="23"/>
      <c r="FQB137" s="23"/>
      <c r="FQC137" s="23"/>
      <c r="FQD137" s="23"/>
      <c r="FQE137" s="23"/>
      <c r="FQF137" s="23"/>
      <c r="FQG137" s="23"/>
      <c r="FQH137" s="23"/>
      <c r="FQI137" s="23"/>
      <c r="FQJ137" s="23"/>
      <c r="FQK137" s="23"/>
      <c r="FQL137" s="23"/>
      <c r="FQM137" s="23"/>
      <c r="FQN137" s="23"/>
      <c r="FQO137" s="23"/>
      <c r="FQP137" s="23"/>
      <c r="FQQ137" s="23"/>
      <c r="FQR137" s="23"/>
      <c r="FQS137" s="23"/>
      <c r="FQT137" s="23"/>
      <c r="FQU137" s="23"/>
      <c r="FQV137" s="23"/>
      <c r="FQW137" s="23"/>
      <c r="FQX137" s="23"/>
      <c r="FQY137" s="23"/>
      <c r="FQZ137" s="23"/>
      <c r="FRA137" s="23"/>
      <c r="FRB137" s="23"/>
      <c r="FRC137" s="23"/>
      <c r="FRD137" s="23"/>
      <c r="FRE137" s="23"/>
      <c r="FRF137" s="23"/>
      <c r="FRG137" s="23"/>
      <c r="FRH137" s="23"/>
      <c r="FRI137" s="23"/>
      <c r="FRJ137" s="23"/>
      <c r="FRK137" s="23"/>
      <c r="FRL137" s="23"/>
      <c r="FRM137" s="23"/>
      <c r="FRN137" s="23"/>
      <c r="FRO137" s="23"/>
      <c r="FRP137" s="23"/>
      <c r="FRQ137" s="23"/>
      <c r="FRR137" s="23"/>
      <c r="FRS137" s="23"/>
      <c r="FRT137" s="23"/>
      <c r="FRU137" s="23"/>
      <c r="FRV137" s="23"/>
      <c r="FRW137" s="23"/>
      <c r="FRX137" s="23"/>
      <c r="FRY137" s="23"/>
      <c r="FRZ137" s="23"/>
      <c r="FSA137" s="23"/>
      <c r="FSB137" s="23"/>
      <c r="FSC137" s="23"/>
      <c r="FSD137" s="23"/>
      <c r="FSE137" s="23"/>
      <c r="FSF137" s="23"/>
      <c r="FSG137" s="23"/>
      <c r="FSH137" s="23"/>
      <c r="FSI137" s="23"/>
      <c r="FSJ137" s="23"/>
      <c r="FSK137" s="23"/>
      <c r="FSL137" s="23"/>
      <c r="FSM137" s="23"/>
      <c r="FSN137" s="23"/>
      <c r="FSO137" s="23"/>
      <c r="FSP137" s="23"/>
      <c r="FSQ137" s="23"/>
      <c r="FSR137" s="23"/>
      <c r="FSS137" s="23"/>
      <c r="FST137" s="23"/>
      <c r="FSU137" s="23"/>
      <c r="FSV137" s="23"/>
      <c r="FSW137" s="23"/>
      <c r="FSX137" s="23"/>
      <c r="FSY137" s="23"/>
      <c r="FSZ137" s="23"/>
      <c r="FTA137" s="23"/>
      <c r="FTB137" s="23"/>
      <c r="FTC137" s="23"/>
      <c r="FTD137" s="23"/>
      <c r="FTE137" s="23"/>
      <c r="FTF137" s="23"/>
      <c r="FTG137" s="23"/>
      <c r="FTH137" s="23"/>
      <c r="FTI137" s="23"/>
      <c r="FTJ137" s="23"/>
      <c r="FTK137" s="23"/>
      <c r="FTL137" s="23"/>
      <c r="FTM137" s="23"/>
      <c r="FTN137" s="23"/>
      <c r="FTO137" s="23"/>
      <c r="FTP137" s="23"/>
      <c r="FTQ137" s="23"/>
      <c r="FTR137" s="23"/>
      <c r="FTS137" s="23"/>
      <c r="FTT137" s="23"/>
      <c r="FTU137" s="23"/>
      <c r="FTV137" s="23"/>
      <c r="FTW137" s="23"/>
      <c r="FTX137" s="23"/>
      <c r="FTY137" s="23"/>
      <c r="FTZ137" s="23"/>
      <c r="FUA137" s="23"/>
      <c r="FUB137" s="23"/>
      <c r="FUC137" s="23"/>
      <c r="FUD137" s="23"/>
      <c r="FUE137" s="23"/>
      <c r="FUF137" s="23"/>
      <c r="FUG137" s="23"/>
      <c r="FUH137" s="23"/>
      <c r="FUI137" s="23"/>
      <c r="FUJ137" s="23"/>
      <c r="FUK137" s="23"/>
      <c r="FUL137" s="23"/>
      <c r="FUM137" s="23"/>
      <c r="FUN137" s="23"/>
      <c r="FUO137" s="23"/>
      <c r="FUP137" s="23"/>
      <c r="FUQ137" s="23"/>
      <c r="FUR137" s="23"/>
      <c r="FUS137" s="23"/>
      <c r="FUT137" s="23"/>
      <c r="FUU137" s="23"/>
      <c r="FUV137" s="23"/>
      <c r="FUW137" s="23"/>
      <c r="FUX137" s="23"/>
      <c r="FUY137" s="23"/>
      <c r="FUZ137" s="23"/>
      <c r="FVA137" s="23"/>
      <c r="FVB137" s="23"/>
      <c r="FVC137" s="23"/>
      <c r="FVD137" s="23"/>
      <c r="FVE137" s="23"/>
      <c r="FVF137" s="23"/>
      <c r="FVG137" s="23"/>
      <c r="FVH137" s="23"/>
      <c r="FVI137" s="23"/>
      <c r="FVJ137" s="23"/>
      <c r="FVK137" s="23"/>
      <c r="FVL137" s="23"/>
      <c r="FVM137" s="23"/>
      <c r="FVN137" s="23"/>
      <c r="FVO137" s="23"/>
      <c r="FVP137" s="23"/>
      <c r="FVQ137" s="23"/>
      <c r="FVR137" s="23"/>
      <c r="FVS137" s="23"/>
      <c r="FVT137" s="23"/>
      <c r="FVU137" s="23"/>
      <c r="FVV137" s="23"/>
      <c r="FVW137" s="23"/>
      <c r="FVX137" s="23"/>
      <c r="FVY137" s="23"/>
      <c r="FVZ137" s="23"/>
      <c r="FWA137" s="23"/>
      <c r="FWB137" s="23"/>
      <c r="FWC137" s="23"/>
      <c r="FWD137" s="23"/>
      <c r="FWE137" s="23"/>
      <c r="FWF137" s="23"/>
      <c r="FWG137" s="23"/>
      <c r="FWH137" s="23"/>
      <c r="FWI137" s="23"/>
      <c r="FWJ137" s="23"/>
      <c r="FWK137" s="23"/>
      <c r="FWL137" s="23"/>
      <c r="FWM137" s="23"/>
      <c r="FWN137" s="23"/>
      <c r="FWO137" s="23"/>
      <c r="FWP137" s="23"/>
      <c r="FWQ137" s="23"/>
      <c r="FWR137" s="23"/>
      <c r="FWS137" s="23"/>
      <c r="FWT137" s="23"/>
      <c r="FWU137" s="23"/>
      <c r="FWV137" s="23"/>
      <c r="FWW137" s="23"/>
      <c r="FWX137" s="23"/>
      <c r="FWY137" s="23"/>
      <c r="FWZ137" s="23"/>
      <c r="FXA137" s="23"/>
      <c r="FXB137" s="23"/>
      <c r="FXC137" s="23"/>
      <c r="FXD137" s="23"/>
      <c r="FXE137" s="23"/>
      <c r="FXF137" s="23"/>
      <c r="FXG137" s="23"/>
      <c r="FXH137" s="23"/>
      <c r="FXI137" s="23"/>
      <c r="FXJ137" s="23"/>
      <c r="FXK137" s="23"/>
      <c r="FXL137" s="23"/>
      <c r="FXM137" s="23"/>
      <c r="FXN137" s="23"/>
      <c r="FXO137" s="23"/>
      <c r="FXP137" s="23"/>
      <c r="FXQ137" s="23"/>
      <c r="FXR137" s="23"/>
      <c r="FXS137" s="23"/>
      <c r="FXT137" s="23"/>
      <c r="FXU137" s="23"/>
      <c r="FXV137" s="23"/>
      <c r="FXW137" s="23"/>
      <c r="FXX137" s="23"/>
      <c r="FXY137" s="23"/>
      <c r="FXZ137" s="23"/>
      <c r="FYA137" s="23"/>
      <c r="FYB137" s="23"/>
      <c r="FYC137" s="23"/>
      <c r="FYD137" s="23"/>
      <c r="FYE137" s="23"/>
      <c r="FYF137" s="23"/>
      <c r="FYG137" s="23"/>
      <c r="FYH137" s="23"/>
      <c r="FYI137" s="23"/>
      <c r="FYJ137" s="23"/>
      <c r="FYK137" s="23"/>
      <c r="FYL137" s="23"/>
      <c r="FYM137" s="23"/>
      <c r="FYN137" s="23"/>
      <c r="FYO137" s="23"/>
      <c r="FYP137" s="23"/>
      <c r="FYQ137" s="23"/>
      <c r="FYR137" s="23"/>
      <c r="FYS137" s="23"/>
      <c r="FYT137" s="23"/>
      <c r="FYU137" s="23"/>
      <c r="FYV137" s="23"/>
      <c r="FYW137" s="23"/>
      <c r="FYX137" s="23"/>
      <c r="FYY137" s="23"/>
      <c r="FYZ137" s="23"/>
      <c r="FZA137" s="23"/>
      <c r="FZB137" s="23"/>
      <c r="FZC137" s="23"/>
      <c r="FZD137" s="23"/>
      <c r="FZE137" s="23"/>
      <c r="FZF137" s="23"/>
      <c r="FZG137" s="23"/>
      <c r="FZH137" s="23"/>
      <c r="FZI137" s="23"/>
      <c r="FZJ137" s="23"/>
      <c r="FZK137" s="23"/>
      <c r="FZL137" s="23"/>
      <c r="FZM137" s="23"/>
      <c r="FZN137" s="23"/>
      <c r="FZO137" s="23"/>
      <c r="FZP137" s="23"/>
      <c r="FZQ137" s="23"/>
      <c r="FZR137" s="23"/>
      <c r="FZS137" s="23"/>
      <c r="FZT137" s="23"/>
      <c r="FZU137" s="23"/>
      <c r="FZV137" s="23"/>
      <c r="FZW137" s="23"/>
      <c r="FZX137" s="23"/>
      <c r="FZY137" s="23"/>
      <c r="FZZ137" s="23"/>
      <c r="GAA137" s="23"/>
      <c r="GAB137" s="23"/>
      <c r="GAC137" s="23"/>
      <c r="GAD137" s="23"/>
      <c r="GAE137" s="23"/>
      <c r="GAF137" s="23"/>
      <c r="GAG137" s="23"/>
      <c r="GAH137" s="23"/>
      <c r="GAI137" s="23"/>
      <c r="GAJ137" s="23"/>
      <c r="GAK137" s="23"/>
      <c r="GAL137" s="23"/>
      <c r="GAM137" s="23"/>
      <c r="GAN137" s="23"/>
      <c r="GAO137" s="23"/>
      <c r="GAP137" s="23"/>
      <c r="GAQ137" s="23"/>
      <c r="GAR137" s="23"/>
      <c r="GAS137" s="23"/>
      <c r="GAT137" s="23"/>
      <c r="GAU137" s="23"/>
      <c r="GAV137" s="23"/>
      <c r="GAW137" s="23"/>
      <c r="GAX137" s="23"/>
      <c r="GAY137" s="23"/>
      <c r="GAZ137" s="23"/>
      <c r="GBA137" s="23"/>
      <c r="GBB137" s="23"/>
      <c r="GBC137" s="23"/>
      <c r="GBD137" s="23"/>
      <c r="GBE137" s="23"/>
      <c r="GBF137" s="23"/>
      <c r="GBG137" s="23"/>
      <c r="GBH137" s="23"/>
      <c r="GBI137" s="23"/>
      <c r="GBJ137" s="23"/>
      <c r="GBK137" s="23"/>
      <c r="GBL137" s="23"/>
      <c r="GBM137" s="23"/>
      <c r="GBN137" s="23"/>
      <c r="GBO137" s="23"/>
      <c r="GBP137" s="23"/>
      <c r="GBQ137" s="23"/>
      <c r="GBR137" s="23"/>
      <c r="GBS137" s="23"/>
      <c r="GBT137" s="23"/>
      <c r="GBU137" s="23"/>
      <c r="GBV137" s="23"/>
      <c r="GBW137" s="23"/>
      <c r="GBX137" s="23"/>
      <c r="GBY137" s="23"/>
      <c r="GBZ137" s="23"/>
      <c r="GCA137" s="23"/>
      <c r="GCB137" s="23"/>
      <c r="GCC137" s="23"/>
      <c r="GCD137" s="23"/>
      <c r="GCE137" s="23"/>
      <c r="GCF137" s="23"/>
      <c r="GCG137" s="23"/>
      <c r="GCH137" s="23"/>
      <c r="GCI137" s="23"/>
      <c r="GCJ137" s="23"/>
      <c r="GCK137" s="23"/>
      <c r="GCL137" s="23"/>
      <c r="GCM137" s="23"/>
      <c r="GCN137" s="23"/>
      <c r="GCO137" s="23"/>
      <c r="GCP137" s="23"/>
      <c r="GCQ137" s="23"/>
      <c r="GCR137" s="23"/>
      <c r="GCS137" s="23"/>
      <c r="GCT137" s="23"/>
      <c r="GCU137" s="23"/>
      <c r="GCV137" s="23"/>
      <c r="GCW137" s="23"/>
      <c r="GCX137" s="23"/>
      <c r="GCY137" s="23"/>
      <c r="GCZ137" s="23"/>
      <c r="GDA137" s="23"/>
      <c r="GDB137" s="23"/>
      <c r="GDC137" s="23"/>
      <c r="GDD137" s="23"/>
      <c r="GDE137" s="23"/>
      <c r="GDF137" s="23"/>
      <c r="GDG137" s="23"/>
      <c r="GDH137" s="23"/>
      <c r="GDI137" s="23"/>
      <c r="GDJ137" s="23"/>
      <c r="GDK137" s="23"/>
      <c r="GDL137" s="23"/>
      <c r="GDM137" s="23"/>
      <c r="GDN137" s="23"/>
      <c r="GDO137" s="23"/>
      <c r="GDP137" s="23"/>
      <c r="GDQ137" s="23"/>
      <c r="GDR137" s="23"/>
      <c r="GDS137" s="23"/>
      <c r="GDT137" s="23"/>
      <c r="GDU137" s="23"/>
      <c r="GDV137" s="23"/>
      <c r="GDW137" s="23"/>
      <c r="GDX137" s="23"/>
      <c r="GDY137" s="23"/>
      <c r="GDZ137" s="23"/>
      <c r="GEA137" s="23"/>
      <c r="GEB137" s="23"/>
      <c r="GEC137" s="23"/>
      <c r="GED137" s="23"/>
      <c r="GEE137" s="23"/>
      <c r="GEF137" s="23"/>
      <c r="GEG137" s="23"/>
      <c r="GEH137" s="23"/>
      <c r="GEI137" s="23"/>
      <c r="GEJ137" s="23"/>
      <c r="GEK137" s="23"/>
      <c r="GEL137" s="23"/>
      <c r="GEM137" s="23"/>
      <c r="GEN137" s="23"/>
      <c r="GEO137" s="23"/>
      <c r="GEP137" s="23"/>
      <c r="GEQ137" s="23"/>
      <c r="GER137" s="23"/>
      <c r="GES137" s="23"/>
      <c r="GET137" s="23"/>
      <c r="GEU137" s="23"/>
      <c r="GEV137" s="23"/>
      <c r="GEW137" s="23"/>
      <c r="GEX137" s="23"/>
      <c r="GEY137" s="23"/>
      <c r="GEZ137" s="23"/>
      <c r="GFA137" s="23"/>
      <c r="GFB137" s="23"/>
      <c r="GFC137" s="23"/>
      <c r="GFD137" s="23"/>
      <c r="GFE137" s="23"/>
      <c r="GFF137" s="23"/>
      <c r="GFG137" s="23"/>
      <c r="GFH137" s="23"/>
      <c r="GFI137" s="23"/>
      <c r="GFJ137" s="23"/>
      <c r="GFK137" s="23"/>
      <c r="GFL137" s="23"/>
      <c r="GFM137" s="23"/>
      <c r="GFN137" s="23"/>
      <c r="GFO137" s="23"/>
      <c r="GFP137" s="23"/>
      <c r="GFQ137" s="23"/>
      <c r="GFR137" s="23"/>
      <c r="GFS137" s="23"/>
      <c r="GFT137" s="23"/>
      <c r="GFU137" s="23"/>
      <c r="GFV137" s="23"/>
      <c r="GFW137" s="23"/>
      <c r="GFX137" s="23"/>
      <c r="GFY137" s="23"/>
      <c r="GFZ137" s="23"/>
      <c r="GGA137" s="23"/>
      <c r="GGB137" s="23"/>
      <c r="GGC137" s="23"/>
      <c r="GGD137" s="23"/>
      <c r="GGE137" s="23"/>
      <c r="GGF137" s="23"/>
      <c r="GGG137" s="23"/>
      <c r="GGH137" s="23"/>
      <c r="GGI137" s="23"/>
      <c r="GGJ137" s="23"/>
      <c r="GGK137" s="23"/>
      <c r="GGL137" s="23"/>
      <c r="GGM137" s="23"/>
      <c r="GGN137" s="23"/>
      <c r="GGO137" s="23"/>
      <c r="GGP137" s="23"/>
      <c r="GGQ137" s="23"/>
      <c r="GGR137" s="23"/>
      <c r="GGS137" s="23"/>
      <c r="GGT137" s="23"/>
      <c r="GGU137" s="23"/>
      <c r="GGV137" s="23"/>
      <c r="GGW137" s="23"/>
      <c r="GGX137" s="23"/>
      <c r="GGY137" s="23"/>
      <c r="GGZ137" s="23"/>
      <c r="GHA137" s="23"/>
      <c r="GHB137" s="23"/>
      <c r="GHC137" s="23"/>
      <c r="GHD137" s="23"/>
      <c r="GHE137" s="23"/>
      <c r="GHF137" s="23"/>
      <c r="GHG137" s="23"/>
      <c r="GHH137" s="23"/>
      <c r="GHI137" s="23"/>
      <c r="GHJ137" s="23"/>
      <c r="GHK137" s="23"/>
      <c r="GHL137" s="23"/>
      <c r="GHM137" s="23"/>
      <c r="GHN137" s="23"/>
      <c r="GHO137" s="23"/>
      <c r="GHP137" s="23"/>
      <c r="GHQ137" s="23"/>
      <c r="GHR137" s="23"/>
      <c r="GHS137" s="23"/>
      <c r="GHT137" s="23"/>
      <c r="GHU137" s="23"/>
      <c r="GHV137" s="23"/>
      <c r="GHW137" s="23"/>
      <c r="GHX137" s="23"/>
      <c r="GHY137" s="23"/>
      <c r="GHZ137" s="23"/>
      <c r="GIA137" s="23"/>
      <c r="GIB137" s="23"/>
      <c r="GIC137" s="23"/>
      <c r="GID137" s="23"/>
      <c r="GIE137" s="23"/>
      <c r="GIF137" s="23"/>
      <c r="GIG137" s="23"/>
      <c r="GIH137" s="23"/>
      <c r="GII137" s="23"/>
      <c r="GIJ137" s="23"/>
      <c r="GIK137" s="23"/>
      <c r="GIL137" s="23"/>
      <c r="GIM137" s="23"/>
      <c r="GIN137" s="23"/>
      <c r="GIO137" s="23"/>
      <c r="GIP137" s="23"/>
      <c r="GIQ137" s="23"/>
      <c r="GIR137" s="23"/>
      <c r="GIS137" s="23"/>
      <c r="GIT137" s="23"/>
      <c r="GIU137" s="23"/>
      <c r="GIV137" s="23"/>
      <c r="GIW137" s="23"/>
      <c r="GIX137" s="23"/>
      <c r="GIY137" s="23"/>
      <c r="GIZ137" s="23"/>
      <c r="GJA137" s="23"/>
      <c r="GJB137" s="23"/>
      <c r="GJC137" s="23"/>
      <c r="GJD137" s="23"/>
      <c r="GJE137" s="23"/>
      <c r="GJF137" s="23"/>
      <c r="GJG137" s="23"/>
      <c r="GJH137" s="23"/>
      <c r="GJI137" s="23"/>
      <c r="GJJ137" s="23"/>
      <c r="GJK137" s="23"/>
      <c r="GJL137" s="23"/>
      <c r="GJM137" s="23"/>
      <c r="GJN137" s="23"/>
      <c r="GJO137" s="23"/>
      <c r="GJP137" s="23"/>
      <c r="GJQ137" s="23"/>
      <c r="GJR137" s="23"/>
      <c r="GJS137" s="23"/>
      <c r="GJT137" s="23"/>
      <c r="GJU137" s="23"/>
      <c r="GJV137" s="23"/>
      <c r="GJW137" s="23"/>
      <c r="GJX137" s="23"/>
      <c r="GJY137" s="23"/>
      <c r="GJZ137" s="23"/>
      <c r="GKA137" s="23"/>
      <c r="GKB137" s="23"/>
      <c r="GKC137" s="23"/>
      <c r="GKD137" s="23"/>
      <c r="GKE137" s="23"/>
      <c r="GKF137" s="23"/>
      <c r="GKG137" s="23"/>
      <c r="GKH137" s="23"/>
      <c r="GKI137" s="23"/>
      <c r="GKJ137" s="23"/>
      <c r="GKK137" s="23"/>
      <c r="GKL137" s="23"/>
      <c r="GKM137" s="23"/>
      <c r="GKN137" s="23"/>
      <c r="GKO137" s="23"/>
      <c r="GKP137" s="23"/>
      <c r="GKQ137" s="23"/>
      <c r="GKR137" s="23"/>
      <c r="GKS137" s="23"/>
      <c r="GKT137" s="23"/>
      <c r="GKU137" s="23"/>
      <c r="GKV137" s="23"/>
      <c r="GKW137" s="23"/>
      <c r="GKX137" s="23"/>
      <c r="GKY137" s="23"/>
      <c r="GKZ137" s="23"/>
      <c r="GLA137" s="23"/>
      <c r="GLB137" s="23"/>
      <c r="GLC137" s="23"/>
      <c r="GLD137" s="23"/>
      <c r="GLE137" s="23"/>
      <c r="GLF137" s="23"/>
      <c r="GLG137" s="23"/>
      <c r="GLH137" s="23"/>
      <c r="GLI137" s="23"/>
      <c r="GLJ137" s="23"/>
      <c r="GLK137" s="23"/>
      <c r="GLL137" s="23"/>
      <c r="GLM137" s="23"/>
      <c r="GLN137" s="23"/>
      <c r="GLO137" s="23"/>
      <c r="GLP137" s="23"/>
      <c r="GLQ137" s="23"/>
      <c r="GLR137" s="23"/>
      <c r="GLS137" s="23"/>
      <c r="GLT137" s="23"/>
      <c r="GLU137" s="23"/>
      <c r="GLV137" s="23"/>
      <c r="GLW137" s="23"/>
      <c r="GLX137" s="23"/>
      <c r="GLY137" s="23"/>
      <c r="GLZ137" s="23"/>
      <c r="GMA137" s="23"/>
      <c r="GMB137" s="23"/>
      <c r="GMC137" s="23"/>
      <c r="GMD137" s="23"/>
      <c r="GME137" s="23"/>
      <c r="GMF137" s="23"/>
      <c r="GMG137" s="23"/>
      <c r="GMH137" s="23"/>
      <c r="GMI137" s="23"/>
      <c r="GMJ137" s="23"/>
      <c r="GMK137" s="23"/>
      <c r="GML137" s="23"/>
      <c r="GMM137" s="23"/>
      <c r="GMN137" s="23"/>
      <c r="GMO137" s="23"/>
      <c r="GMP137" s="23"/>
      <c r="GMQ137" s="23"/>
      <c r="GMR137" s="23"/>
      <c r="GMS137" s="23"/>
      <c r="GMT137" s="23"/>
      <c r="GMU137" s="23"/>
      <c r="GMV137" s="23"/>
      <c r="GMW137" s="23"/>
      <c r="GMX137" s="23"/>
      <c r="GMY137" s="23"/>
      <c r="GMZ137" s="23"/>
      <c r="GNA137" s="23"/>
      <c r="GNB137" s="23"/>
      <c r="GNC137" s="23"/>
      <c r="GND137" s="23"/>
      <c r="GNE137" s="23"/>
      <c r="GNF137" s="23"/>
      <c r="GNG137" s="23"/>
      <c r="GNH137" s="23"/>
      <c r="GNI137" s="23"/>
      <c r="GNJ137" s="23"/>
      <c r="GNK137" s="23"/>
      <c r="GNL137" s="23"/>
      <c r="GNM137" s="23"/>
      <c r="GNN137" s="23"/>
      <c r="GNO137" s="23"/>
      <c r="GNP137" s="23"/>
      <c r="GNQ137" s="23"/>
      <c r="GNR137" s="23"/>
      <c r="GNS137" s="23"/>
      <c r="GNT137" s="23"/>
      <c r="GNU137" s="23"/>
      <c r="GNV137" s="23"/>
      <c r="GNW137" s="23"/>
      <c r="GNX137" s="23"/>
      <c r="GNY137" s="23"/>
      <c r="GNZ137" s="23"/>
      <c r="GOA137" s="23"/>
      <c r="GOB137" s="23"/>
      <c r="GOC137" s="23"/>
      <c r="GOD137" s="23"/>
      <c r="GOE137" s="23"/>
      <c r="GOF137" s="23"/>
      <c r="GOG137" s="23"/>
      <c r="GOH137" s="23"/>
      <c r="GOI137" s="23"/>
      <c r="GOJ137" s="23"/>
      <c r="GOK137" s="23"/>
      <c r="GOL137" s="23"/>
      <c r="GOM137" s="23"/>
      <c r="GON137" s="23"/>
      <c r="GOO137" s="23"/>
      <c r="GOP137" s="23"/>
      <c r="GOQ137" s="23"/>
      <c r="GOR137" s="23"/>
      <c r="GOS137" s="23"/>
      <c r="GOT137" s="23"/>
      <c r="GOU137" s="23"/>
      <c r="GOV137" s="23"/>
      <c r="GOW137" s="23"/>
      <c r="GOX137" s="23"/>
      <c r="GOY137" s="23"/>
      <c r="GOZ137" s="23"/>
      <c r="GPA137" s="23"/>
      <c r="GPB137" s="23"/>
      <c r="GPC137" s="23"/>
      <c r="GPD137" s="23"/>
      <c r="GPE137" s="23"/>
      <c r="GPF137" s="23"/>
      <c r="GPG137" s="23"/>
      <c r="GPH137" s="23"/>
      <c r="GPI137" s="23"/>
      <c r="GPJ137" s="23"/>
      <c r="GPK137" s="23"/>
      <c r="GPL137" s="23"/>
      <c r="GPM137" s="23"/>
      <c r="GPN137" s="23"/>
      <c r="GPO137" s="23"/>
      <c r="GPP137" s="23"/>
      <c r="GPQ137" s="23"/>
      <c r="GPR137" s="23"/>
      <c r="GPS137" s="23"/>
      <c r="GPT137" s="23"/>
      <c r="GPU137" s="23"/>
      <c r="GPV137" s="23"/>
      <c r="GPW137" s="23"/>
      <c r="GPX137" s="23"/>
      <c r="GPY137" s="23"/>
      <c r="GPZ137" s="23"/>
      <c r="GQA137" s="23"/>
      <c r="GQB137" s="23"/>
      <c r="GQC137" s="23"/>
      <c r="GQD137" s="23"/>
      <c r="GQE137" s="23"/>
      <c r="GQF137" s="23"/>
      <c r="GQG137" s="23"/>
      <c r="GQH137" s="23"/>
      <c r="GQI137" s="23"/>
      <c r="GQJ137" s="23"/>
      <c r="GQK137" s="23"/>
      <c r="GQL137" s="23"/>
      <c r="GQM137" s="23"/>
      <c r="GQN137" s="23"/>
      <c r="GQO137" s="23"/>
      <c r="GQP137" s="23"/>
      <c r="GQQ137" s="23"/>
      <c r="GQR137" s="23"/>
      <c r="GQS137" s="23"/>
      <c r="GQT137" s="23"/>
      <c r="GQU137" s="23"/>
      <c r="GQV137" s="23"/>
      <c r="GQW137" s="23"/>
      <c r="GQX137" s="23"/>
      <c r="GQY137" s="23"/>
      <c r="GQZ137" s="23"/>
      <c r="GRA137" s="23"/>
      <c r="GRB137" s="23"/>
      <c r="GRC137" s="23"/>
      <c r="GRD137" s="23"/>
      <c r="GRE137" s="23"/>
      <c r="GRF137" s="23"/>
      <c r="GRG137" s="23"/>
      <c r="GRH137" s="23"/>
      <c r="GRI137" s="23"/>
      <c r="GRJ137" s="23"/>
      <c r="GRK137" s="23"/>
      <c r="GRL137" s="23"/>
      <c r="GRM137" s="23"/>
      <c r="GRN137" s="23"/>
      <c r="GRO137" s="23"/>
      <c r="GRP137" s="23"/>
      <c r="GRQ137" s="23"/>
      <c r="GRR137" s="23"/>
      <c r="GRS137" s="23"/>
      <c r="GRT137" s="23"/>
      <c r="GRU137" s="23"/>
      <c r="GRV137" s="23"/>
      <c r="GRW137" s="23"/>
      <c r="GRX137" s="23"/>
      <c r="GRY137" s="23"/>
      <c r="GRZ137" s="23"/>
      <c r="GSA137" s="23"/>
      <c r="GSB137" s="23"/>
      <c r="GSC137" s="23"/>
      <c r="GSD137" s="23"/>
      <c r="GSE137" s="23"/>
      <c r="GSF137" s="23"/>
      <c r="GSG137" s="23"/>
      <c r="GSH137" s="23"/>
      <c r="GSI137" s="23"/>
      <c r="GSJ137" s="23"/>
      <c r="GSK137" s="23"/>
      <c r="GSL137" s="23"/>
      <c r="GSM137" s="23"/>
      <c r="GSN137" s="23"/>
      <c r="GSO137" s="23"/>
      <c r="GSP137" s="23"/>
      <c r="GSQ137" s="23"/>
      <c r="GSR137" s="23"/>
      <c r="GSS137" s="23"/>
      <c r="GST137" s="23"/>
      <c r="GSU137" s="23"/>
      <c r="GSV137" s="23"/>
      <c r="GSW137" s="23"/>
      <c r="GSX137" s="23"/>
      <c r="GSY137" s="23"/>
      <c r="GSZ137" s="23"/>
      <c r="GTA137" s="23"/>
      <c r="GTB137" s="23"/>
      <c r="GTC137" s="23"/>
      <c r="GTD137" s="23"/>
      <c r="GTE137" s="23"/>
      <c r="GTF137" s="23"/>
      <c r="GTG137" s="23"/>
      <c r="GTH137" s="23"/>
      <c r="GTI137" s="23"/>
      <c r="GTJ137" s="23"/>
      <c r="GTK137" s="23"/>
      <c r="GTL137" s="23"/>
      <c r="GTM137" s="23"/>
      <c r="GTN137" s="23"/>
      <c r="GTO137" s="23"/>
      <c r="GTP137" s="23"/>
      <c r="GTQ137" s="23"/>
      <c r="GTR137" s="23"/>
      <c r="GTS137" s="23"/>
      <c r="GTT137" s="23"/>
      <c r="GTU137" s="23"/>
      <c r="GTV137" s="23"/>
      <c r="GTW137" s="23"/>
      <c r="GTX137" s="23"/>
      <c r="GTY137" s="23"/>
      <c r="GTZ137" s="23"/>
      <c r="GUA137" s="23"/>
      <c r="GUB137" s="23"/>
      <c r="GUC137" s="23"/>
      <c r="GUD137" s="23"/>
      <c r="GUE137" s="23"/>
      <c r="GUF137" s="23"/>
      <c r="GUG137" s="23"/>
      <c r="GUH137" s="23"/>
      <c r="GUI137" s="23"/>
      <c r="GUJ137" s="23"/>
      <c r="GUK137" s="23"/>
      <c r="GUL137" s="23"/>
      <c r="GUM137" s="23"/>
      <c r="GUN137" s="23"/>
      <c r="GUO137" s="23"/>
      <c r="GUP137" s="23"/>
      <c r="GUQ137" s="23"/>
      <c r="GUR137" s="23"/>
      <c r="GUS137" s="23"/>
      <c r="GUT137" s="23"/>
      <c r="GUU137" s="23"/>
      <c r="GUV137" s="23"/>
      <c r="GUW137" s="23"/>
      <c r="GUX137" s="23"/>
      <c r="GUY137" s="23"/>
      <c r="GUZ137" s="23"/>
      <c r="GVA137" s="23"/>
      <c r="GVB137" s="23"/>
      <c r="GVC137" s="23"/>
      <c r="GVD137" s="23"/>
      <c r="GVE137" s="23"/>
      <c r="GVF137" s="23"/>
      <c r="GVG137" s="23"/>
      <c r="GVH137" s="23"/>
      <c r="GVI137" s="23"/>
      <c r="GVJ137" s="23"/>
      <c r="GVK137" s="23"/>
      <c r="GVL137" s="23"/>
      <c r="GVM137" s="23"/>
      <c r="GVN137" s="23"/>
      <c r="GVO137" s="23"/>
      <c r="GVP137" s="23"/>
      <c r="GVQ137" s="23"/>
      <c r="GVR137" s="23"/>
      <c r="GVS137" s="23"/>
      <c r="GVT137" s="23"/>
      <c r="GVU137" s="23"/>
      <c r="GVV137" s="23"/>
      <c r="GVW137" s="23"/>
      <c r="GVX137" s="23"/>
      <c r="GVY137" s="23"/>
      <c r="GVZ137" s="23"/>
      <c r="GWA137" s="23"/>
      <c r="GWB137" s="23"/>
      <c r="GWC137" s="23"/>
      <c r="GWD137" s="23"/>
      <c r="GWE137" s="23"/>
      <c r="GWF137" s="23"/>
      <c r="GWG137" s="23"/>
      <c r="GWH137" s="23"/>
      <c r="GWI137" s="23"/>
      <c r="GWJ137" s="23"/>
      <c r="GWK137" s="23"/>
      <c r="GWL137" s="23"/>
      <c r="GWM137" s="23"/>
      <c r="GWN137" s="23"/>
      <c r="GWO137" s="23"/>
      <c r="GWP137" s="23"/>
      <c r="GWQ137" s="23"/>
      <c r="GWR137" s="23"/>
      <c r="GWS137" s="23"/>
      <c r="GWT137" s="23"/>
      <c r="GWU137" s="23"/>
      <c r="GWV137" s="23"/>
      <c r="GWW137" s="23"/>
      <c r="GWX137" s="23"/>
      <c r="GWY137" s="23"/>
      <c r="GWZ137" s="23"/>
      <c r="GXA137" s="23"/>
      <c r="GXB137" s="23"/>
      <c r="GXC137" s="23"/>
      <c r="GXD137" s="23"/>
      <c r="GXE137" s="23"/>
      <c r="GXF137" s="23"/>
      <c r="GXG137" s="23"/>
      <c r="GXH137" s="23"/>
      <c r="GXI137" s="23"/>
      <c r="GXJ137" s="23"/>
      <c r="GXK137" s="23"/>
      <c r="GXL137" s="23"/>
      <c r="GXM137" s="23"/>
      <c r="GXN137" s="23"/>
      <c r="GXO137" s="23"/>
      <c r="GXP137" s="23"/>
      <c r="GXQ137" s="23"/>
      <c r="GXR137" s="23"/>
      <c r="GXS137" s="23"/>
      <c r="GXT137" s="23"/>
      <c r="GXU137" s="23"/>
      <c r="GXV137" s="23"/>
      <c r="GXW137" s="23"/>
      <c r="GXX137" s="23"/>
      <c r="GXY137" s="23"/>
      <c r="GXZ137" s="23"/>
      <c r="GYA137" s="23"/>
      <c r="GYB137" s="23"/>
      <c r="GYC137" s="23"/>
      <c r="GYD137" s="23"/>
      <c r="GYE137" s="23"/>
      <c r="GYF137" s="23"/>
      <c r="GYG137" s="23"/>
      <c r="GYH137" s="23"/>
      <c r="GYI137" s="23"/>
      <c r="GYJ137" s="23"/>
      <c r="GYK137" s="23"/>
      <c r="GYL137" s="23"/>
      <c r="GYM137" s="23"/>
      <c r="GYN137" s="23"/>
      <c r="GYO137" s="23"/>
      <c r="GYP137" s="23"/>
      <c r="GYQ137" s="23"/>
      <c r="GYR137" s="23"/>
      <c r="GYS137" s="23"/>
      <c r="GYT137" s="23"/>
      <c r="GYU137" s="23"/>
      <c r="GYV137" s="23"/>
      <c r="GYW137" s="23"/>
      <c r="GYX137" s="23"/>
      <c r="GYY137" s="23"/>
      <c r="GYZ137" s="23"/>
      <c r="GZA137" s="23"/>
      <c r="GZB137" s="23"/>
      <c r="GZC137" s="23"/>
      <c r="GZD137" s="23"/>
      <c r="GZE137" s="23"/>
      <c r="GZF137" s="23"/>
      <c r="GZG137" s="23"/>
      <c r="GZH137" s="23"/>
      <c r="GZI137" s="23"/>
      <c r="GZJ137" s="23"/>
      <c r="GZK137" s="23"/>
      <c r="GZL137" s="23"/>
      <c r="GZM137" s="23"/>
      <c r="GZN137" s="23"/>
      <c r="GZO137" s="23"/>
      <c r="GZP137" s="23"/>
      <c r="GZQ137" s="23"/>
      <c r="GZR137" s="23"/>
      <c r="GZS137" s="23"/>
      <c r="GZT137" s="23"/>
      <c r="GZU137" s="23"/>
      <c r="GZV137" s="23"/>
      <c r="GZW137" s="23"/>
      <c r="GZX137" s="23"/>
      <c r="GZY137" s="23"/>
      <c r="GZZ137" s="23"/>
      <c r="HAA137" s="23"/>
      <c r="HAB137" s="23"/>
      <c r="HAC137" s="23"/>
      <c r="HAD137" s="23"/>
      <c r="HAE137" s="23"/>
      <c r="HAF137" s="23"/>
      <c r="HAG137" s="23"/>
      <c r="HAH137" s="23"/>
      <c r="HAI137" s="23"/>
      <c r="HAJ137" s="23"/>
      <c r="HAK137" s="23"/>
      <c r="HAL137" s="23"/>
      <c r="HAM137" s="23"/>
      <c r="HAN137" s="23"/>
      <c r="HAO137" s="23"/>
      <c r="HAP137" s="23"/>
      <c r="HAQ137" s="23"/>
      <c r="HAR137" s="23"/>
      <c r="HAS137" s="23"/>
      <c r="HAT137" s="23"/>
      <c r="HAU137" s="23"/>
      <c r="HAV137" s="23"/>
      <c r="HAW137" s="23"/>
      <c r="HAX137" s="23"/>
      <c r="HAY137" s="23"/>
      <c r="HAZ137" s="23"/>
      <c r="HBA137" s="23"/>
      <c r="HBB137" s="23"/>
      <c r="HBC137" s="23"/>
      <c r="HBD137" s="23"/>
      <c r="HBE137" s="23"/>
      <c r="HBF137" s="23"/>
      <c r="HBG137" s="23"/>
      <c r="HBH137" s="23"/>
      <c r="HBI137" s="23"/>
      <c r="HBJ137" s="23"/>
      <c r="HBK137" s="23"/>
      <c r="HBL137" s="23"/>
      <c r="HBM137" s="23"/>
      <c r="HBN137" s="23"/>
      <c r="HBO137" s="23"/>
      <c r="HBP137" s="23"/>
      <c r="HBQ137" s="23"/>
      <c r="HBR137" s="23"/>
      <c r="HBS137" s="23"/>
      <c r="HBT137" s="23"/>
      <c r="HBU137" s="23"/>
      <c r="HBV137" s="23"/>
      <c r="HBW137" s="23"/>
      <c r="HBX137" s="23"/>
      <c r="HBY137" s="23"/>
      <c r="HBZ137" s="23"/>
      <c r="HCA137" s="23"/>
      <c r="HCB137" s="23"/>
      <c r="HCC137" s="23"/>
      <c r="HCD137" s="23"/>
      <c r="HCE137" s="23"/>
      <c r="HCF137" s="23"/>
      <c r="HCG137" s="23"/>
      <c r="HCH137" s="23"/>
      <c r="HCI137" s="23"/>
      <c r="HCJ137" s="23"/>
      <c r="HCK137" s="23"/>
      <c r="HCL137" s="23"/>
      <c r="HCM137" s="23"/>
      <c r="HCN137" s="23"/>
      <c r="HCO137" s="23"/>
      <c r="HCP137" s="23"/>
      <c r="HCQ137" s="23"/>
      <c r="HCR137" s="23"/>
      <c r="HCS137" s="23"/>
      <c r="HCT137" s="23"/>
      <c r="HCU137" s="23"/>
      <c r="HCV137" s="23"/>
      <c r="HCW137" s="23"/>
      <c r="HCX137" s="23"/>
      <c r="HCY137" s="23"/>
      <c r="HCZ137" s="23"/>
      <c r="HDA137" s="23"/>
      <c r="HDB137" s="23"/>
      <c r="HDC137" s="23"/>
      <c r="HDD137" s="23"/>
      <c r="HDE137" s="23"/>
      <c r="HDF137" s="23"/>
      <c r="HDG137" s="23"/>
      <c r="HDH137" s="23"/>
      <c r="HDI137" s="23"/>
      <c r="HDJ137" s="23"/>
      <c r="HDK137" s="23"/>
      <c r="HDL137" s="23"/>
      <c r="HDM137" s="23"/>
      <c r="HDN137" s="23"/>
      <c r="HDO137" s="23"/>
      <c r="HDP137" s="23"/>
      <c r="HDQ137" s="23"/>
      <c r="HDR137" s="23"/>
      <c r="HDS137" s="23"/>
      <c r="HDT137" s="23"/>
      <c r="HDU137" s="23"/>
      <c r="HDV137" s="23"/>
      <c r="HDW137" s="23"/>
      <c r="HDX137" s="23"/>
      <c r="HDY137" s="23"/>
      <c r="HDZ137" s="23"/>
      <c r="HEA137" s="23"/>
      <c r="HEB137" s="23"/>
      <c r="HEC137" s="23"/>
      <c r="HED137" s="23"/>
      <c r="HEE137" s="23"/>
      <c r="HEF137" s="23"/>
      <c r="HEG137" s="23"/>
      <c r="HEH137" s="23"/>
      <c r="HEI137" s="23"/>
      <c r="HEJ137" s="23"/>
      <c r="HEK137" s="23"/>
      <c r="HEL137" s="23"/>
      <c r="HEM137" s="23"/>
      <c r="HEN137" s="23"/>
      <c r="HEO137" s="23"/>
      <c r="HEP137" s="23"/>
      <c r="HEQ137" s="23"/>
      <c r="HER137" s="23"/>
      <c r="HES137" s="23"/>
      <c r="HET137" s="23"/>
      <c r="HEU137" s="23"/>
      <c r="HEV137" s="23"/>
      <c r="HEW137" s="23"/>
      <c r="HEX137" s="23"/>
      <c r="HEY137" s="23"/>
      <c r="HEZ137" s="23"/>
      <c r="HFA137" s="23"/>
      <c r="HFB137" s="23"/>
      <c r="HFC137" s="23"/>
      <c r="HFD137" s="23"/>
      <c r="HFE137" s="23"/>
      <c r="HFF137" s="23"/>
      <c r="HFG137" s="23"/>
      <c r="HFH137" s="23"/>
      <c r="HFI137" s="23"/>
      <c r="HFJ137" s="23"/>
      <c r="HFK137" s="23"/>
      <c r="HFL137" s="23"/>
      <c r="HFM137" s="23"/>
      <c r="HFN137" s="23"/>
      <c r="HFO137" s="23"/>
      <c r="HFP137" s="23"/>
      <c r="HFQ137" s="23"/>
      <c r="HFR137" s="23"/>
      <c r="HFS137" s="23"/>
      <c r="HFT137" s="23"/>
      <c r="HFU137" s="23"/>
      <c r="HFV137" s="23"/>
      <c r="HFW137" s="23"/>
      <c r="HFX137" s="23"/>
      <c r="HFY137" s="23"/>
      <c r="HFZ137" s="23"/>
      <c r="HGA137" s="23"/>
      <c r="HGB137" s="23"/>
      <c r="HGC137" s="23"/>
      <c r="HGD137" s="23"/>
      <c r="HGE137" s="23"/>
      <c r="HGF137" s="23"/>
      <c r="HGG137" s="23"/>
      <c r="HGH137" s="23"/>
      <c r="HGI137" s="23"/>
      <c r="HGJ137" s="23"/>
      <c r="HGK137" s="23"/>
      <c r="HGL137" s="23"/>
      <c r="HGM137" s="23"/>
      <c r="HGN137" s="23"/>
      <c r="HGO137" s="23"/>
      <c r="HGP137" s="23"/>
      <c r="HGQ137" s="23"/>
      <c r="HGR137" s="23"/>
      <c r="HGS137" s="23"/>
      <c r="HGT137" s="23"/>
      <c r="HGU137" s="23"/>
      <c r="HGV137" s="23"/>
      <c r="HGW137" s="23"/>
      <c r="HGX137" s="23"/>
      <c r="HGY137" s="23"/>
      <c r="HGZ137" s="23"/>
      <c r="HHA137" s="23"/>
      <c r="HHB137" s="23"/>
      <c r="HHC137" s="23"/>
      <c r="HHD137" s="23"/>
      <c r="HHE137" s="23"/>
      <c r="HHF137" s="23"/>
      <c r="HHG137" s="23"/>
      <c r="HHH137" s="23"/>
      <c r="HHI137" s="23"/>
      <c r="HHJ137" s="23"/>
      <c r="HHK137" s="23"/>
      <c r="HHL137" s="23"/>
      <c r="HHM137" s="23"/>
      <c r="HHN137" s="23"/>
      <c r="HHO137" s="23"/>
      <c r="HHP137" s="23"/>
      <c r="HHQ137" s="23"/>
      <c r="HHR137" s="23"/>
      <c r="HHS137" s="23"/>
      <c r="HHT137" s="23"/>
      <c r="HHU137" s="23"/>
      <c r="HHV137" s="23"/>
      <c r="HHW137" s="23"/>
      <c r="HHX137" s="23"/>
      <c r="HHY137" s="23"/>
      <c r="HHZ137" s="23"/>
      <c r="HIA137" s="23"/>
      <c r="HIB137" s="23"/>
      <c r="HIC137" s="23"/>
      <c r="HID137" s="23"/>
      <c r="HIE137" s="23"/>
      <c r="HIF137" s="23"/>
      <c r="HIG137" s="23"/>
      <c r="HIH137" s="23"/>
      <c r="HII137" s="23"/>
      <c r="HIJ137" s="23"/>
      <c r="HIK137" s="23"/>
      <c r="HIL137" s="23"/>
      <c r="HIM137" s="23"/>
      <c r="HIN137" s="23"/>
      <c r="HIO137" s="23"/>
      <c r="HIP137" s="23"/>
      <c r="HIQ137" s="23"/>
      <c r="HIR137" s="23"/>
      <c r="HIS137" s="23"/>
      <c r="HIT137" s="23"/>
      <c r="HIU137" s="23"/>
      <c r="HIV137" s="23"/>
      <c r="HIW137" s="23"/>
      <c r="HIX137" s="23"/>
      <c r="HIY137" s="23"/>
      <c r="HIZ137" s="23"/>
      <c r="HJA137" s="23"/>
      <c r="HJB137" s="23"/>
      <c r="HJC137" s="23"/>
      <c r="HJD137" s="23"/>
      <c r="HJE137" s="23"/>
      <c r="HJF137" s="23"/>
      <c r="HJG137" s="23"/>
      <c r="HJH137" s="23"/>
      <c r="HJI137" s="23"/>
      <c r="HJJ137" s="23"/>
      <c r="HJK137" s="23"/>
      <c r="HJL137" s="23"/>
      <c r="HJM137" s="23"/>
      <c r="HJN137" s="23"/>
      <c r="HJO137" s="23"/>
      <c r="HJP137" s="23"/>
      <c r="HJQ137" s="23"/>
      <c r="HJR137" s="23"/>
      <c r="HJS137" s="23"/>
      <c r="HJT137" s="23"/>
      <c r="HJU137" s="23"/>
      <c r="HJV137" s="23"/>
      <c r="HJW137" s="23"/>
      <c r="HJX137" s="23"/>
      <c r="HJY137" s="23"/>
      <c r="HJZ137" s="23"/>
      <c r="HKA137" s="23"/>
      <c r="HKB137" s="23"/>
      <c r="HKC137" s="23"/>
      <c r="HKD137" s="23"/>
      <c r="HKE137" s="23"/>
      <c r="HKF137" s="23"/>
      <c r="HKG137" s="23"/>
      <c r="HKH137" s="23"/>
      <c r="HKI137" s="23"/>
      <c r="HKJ137" s="23"/>
      <c r="HKK137" s="23"/>
      <c r="HKL137" s="23"/>
      <c r="HKM137" s="23"/>
      <c r="HKN137" s="23"/>
      <c r="HKO137" s="23"/>
      <c r="HKP137" s="23"/>
      <c r="HKQ137" s="23"/>
      <c r="HKR137" s="23"/>
      <c r="HKS137" s="23"/>
      <c r="HKT137" s="23"/>
      <c r="HKU137" s="23"/>
      <c r="HKV137" s="23"/>
      <c r="HKW137" s="23"/>
      <c r="HKX137" s="23"/>
      <c r="HKY137" s="23"/>
      <c r="HKZ137" s="23"/>
      <c r="HLA137" s="23"/>
      <c r="HLB137" s="23"/>
      <c r="HLC137" s="23"/>
      <c r="HLD137" s="23"/>
      <c r="HLE137" s="23"/>
      <c r="HLF137" s="23"/>
      <c r="HLG137" s="23"/>
      <c r="HLH137" s="23"/>
      <c r="HLI137" s="23"/>
      <c r="HLJ137" s="23"/>
      <c r="HLK137" s="23"/>
      <c r="HLL137" s="23"/>
      <c r="HLM137" s="23"/>
      <c r="HLN137" s="23"/>
      <c r="HLO137" s="23"/>
      <c r="HLP137" s="23"/>
      <c r="HLQ137" s="23"/>
      <c r="HLR137" s="23"/>
      <c r="HLS137" s="23"/>
      <c r="HLT137" s="23"/>
      <c r="HLU137" s="23"/>
      <c r="HLV137" s="23"/>
      <c r="HLW137" s="23"/>
      <c r="HLX137" s="23"/>
      <c r="HLY137" s="23"/>
      <c r="HLZ137" s="23"/>
      <c r="HMA137" s="23"/>
      <c r="HMB137" s="23"/>
      <c r="HMC137" s="23"/>
      <c r="HMD137" s="23"/>
      <c r="HME137" s="23"/>
      <c r="HMF137" s="23"/>
      <c r="HMG137" s="23"/>
      <c r="HMH137" s="23"/>
      <c r="HMI137" s="23"/>
      <c r="HMJ137" s="23"/>
      <c r="HMK137" s="23"/>
      <c r="HML137" s="23"/>
      <c r="HMM137" s="23"/>
      <c r="HMN137" s="23"/>
      <c r="HMO137" s="23"/>
      <c r="HMP137" s="23"/>
      <c r="HMQ137" s="23"/>
      <c r="HMR137" s="23"/>
      <c r="HMS137" s="23"/>
      <c r="HMT137" s="23"/>
      <c r="HMU137" s="23"/>
      <c r="HMV137" s="23"/>
      <c r="HMW137" s="23"/>
      <c r="HMX137" s="23"/>
      <c r="HMY137" s="23"/>
      <c r="HMZ137" s="23"/>
      <c r="HNA137" s="23"/>
      <c r="HNB137" s="23"/>
      <c r="HNC137" s="23"/>
      <c r="HND137" s="23"/>
      <c r="HNE137" s="23"/>
      <c r="HNF137" s="23"/>
      <c r="HNG137" s="23"/>
      <c r="HNH137" s="23"/>
      <c r="HNI137" s="23"/>
      <c r="HNJ137" s="23"/>
      <c r="HNK137" s="23"/>
      <c r="HNL137" s="23"/>
      <c r="HNM137" s="23"/>
      <c r="HNN137" s="23"/>
      <c r="HNO137" s="23"/>
      <c r="HNP137" s="23"/>
      <c r="HNQ137" s="23"/>
      <c r="HNR137" s="23"/>
      <c r="HNS137" s="23"/>
      <c r="HNT137" s="23"/>
      <c r="HNU137" s="23"/>
      <c r="HNV137" s="23"/>
      <c r="HNW137" s="23"/>
      <c r="HNX137" s="23"/>
      <c r="HNY137" s="23"/>
      <c r="HNZ137" s="23"/>
      <c r="HOA137" s="23"/>
      <c r="HOB137" s="23"/>
      <c r="HOC137" s="23"/>
      <c r="HOD137" s="23"/>
      <c r="HOE137" s="23"/>
      <c r="HOF137" s="23"/>
      <c r="HOG137" s="23"/>
      <c r="HOH137" s="23"/>
      <c r="HOI137" s="23"/>
      <c r="HOJ137" s="23"/>
      <c r="HOK137" s="23"/>
      <c r="HOL137" s="23"/>
      <c r="HOM137" s="23"/>
      <c r="HON137" s="23"/>
      <c r="HOO137" s="23"/>
      <c r="HOP137" s="23"/>
      <c r="HOQ137" s="23"/>
      <c r="HOR137" s="23"/>
      <c r="HOS137" s="23"/>
      <c r="HOT137" s="23"/>
      <c r="HOU137" s="23"/>
      <c r="HOV137" s="23"/>
      <c r="HOW137" s="23"/>
      <c r="HOX137" s="23"/>
      <c r="HOY137" s="23"/>
      <c r="HOZ137" s="23"/>
      <c r="HPA137" s="23"/>
      <c r="HPB137" s="23"/>
      <c r="HPC137" s="23"/>
      <c r="HPD137" s="23"/>
      <c r="HPE137" s="23"/>
      <c r="HPF137" s="23"/>
      <c r="HPG137" s="23"/>
      <c r="HPH137" s="23"/>
      <c r="HPI137" s="23"/>
      <c r="HPJ137" s="23"/>
      <c r="HPK137" s="23"/>
      <c r="HPL137" s="23"/>
      <c r="HPM137" s="23"/>
      <c r="HPN137" s="23"/>
      <c r="HPO137" s="23"/>
      <c r="HPP137" s="23"/>
      <c r="HPQ137" s="23"/>
      <c r="HPR137" s="23"/>
      <c r="HPS137" s="23"/>
      <c r="HPT137" s="23"/>
      <c r="HPU137" s="23"/>
      <c r="HPV137" s="23"/>
      <c r="HPW137" s="23"/>
      <c r="HPX137" s="23"/>
      <c r="HPY137" s="23"/>
      <c r="HPZ137" s="23"/>
      <c r="HQA137" s="23"/>
      <c r="HQB137" s="23"/>
      <c r="HQC137" s="23"/>
      <c r="HQD137" s="23"/>
      <c r="HQE137" s="23"/>
      <c r="HQF137" s="23"/>
      <c r="HQG137" s="23"/>
      <c r="HQH137" s="23"/>
      <c r="HQI137" s="23"/>
      <c r="HQJ137" s="23"/>
      <c r="HQK137" s="23"/>
      <c r="HQL137" s="23"/>
      <c r="HQM137" s="23"/>
      <c r="HQN137" s="23"/>
      <c r="HQO137" s="23"/>
      <c r="HQP137" s="23"/>
      <c r="HQQ137" s="23"/>
      <c r="HQR137" s="23"/>
      <c r="HQS137" s="23"/>
      <c r="HQT137" s="23"/>
      <c r="HQU137" s="23"/>
      <c r="HQV137" s="23"/>
      <c r="HQW137" s="23"/>
      <c r="HQX137" s="23"/>
      <c r="HQY137" s="23"/>
      <c r="HQZ137" s="23"/>
      <c r="HRA137" s="23"/>
      <c r="HRB137" s="23"/>
      <c r="HRC137" s="23"/>
      <c r="HRD137" s="23"/>
      <c r="HRE137" s="23"/>
      <c r="HRF137" s="23"/>
      <c r="HRG137" s="23"/>
      <c r="HRH137" s="23"/>
      <c r="HRI137" s="23"/>
      <c r="HRJ137" s="23"/>
      <c r="HRK137" s="23"/>
      <c r="HRL137" s="23"/>
      <c r="HRM137" s="23"/>
      <c r="HRN137" s="23"/>
      <c r="HRO137" s="23"/>
      <c r="HRP137" s="23"/>
      <c r="HRQ137" s="23"/>
      <c r="HRR137" s="23"/>
      <c r="HRS137" s="23"/>
      <c r="HRT137" s="23"/>
      <c r="HRU137" s="23"/>
      <c r="HRV137" s="23"/>
      <c r="HRW137" s="23"/>
      <c r="HRX137" s="23"/>
      <c r="HRY137" s="23"/>
      <c r="HRZ137" s="23"/>
      <c r="HSA137" s="23"/>
      <c r="HSB137" s="23"/>
      <c r="HSC137" s="23"/>
      <c r="HSD137" s="23"/>
      <c r="HSE137" s="23"/>
      <c r="HSF137" s="23"/>
      <c r="HSG137" s="23"/>
      <c r="HSH137" s="23"/>
      <c r="HSI137" s="23"/>
      <c r="HSJ137" s="23"/>
      <c r="HSK137" s="23"/>
      <c r="HSL137" s="23"/>
      <c r="HSM137" s="23"/>
      <c r="HSN137" s="23"/>
      <c r="HSO137" s="23"/>
      <c r="HSP137" s="23"/>
      <c r="HSQ137" s="23"/>
      <c r="HSR137" s="23"/>
      <c r="HSS137" s="23"/>
      <c r="HST137" s="23"/>
      <c r="HSU137" s="23"/>
      <c r="HSV137" s="23"/>
      <c r="HSW137" s="23"/>
      <c r="HSX137" s="23"/>
      <c r="HSY137" s="23"/>
      <c r="HSZ137" s="23"/>
      <c r="HTA137" s="23"/>
      <c r="HTB137" s="23"/>
      <c r="HTC137" s="23"/>
      <c r="HTD137" s="23"/>
      <c r="HTE137" s="23"/>
      <c r="HTF137" s="23"/>
      <c r="HTG137" s="23"/>
      <c r="HTH137" s="23"/>
      <c r="HTI137" s="23"/>
      <c r="HTJ137" s="23"/>
      <c r="HTK137" s="23"/>
      <c r="HTL137" s="23"/>
      <c r="HTM137" s="23"/>
      <c r="HTN137" s="23"/>
      <c r="HTO137" s="23"/>
      <c r="HTP137" s="23"/>
      <c r="HTQ137" s="23"/>
      <c r="HTR137" s="23"/>
      <c r="HTS137" s="23"/>
      <c r="HTT137" s="23"/>
      <c r="HTU137" s="23"/>
      <c r="HTV137" s="23"/>
      <c r="HTW137" s="23"/>
      <c r="HTX137" s="23"/>
      <c r="HTY137" s="23"/>
      <c r="HTZ137" s="23"/>
      <c r="HUA137" s="23"/>
      <c r="HUB137" s="23"/>
      <c r="HUC137" s="23"/>
      <c r="HUD137" s="23"/>
      <c r="HUE137" s="23"/>
      <c r="HUF137" s="23"/>
      <c r="HUG137" s="23"/>
      <c r="HUH137" s="23"/>
      <c r="HUI137" s="23"/>
      <c r="HUJ137" s="23"/>
      <c r="HUK137" s="23"/>
      <c r="HUL137" s="23"/>
      <c r="HUM137" s="23"/>
      <c r="HUN137" s="23"/>
      <c r="HUO137" s="23"/>
      <c r="HUP137" s="23"/>
      <c r="HUQ137" s="23"/>
      <c r="HUR137" s="23"/>
      <c r="HUS137" s="23"/>
      <c r="HUT137" s="23"/>
      <c r="HUU137" s="23"/>
      <c r="HUV137" s="23"/>
      <c r="HUW137" s="23"/>
      <c r="HUX137" s="23"/>
      <c r="HUY137" s="23"/>
      <c r="HUZ137" s="23"/>
      <c r="HVA137" s="23"/>
      <c r="HVB137" s="23"/>
      <c r="HVC137" s="23"/>
      <c r="HVD137" s="23"/>
      <c r="HVE137" s="23"/>
      <c r="HVF137" s="23"/>
      <c r="HVG137" s="23"/>
      <c r="HVH137" s="23"/>
      <c r="HVI137" s="23"/>
      <c r="HVJ137" s="23"/>
      <c r="HVK137" s="23"/>
      <c r="HVL137" s="23"/>
      <c r="HVM137" s="23"/>
      <c r="HVN137" s="23"/>
      <c r="HVO137" s="23"/>
      <c r="HVP137" s="23"/>
      <c r="HVQ137" s="23"/>
      <c r="HVR137" s="23"/>
      <c r="HVS137" s="23"/>
      <c r="HVT137" s="23"/>
      <c r="HVU137" s="23"/>
      <c r="HVV137" s="23"/>
      <c r="HVW137" s="23"/>
      <c r="HVX137" s="23"/>
      <c r="HVY137" s="23"/>
      <c r="HVZ137" s="23"/>
      <c r="HWA137" s="23"/>
      <c r="HWB137" s="23"/>
      <c r="HWC137" s="23"/>
      <c r="HWD137" s="23"/>
      <c r="HWE137" s="23"/>
      <c r="HWF137" s="23"/>
      <c r="HWG137" s="23"/>
      <c r="HWH137" s="23"/>
      <c r="HWI137" s="23"/>
      <c r="HWJ137" s="23"/>
      <c r="HWK137" s="23"/>
      <c r="HWL137" s="23"/>
      <c r="HWM137" s="23"/>
      <c r="HWN137" s="23"/>
      <c r="HWO137" s="23"/>
      <c r="HWP137" s="23"/>
      <c r="HWQ137" s="23"/>
      <c r="HWR137" s="23"/>
      <c r="HWS137" s="23"/>
      <c r="HWT137" s="23"/>
      <c r="HWU137" s="23"/>
      <c r="HWV137" s="23"/>
      <c r="HWW137" s="23"/>
      <c r="HWX137" s="23"/>
      <c r="HWY137" s="23"/>
      <c r="HWZ137" s="23"/>
      <c r="HXA137" s="23"/>
      <c r="HXB137" s="23"/>
      <c r="HXC137" s="23"/>
      <c r="HXD137" s="23"/>
      <c r="HXE137" s="23"/>
      <c r="HXF137" s="23"/>
      <c r="HXG137" s="23"/>
      <c r="HXH137" s="23"/>
      <c r="HXI137" s="23"/>
      <c r="HXJ137" s="23"/>
      <c r="HXK137" s="23"/>
      <c r="HXL137" s="23"/>
      <c r="HXM137" s="23"/>
      <c r="HXN137" s="23"/>
      <c r="HXO137" s="23"/>
      <c r="HXP137" s="23"/>
      <c r="HXQ137" s="23"/>
      <c r="HXR137" s="23"/>
      <c r="HXS137" s="23"/>
      <c r="HXT137" s="23"/>
      <c r="HXU137" s="23"/>
      <c r="HXV137" s="23"/>
      <c r="HXW137" s="23"/>
      <c r="HXX137" s="23"/>
      <c r="HXY137" s="23"/>
      <c r="HXZ137" s="23"/>
      <c r="HYA137" s="23"/>
      <c r="HYB137" s="23"/>
      <c r="HYC137" s="23"/>
      <c r="HYD137" s="23"/>
      <c r="HYE137" s="23"/>
      <c r="HYF137" s="23"/>
      <c r="HYG137" s="23"/>
      <c r="HYH137" s="23"/>
      <c r="HYI137" s="23"/>
      <c r="HYJ137" s="23"/>
      <c r="HYK137" s="23"/>
      <c r="HYL137" s="23"/>
      <c r="HYM137" s="23"/>
      <c r="HYN137" s="23"/>
      <c r="HYO137" s="23"/>
      <c r="HYP137" s="23"/>
      <c r="HYQ137" s="23"/>
      <c r="HYR137" s="23"/>
      <c r="HYS137" s="23"/>
      <c r="HYT137" s="23"/>
      <c r="HYU137" s="23"/>
      <c r="HYV137" s="23"/>
      <c r="HYW137" s="23"/>
      <c r="HYX137" s="23"/>
      <c r="HYY137" s="23"/>
      <c r="HYZ137" s="23"/>
      <c r="HZA137" s="23"/>
      <c r="HZB137" s="23"/>
      <c r="HZC137" s="23"/>
      <c r="HZD137" s="23"/>
      <c r="HZE137" s="23"/>
      <c r="HZF137" s="23"/>
      <c r="HZG137" s="23"/>
      <c r="HZH137" s="23"/>
      <c r="HZI137" s="23"/>
      <c r="HZJ137" s="23"/>
      <c r="HZK137" s="23"/>
      <c r="HZL137" s="23"/>
      <c r="HZM137" s="23"/>
      <c r="HZN137" s="23"/>
      <c r="HZO137" s="23"/>
      <c r="HZP137" s="23"/>
      <c r="HZQ137" s="23"/>
      <c r="HZR137" s="23"/>
      <c r="HZS137" s="23"/>
      <c r="HZT137" s="23"/>
      <c r="HZU137" s="23"/>
      <c r="HZV137" s="23"/>
      <c r="HZW137" s="23"/>
      <c r="HZX137" s="23"/>
      <c r="HZY137" s="23"/>
      <c r="HZZ137" s="23"/>
      <c r="IAA137" s="23"/>
      <c r="IAB137" s="23"/>
      <c r="IAC137" s="23"/>
      <c r="IAD137" s="23"/>
      <c r="IAE137" s="23"/>
      <c r="IAF137" s="23"/>
      <c r="IAG137" s="23"/>
      <c r="IAH137" s="23"/>
      <c r="IAI137" s="23"/>
      <c r="IAJ137" s="23"/>
      <c r="IAK137" s="23"/>
      <c r="IAL137" s="23"/>
      <c r="IAM137" s="23"/>
      <c r="IAN137" s="23"/>
      <c r="IAO137" s="23"/>
      <c r="IAP137" s="23"/>
      <c r="IAQ137" s="23"/>
      <c r="IAR137" s="23"/>
      <c r="IAS137" s="23"/>
      <c r="IAT137" s="23"/>
      <c r="IAU137" s="23"/>
      <c r="IAV137" s="23"/>
      <c r="IAW137" s="23"/>
      <c r="IAX137" s="23"/>
      <c r="IAY137" s="23"/>
      <c r="IAZ137" s="23"/>
      <c r="IBA137" s="23"/>
      <c r="IBB137" s="23"/>
      <c r="IBC137" s="23"/>
      <c r="IBD137" s="23"/>
      <c r="IBE137" s="23"/>
      <c r="IBF137" s="23"/>
      <c r="IBG137" s="23"/>
      <c r="IBH137" s="23"/>
      <c r="IBI137" s="23"/>
      <c r="IBJ137" s="23"/>
      <c r="IBK137" s="23"/>
      <c r="IBL137" s="23"/>
      <c r="IBM137" s="23"/>
      <c r="IBN137" s="23"/>
      <c r="IBO137" s="23"/>
      <c r="IBP137" s="23"/>
      <c r="IBQ137" s="23"/>
      <c r="IBR137" s="23"/>
      <c r="IBS137" s="23"/>
      <c r="IBT137" s="23"/>
      <c r="IBU137" s="23"/>
      <c r="IBV137" s="23"/>
      <c r="IBW137" s="23"/>
      <c r="IBX137" s="23"/>
      <c r="IBY137" s="23"/>
      <c r="IBZ137" s="23"/>
      <c r="ICA137" s="23"/>
      <c r="ICB137" s="23"/>
      <c r="ICC137" s="23"/>
      <c r="ICD137" s="23"/>
      <c r="ICE137" s="23"/>
      <c r="ICF137" s="23"/>
      <c r="ICG137" s="23"/>
      <c r="ICH137" s="23"/>
      <c r="ICI137" s="23"/>
      <c r="ICJ137" s="23"/>
      <c r="ICK137" s="23"/>
      <c r="ICL137" s="23"/>
      <c r="ICM137" s="23"/>
      <c r="ICN137" s="23"/>
      <c r="ICO137" s="23"/>
      <c r="ICP137" s="23"/>
      <c r="ICQ137" s="23"/>
      <c r="ICR137" s="23"/>
      <c r="ICS137" s="23"/>
      <c r="ICT137" s="23"/>
      <c r="ICU137" s="23"/>
      <c r="ICV137" s="23"/>
      <c r="ICW137" s="23"/>
      <c r="ICX137" s="23"/>
      <c r="ICY137" s="23"/>
      <c r="ICZ137" s="23"/>
      <c r="IDA137" s="23"/>
      <c r="IDB137" s="23"/>
      <c r="IDC137" s="23"/>
      <c r="IDD137" s="23"/>
      <c r="IDE137" s="23"/>
      <c r="IDF137" s="23"/>
      <c r="IDG137" s="23"/>
      <c r="IDH137" s="23"/>
      <c r="IDI137" s="23"/>
      <c r="IDJ137" s="23"/>
      <c r="IDK137" s="23"/>
      <c r="IDL137" s="23"/>
      <c r="IDM137" s="23"/>
      <c r="IDN137" s="23"/>
      <c r="IDO137" s="23"/>
      <c r="IDP137" s="23"/>
      <c r="IDQ137" s="23"/>
      <c r="IDR137" s="23"/>
      <c r="IDS137" s="23"/>
      <c r="IDT137" s="23"/>
      <c r="IDU137" s="23"/>
      <c r="IDV137" s="23"/>
      <c r="IDW137" s="23"/>
      <c r="IDX137" s="23"/>
      <c r="IDY137" s="23"/>
      <c r="IDZ137" s="23"/>
      <c r="IEA137" s="23"/>
      <c r="IEB137" s="23"/>
      <c r="IEC137" s="23"/>
      <c r="IED137" s="23"/>
      <c r="IEE137" s="23"/>
      <c r="IEF137" s="23"/>
      <c r="IEG137" s="23"/>
      <c r="IEH137" s="23"/>
      <c r="IEI137" s="23"/>
      <c r="IEJ137" s="23"/>
      <c r="IEK137" s="23"/>
      <c r="IEL137" s="23"/>
      <c r="IEM137" s="23"/>
      <c r="IEN137" s="23"/>
      <c r="IEO137" s="23"/>
      <c r="IEP137" s="23"/>
      <c r="IEQ137" s="23"/>
      <c r="IER137" s="23"/>
      <c r="IES137" s="23"/>
      <c r="IET137" s="23"/>
      <c r="IEU137" s="23"/>
      <c r="IEV137" s="23"/>
      <c r="IEW137" s="23"/>
      <c r="IEX137" s="23"/>
      <c r="IEY137" s="23"/>
      <c r="IEZ137" s="23"/>
      <c r="IFA137" s="23"/>
      <c r="IFB137" s="23"/>
      <c r="IFC137" s="23"/>
      <c r="IFD137" s="23"/>
      <c r="IFE137" s="23"/>
      <c r="IFF137" s="23"/>
      <c r="IFG137" s="23"/>
      <c r="IFH137" s="23"/>
      <c r="IFI137" s="23"/>
      <c r="IFJ137" s="23"/>
      <c r="IFK137" s="23"/>
      <c r="IFL137" s="23"/>
      <c r="IFM137" s="23"/>
      <c r="IFN137" s="23"/>
      <c r="IFO137" s="23"/>
      <c r="IFP137" s="23"/>
      <c r="IFQ137" s="23"/>
      <c r="IFR137" s="23"/>
      <c r="IFS137" s="23"/>
      <c r="IFT137" s="23"/>
      <c r="IFU137" s="23"/>
      <c r="IFV137" s="23"/>
      <c r="IFW137" s="23"/>
      <c r="IFX137" s="23"/>
      <c r="IFY137" s="23"/>
      <c r="IFZ137" s="23"/>
      <c r="IGA137" s="23"/>
      <c r="IGB137" s="23"/>
      <c r="IGC137" s="23"/>
      <c r="IGD137" s="23"/>
      <c r="IGE137" s="23"/>
      <c r="IGF137" s="23"/>
      <c r="IGG137" s="23"/>
      <c r="IGH137" s="23"/>
      <c r="IGI137" s="23"/>
      <c r="IGJ137" s="23"/>
      <c r="IGK137" s="23"/>
      <c r="IGL137" s="23"/>
      <c r="IGM137" s="23"/>
      <c r="IGN137" s="23"/>
      <c r="IGO137" s="23"/>
      <c r="IGP137" s="23"/>
      <c r="IGQ137" s="23"/>
      <c r="IGR137" s="23"/>
      <c r="IGS137" s="23"/>
      <c r="IGT137" s="23"/>
      <c r="IGU137" s="23"/>
      <c r="IGV137" s="23"/>
      <c r="IGW137" s="23"/>
      <c r="IGX137" s="23"/>
      <c r="IGY137" s="23"/>
      <c r="IGZ137" s="23"/>
      <c r="IHA137" s="23"/>
      <c r="IHB137" s="23"/>
      <c r="IHC137" s="23"/>
      <c r="IHD137" s="23"/>
      <c r="IHE137" s="23"/>
      <c r="IHF137" s="23"/>
      <c r="IHG137" s="23"/>
      <c r="IHH137" s="23"/>
      <c r="IHI137" s="23"/>
      <c r="IHJ137" s="23"/>
      <c r="IHK137" s="23"/>
      <c r="IHL137" s="23"/>
      <c r="IHM137" s="23"/>
      <c r="IHN137" s="23"/>
      <c r="IHO137" s="23"/>
      <c r="IHP137" s="23"/>
      <c r="IHQ137" s="23"/>
      <c r="IHR137" s="23"/>
      <c r="IHS137" s="23"/>
      <c r="IHT137" s="23"/>
      <c r="IHU137" s="23"/>
      <c r="IHV137" s="23"/>
      <c r="IHW137" s="23"/>
      <c r="IHX137" s="23"/>
      <c r="IHY137" s="23"/>
      <c r="IHZ137" s="23"/>
      <c r="IIA137" s="23"/>
      <c r="IIB137" s="23"/>
      <c r="IIC137" s="23"/>
      <c r="IID137" s="23"/>
      <c r="IIE137" s="23"/>
      <c r="IIF137" s="23"/>
      <c r="IIG137" s="23"/>
      <c r="IIH137" s="23"/>
      <c r="III137" s="23"/>
      <c r="IIJ137" s="23"/>
      <c r="IIK137" s="23"/>
      <c r="IIL137" s="23"/>
      <c r="IIM137" s="23"/>
      <c r="IIN137" s="23"/>
      <c r="IIO137" s="23"/>
      <c r="IIP137" s="23"/>
      <c r="IIQ137" s="23"/>
      <c r="IIR137" s="23"/>
      <c r="IIS137" s="23"/>
      <c r="IIT137" s="23"/>
      <c r="IIU137" s="23"/>
      <c r="IIV137" s="23"/>
      <c r="IIW137" s="23"/>
      <c r="IIX137" s="23"/>
      <c r="IIY137" s="23"/>
      <c r="IIZ137" s="23"/>
      <c r="IJA137" s="23"/>
      <c r="IJB137" s="23"/>
      <c r="IJC137" s="23"/>
      <c r="IJD137" s="23"/>
      <c r="IJE137" s="23"/>
      <c r="IJF137" s="23"/>
      <c r="IJG137" s="23"/>
      <c r="IJH137" s="23"/>
      <c r="IJI137" s="23"/>
      <c r="IJJ137" s="23"/>
      <c r="IJK137" s="23"/>
      <c r="IJL137" s="23"/>
      <c r="IJM137" s="23"/>
      <c r="IJN137" s="23"/>
      <c r="IJO137" s="23"/>
      <c r="IJP137" s="23"/>
      <c r="IJQ137" s="23"/>
      <c r="IJR137" s="23"/>
      <c r="IJS137" s="23"/>
      <c r="IJT137" s="23"/>
      <c r="IJU137" s="23"/>
      <c r="IJV137" s="23"/>
      <c r="IJW137" s="23"/>
      <c r="IJX137" s="23"/>
      <c r="IJY137" s="23"/>
      <c r="IJZ137" s="23"/>
      <c r="IKA137" s="23"/>
      <c r="IKB137" s="23"/>
      <c r="IKC137" s="23"/>
      <c r="IKD137" s="23"/>
      <c r="IKE137" s="23"/>
      <c r="IKF137" s="23"/>
      <c r="IKG137" s="23"/>
      <c r="IKH137" s="23"/>
      <c r="IKI137" s="23"/>
      <c r="IKJ137" s="23"/>
      <c r="IKK137" s="23"/>
      <c r="IKL137" s="23"/>
      <c r="IKM137" s="23"/>
      <c r="IKN137" s="23"/>
      <c r="IKO137" s="23"/>
      <c r="IKP137" s="23"/>
      <c r="IKQ137" s="23"/>
      <c r="IKR137" s="23"/>
      <c r="IKS137" s="23"/>
      <c r="IKT137" s="23"/>
      <c r="IKU137" s="23"/>
      <c r="IKV137" s="23"/>
      <c r="IKW137" s="23"/>
      <c r="IKX137" s="23"/>
      <c r="IKY137" s="23"/>
      <c r="IKZ137" s="23"/>
      <c r="ILA137" s="23"/>
      <c r="ILB137" s="23"/>
      <c r="ILC137" s="23"/>
      <c r="ILD137" s="23"/>
      <c r="ILE137" s="23"/>
      <c r="ILF137" s="23"/>
      <c r="ILG137" s="23"/>
      <c r="ILH137" s="23"/>
      <c r="ILI137" s="23"/>
      <c r="ILJ137" s="23"/>
      <c r="ILK137" s="23"/>
      <c r="ILL137" s="23"/>
      <c r="ILM137" s="23"/>
      <c r="ILN137" s="23"/>
      <c r="ILO137" s="23"/>
      <c r="ILP137" s="23"/>
      <c r="ILQ137" s="23"/>
      <c r="ILR137" s="23"/>
      <c r="ILS137" s="23"/>
      <c r="ILT137" s="23"/>
      <c r="ILU137" s="23"/>
      <c r="ILV137" s="23"/>
      <c r="ILW137" s="23"/>
      <c r="ILX137" s="23"/>
      <c r="ILY137" s="23"/>
      <c r="ILZ137" s="23"/>
      <c r="IMA137" s="23"/>
      <c r="IMB137" s="23"/>
      <c r="IMC137" s="23"/>
      <c r="IMD137" s="23"/>
      <c r="IME137" s="23"/>
      <c r="IMF137" s="23"/>
      <c r="IMG137" s="23"/>
      <c r="IMH137" s="23"/>
      <c r="IMI137" s="23"/>
      <c r="IMJ137" s="23"/>
      <c r="IMK137" s="23"/>
      <c r="IML137" s="23"/>
      <c r="IMM137" s="23"/>
      <c r="IMN137" s="23"/>
      <c r="IMO137" s="23"/>
      <c r="IMP137" s="23"/>
      <c r="IMQ137" s="23"/>
      <c r="IMR137" s="23"/>
      <c r="IMS137" s="23"/>
      <c r="IMT137" s="23"/>
      <c r="IMU137" s="23"/>
      <c r="IMV137" s="23"/>
      <c r="IMW137" s="23"/>
      <c r="IMX137" s="23"/>
      <c r="IMY137" s="23"/>
      <c r="IMZ137" s="23"/>
      <c r="INA137" s="23"/>
      <c r="INB137" s="23"/>
      <c r="INC137" s="23"/>
      <c r="IND137" s="23"/>
      <c r="INE137" s="23"/>
      <c r="INF137" s="23"/>
      <c r="ING137" s="23"/>
      <c r="INH137" s="23"/>
      <c r="INI137" s="23"/>
      <c r="INJ137" s="23"/>
      <c r="INK137" s="23"/>
      <c r="INL137" s="23"/>
      <c r="INM137" s="23"/>
      <c r="INN137" s="23"/>
      <c r="INO137" s="23"/>
      <c r="INP137" s="23"/>
      <c r="INQ137" s="23"/>
      <c r="INR137" s="23"/>
      <c r="INS137" s="23"/>
      <c r="INT137" s="23"/>
      <c r="INU137" s="23"/>
      <c r="INV137" s="23"/>
      <c r="INW137" s="23"/>
      <c r="INX137" s="23"/>
      <c r="INY137" s="23"/>
      <c r="INZ137" s="23"/>
      <c r="IOA137" s="23"/>
      <c r="IOB137" s="23"/>
      <c r="IOC137" s="23"/>
      <c r="IOD137" s="23"/>
      <c r="IOE137" s="23"/>
      <c r="IOF137" s="23"/>
      <c r="IOG137" s="23"/>
      <c r="IOH137" s="23"/>
      <c r="IOI137" s="23"/>
      <c r="IOJ137" s="23"/>
      <c r="IOK137" s="23"/>
      <c r="IOL137" s="23"/>
      <c r="IOM137" s="23"/>
      <c r="ION137" s="23"/>
      <c r="IOO137" s="23"/>
      <c r="IOP137" s="23"/>
      <c r="IOQ137" s="23"/>
      <c r="IOR137" s="23"/>
      <c r="IOS137" s="23"/>
      <c r="IOT137" s="23"/>
      <c r="IOU137" s="23"/>
      <c r="IOV137" s="23"/>
      <c r="IOW137" s="23"/>
      <c r="IOX137" s="23"/>
      <c r="IOY137" s="23"/>
      <c r="IOZ137" s="23"/>
      <c r="IPA137" s="23"/>
      <c r="IPB137" s="23"/>
      <c r="IPC137" s="23"/>
      <c r="IPD137" s="23"/>
      <c r="IPE137" s="23"/>
      <c r="IPF137" s="23"/>
      <c r="IPG137" s="23"/>
      <c r="IPH137" s="23"/>
      <c r="IPI137" s="23"/>
      <c r="IPJ137" s="23"/>
      <c r="IPK137" s="23"/>
      <c r="IPL137" s="23"/>
      <c r="IPM137" s="23"/>
      <c r="IPN137" s="23"/>
      <c r="IPO137" s="23"/>
      <c r="IPP137" s="23"/>
      <c r="IPQ137" s="23"/>
      <c r="IPR137" s="23"/>
      <c r="IPS137" s="23"/>
      <c r="IPT137" s="23"/>
      <c r="IPU137" s="23"/>
      <c r="IPV137" s="23"/>
      <c r="IPW137" s="23"/>
      <c r="IPX137" s="23"/>
      <c r="IPY137" s="23"/>
      <c r="IPZ137" s="23"/>
      <c r="IQA137" s="23"/>
      <c r="IQB137" s="23"/>
      <c r="IQC137" s="23"/>
      <c r="IQD137" s="23"/>
      <c r="IQE137" s="23"/>
      <c r="IQF137" s="23"/>
      <c r="IQG137" s="23"/>
      <c r="IQH137" s="23"/>
      <c r="IQI137" s="23"/>
      <c r="IQJ137" s="23"/>
      <c r="IQK137" s="23"/>
      <c r="IQL137" s="23"/>
      <c r="IQM137" s="23"/>
      <c r="IQN137" s="23"/>
      <c r="IQO137" s="23"/>
      <c r="IQP137" s="23"/>
      <c r="IQQ137" s="23"/>
      <c r="IQR137" s="23"/>
      <c r="IQS137" s="23"/>
      <c r="IQT137" s="23"/>
      <c r="IQU137" s="23"/>
      <c r="IQV137" s="23"/>
      <c r="IQW137" s="23"/>
      <c r="IQX137" s="23"/>
      <c r="IQY137" s="23"/>
      <c r="IQZ137" s="23"/>
      <c r="IRA137" s="23"/>
      <c r="IRB137" s="23"/>
      <c r="IRC137" s="23"/>
      <c r="IRD137" s="23"/>
      <c r="IRE137" s="23"/>
      <c r="IRF137" s="23"/>
      <c r="IRG137" s="23"/>
      <c r="IRH137" s="23"/>
      <c r="IRI137" s="23"/>
      <c r="IRJ137" s="23"/>
      <c r="IRK137" s="23"/>
      <c r="IRL137" s="23"/>
      <c r="IRM137" s="23"/>
      <c r="IRN137" s="23"/>
      <c r="IRO137" s="23"/>
      <c r="IRP137" s="23"/>
      <c r="IRQ137" s="23"/>
      <c r="IRR137" s="23"/>
      <c r="IRS137" s="23"/>
      <c r="IRT137" s="23"/>
      <c r="IRU137" s="23"/>
      <c r="IRV137" s="23"/>
      <c r="IRW137" s="23"/>
      <c r="IRX137" s="23"/>
      <c r="IRY137" s="23"/>
      <c r="IRZ137" s="23"/>
      <c r="ISA137" s="23"/>
      <c r="ISB137" s="23"/>
      <c r="ISC137" s="23"/>
      <c r="ISD137" s="23"/>
      <c r="ISE137" s="23"/>
      <c r="ISF137" s="23"/>
      <c r="ISG137" s="23"/>
      <c r="ISH137" s="23"/>
      <c r="ISI137" s="23"/>
      <c r="ISJ137" s="23"/>
      <c r="ISK137" s="23"/>
      <c r="ISL137" s="23"/>
      <c r="ISM137" s="23"/>
      <c r="ISN137" s="23"/>
      <c r="ISO137" s="23"/>
      <c r="ISP137" s="23"/>
      <c r="ISQ137" s="23"/>
      <c r="ISR137" s="23"/>
      <c r="ISS137" s="23"/>
      <c r="IST137" s="23"/>
      <c r="ISU137" s="23"/>
      <c r="ISV137" s="23"/>
      <c r="ISW137" s="23"/>
      <c r="ISX137" s="23"/>
      <c r="ISY137" s="23"/>
      <c r="ISZ137" s="23"/>
      <c r="ITA137" s="23"/>
      <c r="ITB137" s="23"/>
      <c r="ITC137" s="23"/>
      <c r="ITD137" s="23"/>
      <c r="ITE137" s="23"/>
      <c r="ITF137" s="23"/>
      <c r="ITG137" s="23"/>
      <c r="ITH137" s="23"/>
      <c r="ITI137" s="23"/>
      <c r="ITJ137" s="23"/>
      <c r="ITK137" s="23"/>
      <c r="ITL137" s="23"/>
      <c r="ITM137" s="23"/>
      <c r="ITN137" s="23"/>
      <c r="ITO137" s="23"/>
      <c r="ITP137" s="23"/>
      <c r="ITQ137" s="23"/>
      <c r="ITR137" s="23"/>
      <c r="ITS137" s="23"/>
      <c r="ITT137" s="23"/>
      <c r="ITU137" s="23"/>
      <c r="ITV137" s="23"/>
      <c r="ITW137" s="23"/>
      <c r="ITX137" s="23"/>
      <c r="ITY137" s="23"/>
      <c r="ITZ137" s="23"/>
      <c r="IUA137" s="23"/>
      <c r="IUB137" s="23"/>
      <c r="IUC137" s="23"/>
      <c r="IUD137" s="23"/>
      <c r="IUE137" s="23"/>
      <c r="IUF137" s="23"/>
      <c r="IUG137" s="23"/>
      <c r="IUH137" s="23"/>
      <c r="IUI137" s="23"/>
      <c r="IUJ137" s="23"/>
      <c r="IUK137" s="23"/>
      <c r="IUL137" s="23"/>
      <c r="IUM137" s="23"/>
      <c r="IUN137" s="23"/>
      <c r="IUO137" s="23"/>
      <c r="IUP137" s="23"/>
      <c r="IUQ137" s="23"/>
      <c r="IUR137" s="23"/>
      <c r="IUS137" s="23"/>
      <c r="IUT137" s="23"/>
      <c r="IUU137" s="23"/>
      <c r="IUV137" s="23"/>
      <c r="IUW137" s="23"/>
      <c r="IUX137" s="23"/>
      <c r="IUY137" s="23"/>
      <c r="IUZ137" s="23"/>
      <c r="IVA137" s="23"/>
      <c r="IVB137" s="23"/>
      <c r="IVC137" s="23"/>
      <c r="IVD137" s="23"/>
      <c r="IVE137" s="23"/>
      <c r="IVF137" s="23"/>
      <c r="IVG137" s="23"/>
      <c r="IVH137" s="23"/>
      <c r="IVI137" s="23"/>
      <c r="IVJ137" s="23"/>
      <c r="IVK137" s="23"/>
      <c r="IVL137" s="23"/>
      <c r="IVM137" s="23"/>
      <c r="IVN137" s="23"/>
      <c r="IVO137" s="23"/>
      <c r="IVP137" s="23"/>
      <c r="IVQ137" s="23"/>
      <c r="IVR137" s="23"/>
      <c r="IVS137" s="23"/>
      <c r="IVT137" s="23"/>
      <c r="IVU137" s="23"/>
      <c r="IVV137" s="23"/>
      <c r="IVW137" s="23"/>
      <c r="IVX137" s="23"/>
      <c r="IVY137" s="23"/>
      <c r="IVZ137" s="23"/>
      <c r="IWA137" s="23"/>
      <c r="IWB137" s="23"/>
      <c r="IWC137" s="23"/>
      <c r="IWD137" s="23"/>
      <c r="IWE137" s="23"/>
      <c r="IWF137" s="23"/>
      <c r="IWG137" s="23"/>
      <c r="IWH137" s="23"/>
      <c r="IWI137" s="23"/>
      <c r="IWJ137" s="23"/>
      <c r="IWK137" s="23"/>
      <c r="IWL137" s="23"/>
      <c r="IWM137" s="23"/>
      <c r="IWN137" s="23"/>
      <c r="IWO137" s="23"/>
      <c r="IWP137" s="23"/>
      <c r="IWQ137" s="23"/>
      <c r="IWR137" s="23"/>
      <c r="IWS137" s="23"/>
      <c r="IWT137" s="23"/>
      <c r="IWU137" s="23"/>
      <c r="IWV137" s="23"/>
      <c r="IWW137" s="23"/>
      <c r="IWX137" s="23"/>
      <c r="IWY137" s="23"/>
      <c r="IWZ137" s="23"/>
      <c r="IXA137" s="23"/>
      <c r="IXB137" s="23"/>
      <c r="IXC137" s="23"/>
      <c r="IXD137" s="23"/>
      <c r="IXE137" s="23"/>
      <c r="IXF137" s="23"/>
      <c r="IXG137" s="23"/>
      <c r="IXH137" s="23"/>
      <c r="IXI137" s="23"/>
      <c r="IXJ137" s="23"/>
      <c r="IXK137" s="23"/>
      <c r="IXL137" s="23"/>
      <c r="IXM137" s="23"/>
      <c r="IXN137" s="23"/>
      <c r="IXO137" s="23"/>
      <c r="IXP137" s="23"/>
      <c r="IXQ137" s="23"/>
      <c r="IXR137" s="23"/>
      <c r="IXS137" s="23"/>
      <c r="IXT137" s="23"/>
      <c r="IXU137" s="23"/>
      <c r="IXV137" s="23"/>
      <c r="IXW137" s="23"/>
      <c r="IXX137" s="23"/>
      <c r="IXY137" s="23"/>
      <c r="IXZ137" s="23"/>
      <c r="IYA137" s="23"/>
      <c r="IYB137" s="23"/>
      <c r="IYC137" s="23"/>
      <c r="IYD137" s="23"/>
      <c r="IYE137" s="23"/>
      <c r="IYF137" s="23"/>
      <c r="IYG137" s="23"/>
      <c r="IYH137" s="23"/>
      <c r="IYI137" s="23"/>
      <c r="IYJ137" s="23"/>
      <c r="IYK137" s="23"/>
      <c r="IYL137" s="23"/>
      <c r="IYM137" s="23"/>
      <c r="IYN137" s="23"/>
      <c r="IYO137" s="23"/>
      <c r="IYP137" s="23"/>
      <c r="IYQ137" s="23"/>
      <c r="IYR137" s="23"/>
      <c r="IYS137" s="23"/>
      <c r="IYT137" s="23"/>
      <c r="IYU137" s="23"/>
      <c r="IYV137" s="23"/>
      <c r="IYW137" s="23"/>
      <c r="IYX137" s="23"/>
      <c r="IYY137" s="23"/>
      <c r="IYZ137" s="23"/>
      <c r="IZA137" s="23"/>
      <c r="IZB137" s="23"/>
      <c r="IZC137" s="23"/>
      <c r="IZD137" s="23"/>
      <c r="IZE137" s="23"/>
      <c r="IZF137" s="23"/>
      <c r="IZG137" s="23"/>
      <c r="IZH137" s="23"/>
      <c r="IZI137" s="23"/>
      <c r="IZJ137" s="23"/>
      <c r="IZK137" s="23"/>
      <c r="IZL137" s="23"/>
      <c r="IZM137" s="23"/>
      <c r="IZN137" s="23"/>
      <c r="IZO137" s="23"/>
      <c r="IZP137" s="23"/>
      <c r="IZQ137" s="23"/>
      <c r="IZR137" s="23"/>
      <c r="IZS137" s="23"/>
      <c r="IZT137" s="23"/>
      <c r="IZU137" s="23"/>
      <c r="IZV137" s="23"/>
      <c r="IZW137" s="23"/>
      <c r="IZX137" s="23"/>
      <c r="IZY137" s="23"/>
      <c r="IZZ137" s="23"/>
      <c r="JAA137" s="23"/>
      <c r="JAB137" s="23"/>
      <c r="JAC137" s="23"/>
      <c r="JAD137" s="23"/>
      <c r="JAE137" s="23"/>
      <c r="JAF137" s="23"/>
      <c r="JAG137" s="23"/>
      <c r="JAH137" s="23"/>
      <c r="JAI137" s="23"/>
      <c r="JAJ137" s="23"/>
      <c r="JAK137" s="23"/>
      <c r="JAL137" s="23"/>
      <c r="JAM137" s="23"/>
      <c r="JAN137" s="23"/>
      <c r="JAO137" s="23"/>
      <c r="JAP137" s="23"/>
      <c r="JAQ137" s="23"/>
      <c r="JAR137" s="23"/>
      <c r="JAS137" s="23"/>
      <c r="JAT137" s="23"/>
      <c r="JAU137" s="23"/>
      <c r="JAV137" s="23"/>
      <c r="JAW137" s="23"/>
      <c r="JAX137" s="23"/>
      <c r="JAY137" s="23"/>
      <c r="JAZ137" s="23"/>
      <c r="JBA137" s="23"/>
      <c r="JBB137" s="23"/>
      <c r="JBC137" s="23"/>
      <c r="JBD137" s="23"/>
      <c r="JBE137" s="23"/>
      <c r="JBF137" s="23"/>
      <c r="JBG137" s="23"/>
      <c r="JBH137" s="23"/>
      <c r="JBI137" s="23"/>
      <c r="JBJ137" s="23"/>
      <c r="JBK137" s="23"/>
      <c r="JBL137" s="23"/>
      <c r="JBM137" s="23"/>
      <c r="JBN137" s="23"/>
      <c r="JBO137" s="23"/>
      <c r="JBP137" s="23"/>
      <c r="JBQ137" s="23"/>
      <c r="JBR137" s="23"/>
      <c r="JBS137" s="23"/>
      <c r="JBT137" s="23"/>
      <c r="JBU137" s="23"/>
      <c r="JBV137" s="23"/>
      <c r="JBW137" s="23"/>
      <c r="JBX137" s="23"/>
      <c r="JBY137" s="23"/>
      <c r="JBZ137" s="23"/>
      <c r="JCA137" s="23"/>
      <c r="JCB137" s="23"/>
      <c r="JCC137" s="23"/>
      <c r="JCD137" s="23"/>
      <c r="JCE137" s="23"/>
      <c r="JCF137" s="23"/>
      <c r="JCG137" s="23"/>
      <c r="JCH137" s="23"/>
      <c r="JCI137" s="23"/>
      <c r="JCJ137" s="23"/>
      <c r="JCK137" s="23"/>
      <c r="JCL137" s="23"/>
      <c r="JCM137" s="23"/>
      <c r="JCN137" s="23"/>
      <c r="JCO137" s="23"/>
      <c r="JCP137" s="23"/>
      <c r="JCQ137" s="23"/>
      <c r="JCR137" s="23"/>
      <c r="JCS137" s="23"/>
      <c r="JCT137" s="23"/>
      <c r="JCU137" s="23"/>
      <c r="JCV137" s="23"/>
      <c r="JCW137" s="23"/>
      <c r="JCX137" s="23"/>
      <c r="JCY137" s="23"/>
      <c r="JCZ137" s="23"/>
      <c r="JDA137" s="23"/>
      <c r="JDB137" s="23"/>
      <c r="JDC137" s="23"/>
      <c r="JDD137" s="23"/>
      <c r="JDE137" s="23"/>
      <c r="JDF137" s="23"/>
      <c r="JDG137" s="23"/>
      <c r="JDH137" s="23"/>
      <c r="JDI137" s="23"/>
      <c r="JDJ137" s="23"/>
      <c r="JDK137" s="23"/>
      <c r="JDL137" s="23"/>
      <c r="JDM137" s="23"/>
      <c r="JDN137" s="23"/>
      <c r="JDO137" s="23"/>
      <c r="JDP137" s="23"/>
      <c r="JDQ137" s="23"/>
      <c r="JDR137" s="23"/>
      <c r="JDS137" s="23"/>
      <c r="JDT137" s="23"/>
      <c r="JDU137" s="23"/>
      <c r="JDV137" s="23"/>
      <c r="JDW137" s="23"/>
      <c r="JDX137" s="23"/>
      <c r="JDY137" s="23"/>
      <c r="JDZ137" s="23"/>
      <c r="JEA137" s="23"/>
      <c r="JEB137" s="23"/>
      <c r="JEC137" s="23"/>
      <c r="JED137" s="23"/>
      <c r="JEE137" s="23"/>
      <c r="JEF137" s="23"/>
      <c r="JEG137" s="23"/>
      <c r="JEH137" s="23"/>
      <c r="JEI137" s="23"/>
      <c r="JEJ137" s="23"/>
      <c r="JEK137" s="23"/>
      <c r="JEL137" s="23"/>
      <c r="JEM137" s="23"/>
      <c r="JEN137" s="23"/>
      <c r="JEO137" s="23"/>
      <c r="JEP137" s="23"/>
      <c r="JEQ137" s="23"/>
      <c r="JER137" s="23"/>
      <c r="JES137" s="23"/>
      <c r="JET137" s="23"/>
      <c r="JEU137" s="23"/>
      <c r="JEV137" s="23"/>
      <c r="JEW137" s="23"/>
      <c r="JEX137" s="23"/>
      <c r="JEY137" s="23"/>
      <c r="JEZ137" s="23"/>
      <c r="JFA137" s="23"/>
      <c r="JFB137" s="23"/>
      <c r="JFC137" s="23"/>
      <c r="JFD137" s="23"/>
      <c r="JFE137" s="23"/>
      <c r="JFF137" s="23"/>
      <c r="JFG137" s="23"/>
      <c r="JFH137" s="23"/>
      <c r="JFI137" s="23"/>
      <c r="JFJ137" s="23"/>
      <c r="JFK137" s="23"/>
      <c r="JFL137" s="23"/>
      <c r="JFM137" s="23"/>
      <c r="JFN137" s="23"/>
      <c r="JFO137" s="23"/>
      <c r="JFP137" s="23"/>
      <c r="JFQ137" s="23"/>
      <c r="JFR137" s="23"/>
      <c r="JFS137" s="23"/>
      <c r="JFT137" s="23"/>
      <c r="JFU137" s="23"/>
      <c r="JFV137" s="23"/>
      <c r="JFW137" s="23"/>
      <c r="JFX137" s="23"/>
      <c r="JFY137" s="23"/>
      <c r="JFZ137" s="23"/>
      <c r="JGA137" s="23"/>
      <c r="JGB137" s="23"/>
      <c r="JGC137" s="23"/>
      <c r="JGD137" s="23"/>
      <c r="JGE137" s="23"/>
      <c r="JGF137" s="23"/>
      <c r="JGG137" s="23"/>
      <c r="JGH137" s="23"/>
      <c r="JGI137" s="23"/>
      <c r="JGJ137" s="23"/>
      <c r="JGK137" s="23"/>
      <c r="JGL137" s="23"/>
      <c r="JGM137" s="23"/>
      <c r="JGN137" s="23"/>
      <c r="JGO137" s="23"/>
      <c r="JGP137" s="23"/>
      <c r="JGQ137" s="23"/>
      <c r="JGR137" s="23"/>
      <c r="JGS137" s="23"/>
      <c r="JGT137" s="23"/>
      <c r="JGU137" s="23"/>
      <c r="JGV137" s="23"/>
      <c r="JGW137" s="23"/>
      <c r="JGX137" s="23"/>
      <c r="JGY137" s="23"/>
      <c r="JGZ137" s="23"/>
      <c r="JHA137" s="23"/>
      <c r="JHB137" s="23"/>
      <c r="JHC137" s="23"/>
      <c r="JHD137" s="23"/>
      <c r="JHE137" s="23"/>
      <c r="JHF137" s="23"/>
      <c r="JHG137" s="23"/>
      <c r="JHH137" s="23"/>
      <c r="JHI137" s="23"/>
      <c r="JHJ137" s="23"/>
      <c r="JHK137" s="23"/>
      <c r="JHL137" s="23"/>
      <c r="JHM137" s="23"/>
      <c r="JHN137" s="23"/>
      <c r="JHO137" s="23"/>
      <c r="JHP137" s="23"/>
      <c r="JHQ137" s="23"/>
      <c r="JHR137" s="23"/>
      <c r="JHS137" s="23"/>
      <c r="JHT137" s="23"/>
      <c r="JHU137" s="23"/>
      <c r="JHV137" s="23"/>
      <c r="JHW137" s="23"/>
      <c r="JHX137" s="23"/>
      <c r="JHY137" s="23"/>
      <c r="JHZ137" s="23"/>
      <c r="JIA137" s="23"/>
      <c r="JIB137" s="23"/>
      <c r="JIC137" s="23"/>
      <c r="JID137" s="23"/>
      <c r="JIE137" s="23"/>
      <c r="JIF137" s="23"/>
      <c r="JIG137" s="23"/>
      <c r="JIH137" s="23"/>
      <c r="JII137" s="23"/>
      <c r="JIJ137" s="23"/>
      <c r="JIK137" s="23"/>
      <c r="JIL137" s="23"/>
      <c r="JIM137" s="23"/>
      <c r="JIN137" s="23"/>
      <c r="JIO137" s="23"/>
      <c r="JIP137" s="23"/>
      <c r="JIQ137" s="23"/>
      <c r="JIR137" s="23"/>
      <c r="JIS137" s="23"/>
      <c r="JIT137" s="23"/>
      <c r="JIU137" s="23"/>
      <c r="JIV137" s="23"/>
      <c r="JIW137" s="23"/>
      <c r="JIX137" s="23"/>
      <c r="JIY137" s="23"/>
      <c r="JIZ137" s="23"/>
      <c r="JJA137" s="23"/>
      <c r="JJB137" s="23"/>
      <c r="JJC137" s="23"/>
      <c r="JJD137" s="23"/>
      <c r="JJE137" s="23"/>
      <c r="JJF137" s="23"/>
      <c r="JJG137" s="23"/>
      <c r="JJH137" s="23"/>
      <c r="JJI137" s="23"/>
      <c r="JJJ137" s="23"/>
      <c r="JJK137" s="23"/>
      <c r="JJL137" s="23"/>
      <c r="JJM137" s="23"/>
      <c r="JJN137" s="23"/>
      <c r="JJO137" s="23"/>
      <c r="JJP137" s="23"/>
      <c r="JJQ137" s="23"/>
      <c r="JJR137" s="23"/>
      <c r="JJS137" s="23"/>
      <c r="JJT137" s="23"/>
      <c r="JJU137" s="23"/>
      <c r="JJV137" s="23"/>
      <c r="JJW137" s="23"/>
      <c r="JJX137" s="23"/>
      <c r="JJY137" s="23"/>
      <c r="JJZ137" s="23"/>
      <c r="JKA137" s="23"/>
      <c r="JKB137" s="23"/>
      <c r="JKC137" s="23"/>
      <c r="JKD137" s="23"/>
      <c r="JKE137" s="23"/>
      <c r="JKF137" s="23"/>
      <c r="JKG137" s="23"/>
      <c r="JKH137" s="23"/>
      <c r="JKI137" s="23"/>
      <c r="JKJ137" s="23"/>
      <c r="JKK137" s="23"/>
      <c r="JKL137" s="23"/>
      <c r="JKM137" s="23"/>
      <c r="JKN137" s="23"/>
      <c r="JKO137" s="23"/>
      <c r="JKP137" s="23"/>
      <c r="JKQ137" s="23"/>
      <c r="JKR137" s="23"/>
      <c r="JKS137" s="23"/>
      <c r="JKT137" s="23"/>
      <c r="JKU137" s="23"/>
      <c r="JKV137" s="23"/>
      <c r="JKW137" s="23"/>
      <c r="JKX137" s="23"/>
      <c r="JKY137" s="23"/>
      <c r="JKZ137" s="23"/>
      <c r="JLA137" s="23"/>
      <c r="JLB137" s="23"/>
      <c r="JLC137" s="23"/>
      <c r="JLD137" s="23"/>
      <c r="JLE137" s="23"/>
      <c r="JLF137" s="23"/>
      <c r="JLG137" s="23"/>
      <c r="JLH137" s="23"/>
      <c r="JLI137" s="23"/>
      <c r="JLJ137" s="23"/>
      <c r="JLK137" s="23"/>
      <c r="JLL137" s="23"/>
      <c r="JLM137" s="23"/>
      <c r="JLN137" s="23"/>
      <c r="JLO137" s="23"/>
      <c r="JLP137" s="23"/>
      <c r="JLQ137" s="23"/>
      <c r="JLR137" s="23"/>
      <c r="JLS137" s="23"/>
      <c r="JLT137" s="23"/>
      <c r="JLU137" s="23"/>
      <c r="JLV137" s="23"/>
      <c r="JLW137" s="23"/>
      <c r="JLX137" s="23"/>
      <c r="JLY137" s="23"/>
      <c r="JLZ137" s="23"/>
      <c r="JMA137" s="23"/>
      <c r="JMB137" s="23"/>
      <c r="JMC137" s="23"/>
      <c r="JMD137" s="23"/>
      <c r="JME137" s="23"/>
      <c r="JMF137" s="23"/>
      <c r="JMG137" s="23"/>
      <c r="JMH137" s="23"/>
      <c r="JMI137" s="23"/>
      <c r="JMJ137" s="23"/>
      <c r="JMK137" s="23"/>
      <c r="JML137" s="23"/>
      <c r="JMM137" s="23"/>
      <c r="JMN137" s="23"/>
      <c r="JMO137" s="23"/>
      <c r="JMP137" s="23"/>
      <c r="JMQ137" s="23"/>
      <c r="JMR137" s="23"/>
      <c r="JMS137" s="23"/>
      <c r="JMT137" s="23"/>
      <c r="JMU137" s="23"/>
      <c r="JMV137" s="23"/>
      <c r="JMW137" s="23"/>
      <c r="JMX137" s="23"/>
      <c r="JMY137" s="23"/>
      <c r="JMZ137" s="23"/>
      <c r="JNA137" s="23"/>
      <c r="JNB137" s="23"/>
      <c r="JNC137" s="23"/>
      <c r="JND137" s="23"/>
      <c r="JNE137" s="23"/>
      <c r="JNF137" s="23"/>
      <c r="JNG137" s="23"/>
      <c r="JNH137" s="23"/>
      <c r="JNI137" s="23"/>
      <c r="JNJ137" s="23"/>
      <c r="JNK137" s="23"/>
      <c r="JNL137" s="23"/>
      <c r="JNM137" s="23"/>
      <c r="JNN137" s="23"/>
      <c r="JNO137" s="23"/>
      <c r="JNP137" s="23"/>
      <c r="JNQ137" s="23"/>
      <c r="JNR137" s="23"/>
      <c r="JNS137" s="23"/>
      <c r="JNT137" s="23"/>
      <c r="JNU137" s="23"/>
      <c r="JNV137" s="23"/>
      <c r="JNW137" s="23"/>
      <c r="JNX137" s="23"/>
      <c r="JNY137" s="23"/>
      <c r="JNZ137" s="23"/>
      <c r="JOA137" s="23"/>
      <c r="JOB137" s="23"/>
      <c r="JOC137" s="23"/>
      <c r="JOD137" s="23"/>
      <c r="JOE137" s="23"/>
      <c r="JOF137" s="23"/>
      <c r="JOG137" s="23"/>
      <c r="JOH137" s="23"/>
      <c r="JOI137" s="23"/>
      <c r="JOJ137" s="23"/>
      <c r="JOK137" s="23"/>
      <c r="JOL137" s="23"/>
      <c r="JOM137" s="23"/>
      <c r="JON137" s="23"/>
      <c r="JOO137" s="23"/>
      <c r="JOP137" s="23"/>
      <c r="JOQ137" s="23"/>
      <c r="JOR137" s="23"/>
      <c r="JOS137" s="23"/>
      <c r="JOT137" s="23"/>
      <c r="JOU137" s="23"/>
      <c r="JOV137" s="23"/>
      <c r="JOW137" s="23"/>
      <c r="JOX137" s="23"/>
      <c r="JOY137" s="23"/>
      <c r="JOZ137" s="23"/>
      <c r="JPA137" s="23"/>
      <c r="JPB137" s="23"/>
      <c r="JPC137" s="23"/>
      <c r="JPD137" s="23"/>
      <c r="JPE137" s="23"/>
      <c r="JPF137" s="23"/>
      <c r="JPG137" s="23"/>
      <c r="JPH137" s="23"/>
      <c r="JPI137" s="23"/>
      <c r="JPJ137" s="23"/>
      <c r="JPK137" s="23"/>
      <c r="JPL137" s="23"/>
      <c r="JPM137" s="23"/>
      <c r="JPN137" s="23"/>
      <c r="JPO137" s="23"/>
      <c r="JPP137" s="23"/>
      <c r="JPQ137" s="23"/>
      <c r="JPR137" s="23"/>
      <c r="JPS137" s="23"/>
      <c r="JPT137" s="23"/>
      <c r="JPU137" s="23"/>
      <c r="JPV137" s="23"/>
      <c r="JPW137" s="23"/>
      <c r="JPX137" s="23"/>
      <c r="JPY137" s="23"/>
      <c r="JPZ137" s="23"/>
      <c r="JQA137" s="23"/>
      <c r="JQB137" s="23"/>
      <c r="JQC137" s="23"/>
      <c r="JQD137" s="23"/>
      <c r="JQE137" s="23"/>
      <c r="JQF137" s="23"/>
      <c r="JQG137" s="23"/>
      <c r="JQH137" s="23"/>
      <c r="JQI137" s="23"/>
      <c r="JQJ137" s="23"/>
      <c r="JQK137" s="23"/>
      <c r="JQL137" s="23"/>
      <c r="JQM137" s="23"/>
      <c r="JQN137" s="23"/>
      <c r="JQO137" s="23"/>
      <c r="JQP137" s="23"/>
      <c r="JQQ137" s="23"/>
      <c r="JQR137" s="23"/>
      <c r="JQS137" s="23"/>
      <c r="JQT137" s="23"/>
      <c r="JQU137" s="23"/>
      <c r="JQV137" s="23"/>
      <c r="JQW137" s="23"/>
      <c r="JQX137" s="23"/>
      <c r="JQY137" s="23"/>
      <c r="JQZ137" s="23"/>
      <c r="JRA137" s="23"/>
      <c r="JRB137" s="23"/>
      <c r="JRC137" s="23"/>
      <c r="JRD137" s="23"/>
      <c r="JRE137" s="23"/>
      <c r="JRF137" s="23"/>
      <c r="JRG137" s="23"/>
      <c r="JRH137" s="23"/>
      <c r="JRI137" s="23"/>
      <c r="JRJ137" s="23"/>
      <c r="JRK137" s="23"/>
      <c r="JRL137" s="23"/>
      <c r="JRM137" s="23"/>
      <c r="JRN137" s="23"/>
      <c r="JRO137" s="23"/>
      <c r="JRP137" s="23"/>
      <c r="JRQ137" s="23"/>
      <c r="JRR137" s="23"/>
      <c r="JRS137" s="23"/>
      <c r="JRT137" s="23"/>
      <c r="JRU137" s="23"/>
      <c r="JRV137" s="23"/>
      <c r="JRW137" s="23"/>
      <c r="JRX137" s="23"/>
      <c r="JRY137" s="23"/>
      <c r="JRZ137" s="23"/>
      <c r="JSA137" s="23"/>
      <c r="JSB137" s="23"/>
      <c r="JSC137" s="23"/>
      <c r="JSD137" s="23"/>
      <c r="JSE137" s="23"/>
      <c r="JSF137" s="23"/>
      <c r="JSG137" s="23"/>
      <c r="JSH137" s="23"/>
      <c r="JSI137" s="23"/>
      <c r="JSJ137" s="23"/>
      <c r="JSK137" s="23"/>
      <c r="JSL137" s="23"/>
      <c r="JSM137" s="23"/>
      <c r="JSN137" s="23"/>
      <c r="JSO137" s="23"/>
      <c r="JSP137" s="23"/>
      <c r="JSQ137" s="23"/>
      <c r="JSR137" s="23"/>
      <c r="JSS137" s="23"/>
      <c r="JST137" s="23"/>
      <c r="JSU137" s="23"/>
      <c r="JSV137" s="23"/>
      <c r="JSW137" s="23"/>
      <c r="JSX137" s="23"/>
      <c r="JSY137" s="23"/>
      <c r="JSZ137" s="23"/>
      <c r="JTA137" s="23"/>
      <c r="JTB137" s="23"/>
      <c r="JTC137" s="23"/>
      <c r="JTD137" s="23"/>
      <c r="JTE137" s="23"/>
      <c r="JTF137" s="23"/>
      <c r="JTG137" s="23"/>
      <c r="JTH137" s="23"/>
      <c r="JTI137" s="23"/>
      <c r="JTJ137" s="23"/>
      <c r="JTK137" s="23"/>
      <c r="JTL137" s="23"/>
      <c r="JTM137" s="23"/>
      <c r="JTN137" s="23"/>
      <c r="JTO137" s="23"/>
      <c r="JTP137" s="23"/>
      <c r="JTQ137" s="23"/>
      <c r="JTR137" s="23"/>
      <c r="JTS137" s="23"/>
      <c r="JTT137" s="23"/>
      <c r="JTU137" s="23"/>
      <c r="JTV137" s="23"/>
      <c r="JTW137" s="23"/>
      <c r="JTX137" s="23"/>
      <c r="JTY137" s="23"/>
      <c r="JTZ137" s="23"/>
      <c r="JUA137" s="23"/>
      <c r="JUB137" s="23"/>
      <c r="JUC137" s="23"/>
      <c r="JUD137" s="23"/>
      <c r="JUE137" s="23"/>
      <c r="JUF137" s="23"/>
      <c r="JUG137" s="23"/>
      <c r="JUH137" s="23"/>
      <c r="JUI137" s="23"/>
      <c r="JUJ137" s="23"/>
      <c r="JUK137" s="23"/>
      <c r="JUL137" s="23"/>
      <c r="JUM137" s="23"/>
      <c r="JUN137" s="23"/>
      <c r="JUO137" s="23"/>
      <c r="JUP137" s="23"/>
      <c r="JUQ137" s="23"/>
      <c r="JUR137" s="23"/>
      <c r="JUS137" s="23"/>
      <c r="JUT137" s="23"/>
      <c r="JUU137" s="23"/>
      <c r="JUV137" s="23"/>
      <c r="JUW137" s="23"/>
      <c r="JUX137" s="23"/>
      <c r="JUY137" s="23"/>
      <c r="JUZ137" s="23"/>
      <c r="JVA137" s="23"/>
      <c r="JVB137" s="23"/>
      <c r="JVC137" s="23"/>
      <c r="JVD137" s="23"/>
      <c r="JVE137" s="23"/>
      <c r="JVF137" s="23"/>
      <c r="JVG137" s="23"/>
      <c r="JVH137" s="23"/>
      <c r="JVI137" s="23"/>
      <c r="JVJ137" s="23"/>
      <c r="JVK137" s="23"/>
      <c r="JVL137" s="23"/>
      <c r="JVM137" s="23"/>
      <c r="JVN137" s="23"/>
      <c r="JVO137" s="23"/>
      <c r="JVP137" s="23"/>
      <c r="JVQ137" s="23"/>
      <c r="JVR137" s="23"/>
      <c r="JVS137" s="23"/>
      <c r="JVT137" s="23"/>
      <c r="JVU137" s="23"/>
      <c r="JVV137" s="23"/>
      <c r="JVW137" s="23"/>
      <c r="JVX137" s="23"/>
      <c r="JVY137" s="23"/>
      <c r="JVZ137" s="23"/>
      <c r="JWA137" s="23"/>
      <c r="JWB137" s="23"/>
      <c r="JWC137" s="23"/>
      <c r="JWD137" s="23"/>
      <c r="JWE137" s="23"/>
      <c r="JWF137" s="23"/>
      <c r="JWG137" s="23"/>
      <c r="JWH137" s="23"/>
      <c r="JWI137" s="23"/>
      <c r="JWJ137" s="23"/>
      <c r="JWK137" s="23"/>
      <c r="JWL137" s="23"/>
      <c r="JWM137" s="23"/>
      <c r="JWN137" s="23"/>
      <c r="JWO137" s="23"/>
      <c r="JWP137" s="23"/>
      <c r="JWQ137" s="23"/>
      <c r="JWR137" s="23"/>
      <c r="JWS137" s="23"/>
      <c r="JWT137" s="23"/>
      <c r="JWU137" s="23"/>
      <c r="JWV137" s="23"/>
      <c r="JWW137" s="23"/>
      <c r="JWX137" s="23"/>
      <c r="JWY137" s="23"/>
      <c r="JWZ137" s="23"/>
      <c r="JXA137" s="23"/>
      <c r="JXB137" s="23"/>
      <c r="JXC137" s="23"/>
      <c r="JXD137" s="23"/>
      <c r="JXE137" s="23"/>
      <c r="JXF137" s="23"/>
      <c r="JXG137" s="23"/>
      <c r="JXH137" s="23"/>
      <c r="JXI137" s="23"/>
      <c r="JXJ137" s="23"/>
      <c r="JXK137" s="23"/>
      <c r="JXL137" s="23"/>
      <c r="JXM137" s="23"/>
      <c r="JXN137" s="23"/>
      <c r="JXO137" s="23"/>
      <c r="JXP137" s="23"/>
      <c r="JXQ137" s="23"/>
      <c r="JXR137" s="23"/>
      <c r="JXS137" s="23"/>
      <c r="JXT137" s="23"/>
      <c r="JXU137" s="23"/>
      <c r="JXV137" s="23"/>
      <c r="JXW137" s="23"/>
      <c r="JXX137" s="23"/>
      <c r="JXY137" s="23"/>
      <c r="JXZ137" s="23"/>
      <c r="JYA137" s="23"/>
      <c r="JYB137" s="23"/>
      <c r="JYC137" s="23"/>
      <c r="JYD137" s="23"/>
      <c r="JYE137" s="23"/>
      <c r="JYF137" s="23"/>
      <c r="JYG137" s="23"/>
      <c r="JYH137" s="23"/>
      <c r="JYI137" s="23"/>
      <c r="JYJ137" s="23"/>
      <c r="JYK137" s="23"/>
      <c r="JYL137" s="23"/>
      <c r="JYM137" s="23"/>
      <c r="JYN137" s="23"/>
      <c r="JYO137" s="23"/>
      <c r="JYP137" s="23"/>
      <c r="JYQ137" s="23"/>
      <c r="JYR137" s="23"/>
      <c r="JYS137" s="23"/>
      <c r="JYT137" s="23"/>
      <c r="JYU137" s="23"/>
      <c r="JYV137" s="23"/>
      <c r="JYW137" s="23"/>
      <c r="JYX137" s="23"/>
      <c r="JYY137" s="23"/>
      <c r="JYZ137" s="23"/>
      <c r="JZA137" s="23"/>
      <c r="JZB137" s="23"/>
      <c r="JZC137" s="23"/>
      <c r="JZD137" s="23"/>
      <c r="JZE137" s="23"/>
      <c r="JZF137" s="23"/>
      <c r="JZG137" s="23"/>
      <c r="JZH137" s="23"/>
      <c r="JZI137" s="23"/>
      <c r="JZJ137" s="23"/>
      <c r="JZK137" s="23"/>
      <c r="JZL137" s="23"/>
      <c r="JZM137" s="23"/>
      <c r="JZN137" s="23"/>
      <c r="JZO137" s="23"/>
      <c r="JZP137" s="23"/>
      <c r="JZQ137" s="23"/>
      <c r="JZR137" s="23"/>
      <c r="JZS137" s="23"/>
      <c r="JZT137" s="23"/>
      <c r="JZU137" s="23"/>
      <c r="JZV137" s="23"/>
      <c r="JZW137" s="23"/>
      <c r="JZX137" s="23"/>
      <c r="JZY137" s="23"/>
      <c r="JZZ137" s="23"/>
      <c r="KAA137" s="23"/>
      <c r="KAB137" s="23"/>
      <c r="KAC137" s="23"/>
      <c r="KAD137" s="23"/>
      <c r="KAE137" s="23"/>
      <c r="KAF137" s="23"/>
      <c r="KAG137" s="23"/>
      <c r="KAH137" s="23"/>
      <c r="KAI137" s="23"/>
      <c r="KAJ137" s="23"/>
      <c r="KAK137" s="23"/>
      <c r="KAL137" s="23"/>
      <c r="KAM137" s="23"/>
      <c r="KAN137" s="23"/>
      <c r="KAO137" s="23"/>
      <c r="KAP137" s="23"/>
      <c r="KAQ137" s="23"/>
      <c r="KAR137" s="23"/>
      <c r="KAS137" s="23"/>
      <c r="KAT137" s="23"/>
      <c r="KAU137" s="23"/>
      <c r="KAV137" s="23"/>
      <c r="KAW137" s="23"/>
      <c r="KAX137" s="23"/>
      <c r="KAY137" s="23"/>
      <c r="KAZ137" s="23"/>
      <c r="KBA137" s="23"/>
      <c r="KBB137" s="23"/>
      <c r="KBC137" s="23"/>
      <c r="KBD137" s="23"/>
      <c r="KBE137" s="23"/>
      <c r="KBF137" s="23"/>
      <c r="KBG137" s="23"/>
      <c r="KBH137" s="23"/>
      <c r="KBI137" s="23"/>
      <c r="KBJ137" s="23"/>
      <c r="KBK137" s="23"/>
      <c r="KBL137" s="23"/>
      <c r="KBM137" s="23"/>
      <c r="KBN137" s="23"/>
      <c r="KBO137" s="23"/>
      <c r="KBP137" s="23"/>
      <c r="KBQ137" s="23"/>
      <c r="KBR137" s="23"/>
      <c r="KBS137" s="23"/>
      <c r="KBT137" s="23"/>
      <c r="KBU137" s="23"/>
      <c r="KBV137" s="23"/>
      <c r="KBW137" s="23"/>
      <c r="KBX137" s="23"/>
      <c r="KBY137" s="23"/>
      <c r="KBZ137" s="23"/>
      <c r="KCA137" s="23"/>
      <c r="KCB137" s="23"/>
      <c r="KCC137" s="23"/>
      <c r="KCD137" s="23"/>
      <c r="KCE137" s="23"/>
      <c r="KCF137" s="23"/>
      <c r="KCG137" s="23"/>
      <c r="KCH137" s="23"/>
      <c r="KCI137" s="23"/>
      <c r="KCJ137" s="23"/>
      <c r="KCK137" s="23"/>
      <c r="KCL137" s="23"/>
      <c r="KCM137" s="23"/>
      <c r="KCN137" s="23"/>
      <c r="KCO137" s="23"/>
      <c r="KCP137" s="23"/>
      <c r="KCQ137" s="23"/>
      <c r="KCR137" s="23"/>
      <c r="KCS137" s="23"/>
      <c r="KCT137" s="23"/>
      <c r="KCU137" s="23"/>
      <c r="KCV137" s="23"/>
      <c r="KCW137" s="23"/>
      <c r="KCX137" s="23"/>
      <c r="KCY137" s="23"/>
      <c r="KCZ137" s="23"/>
      <c r="KDA137" s="23"/>
      <c r="KDB137" s="23"/>
      <c r="KDC137" s="23"/>
      <c r="KDD137" s="23"/>
      <c r="KDE137" s="23"/>
      <c r="KDF137" s="23"/>
      <c r="KDG137" s="23"/>
      <c r="KDH137" s="23"/>
      <c r="KDI137" s="23"/>
      <c r="KDJ137" s="23"/>
      <c r="KDK137" s="23"/>
      <c r="KDL137" s="23"/>
      <c r="KDM137" s="23"/>
      <c r="KDN137" s="23"/>
      <c r="KDO137" s="23"/>
      <c r="KDP137" s="23"/>
      <c r="KDQ137" s="23"/>
      <c r="KDR137" s="23"/>
      <c r="KDS137" s="23"/>
      <c r="KDT137" s="23"/>
      <c r="KDU137" s="23"/>
      <c r="KDV137" s="23"/>
      <c r="KDW137" s="23"/>
      <c r="KDX137" s="23"/>
      <c r="KDY137" s="23"/>
      <c r="KDZ137" s="23"/>
      <c r="KEA137" s="23"/>
      <c r="KEB137" s="23"/>
      <c r="KEC137" s="23"/>
      <c r="KED137" s="23"/>
      <c r="KEE137" s="23"/>
      <c r="KEF137" s="23"/>
      <c r="KEG137" s="23"/>
      <c r="KEH137" s="23"/>
      <c r="KEI137" s="23"/>
      <c r="KEJ137" s="23"/>
      <c r="KEK137" s="23"/>
      <c r="KEL137" s="23"/>
      <c r="KEM137" s="23"/>
      <c r="KEN137" s="23"/>
      <c r="KEO137" s="23"/>
      <c r="KEP137" s="23"/>
      <c r="KEQ137" s="23"/>
      <c r="KER137" s="23"/>
      <c r="KES137" s="23"/>
      <c r="KET137" s="23"/>
      <c r="KEU137" s="23"/>
      <c r="KEV137" s="23"/>
      <c r="KEW137" s="23"/>
      <c r="KEX137" s="23"/>
      <c r="KEY137" s="23"/>
      <c r="KEZ137" s="23"/>
      <c r="KFA137" s="23"/>
      <c r="KFB137" s="23"/>
      <c r="KFC137" s="23"/>
      <c r="KFD137" s="23"/>
      <c r="KFE137" s="23"/>
      <c r="KFF137" s="23"/>
      <c r="KFG137" s="23"/>
      <c r="KFH137" s="23"/>
      <c r="KFI137" s="23"/>
      <c r="KFJ137" s="23"/>
      <c r="KFK137" s="23"/>
      <c r="KFL137" s="23"/>
      <c r="KFM137" s="23"/>
      <c r="KFN137" s="23"/>
      <c r="KFO137" s="23"/>
      <c r="KFP137" s="23"/>
      <c r="KFQ137" s="23"/>
      <c r="KFR137" s="23"/>
      <c r="KFS137" s="23"/>
      <c r="KFT137" s="23"/>
      <c r="KFU137" s="23"/>
      <c r="KFV137" s="23"/>
      <c r="KFW137" s="23"/>
      <c r="KFX137" s="23"/>
      <c r="KFY137" s="23"/>
      <c r="KFZ137" s="23"/>
      <c r="KGA137" s="23"/>
      <c r="KGB137" s="23"/>
      <c r="KGC137" s="23"/>
      <c r="KGD137" s="23"/>
      <c r="KGE137" s="23"/>
      <c r="KGF137" s="23"/>
      <c r="KGG137" s="23"/>
      <c r="KGH137" s="23"/>
      <c r="KGI137" s="23"/>
      <c r="KGJ137" s="23"/>
      <c r="KGK137" s="23"/>
      <c r="KGL137" s="23"/>
      <c r="KGM137" s="23"/>
      <c r="KGN137" s="23"/>
      <c r="KGO137" s="23"/>
      <c r="KGP137" s="23"/>
      <c r="KGQ137" s="23"/>
      <c r="KGR137" s="23"/>
      <c r="KGS137" s="23"/>
      <c r="KGT137" s="23"/>
      <c r="KGU137" s="23"/>
      <c r="KGV137" s="23"/>
      <c r="KGW137" s="23"/>
      <c r="KGX137" s="23"/>
      <c r="KGY137" s="23"/>
      <c r="KGZ137" s="23"/>
      <c r="KHA137" s="23"/>
      <c r="KHB137" s="23"/>
      <c r="KHC137" s="23"/>
      <c r="KHD137" s="23"/>
      <c r="KHE137" s="23"/>
      <c r="KHF137" s="23"/>
      <c r="KHG137" s="23"/>
      <c r="KHH137" s="23"/>
      <c r="KHI137" s="23"/>
      <c r="KHJ137" s="23"/>
      <c r="KHK137" s="23"/>
      <c r="KHL137" s="23"/>
      <c r="KHM137" s="23"/>
      <c r="KHN137" s="23"/>
      <c r="KHO137" s="23"/>
      <c r="KHP137" s="23"/>
      <c r="KHQ137" s="23"/>
      <c r="KHR137" s="23"/>
      <c r="KHS137" s="23"/>
      <c r="KHT137" s="23"/>
      <c r="KHU137" s="23"/>
      <c r="KHV137" s="23"/>
      <c r="KHW137" s="23"/>
      <c r="KHX137" s="23"/>
      <c r="KHY137" s="23"/>
      <c r="KHZ137" s="23"/>
      <c r="KIA137" s="23"/>
      <c r="KIB137" s="23"/>
      <c r="KIC137" s="23"/>
      <c r="KID137" s="23"/>
      <c r="KIE137" s="23"/>
      <c r="KIF137" s="23"/>
      <c r="KIG137" s="23"/>
      <c r="KIH137" s="23"/>
      <c r="KII137" s="23"/>
      <c r="KIJ137" s="23"/>
      <c r="KIK137" s="23"/>
      <c r="KIL137" s="23"/>
      <c r="KIM137" s="23"/>
      <c r="KIN137" s="23"/>
      <c r="KIO137" s="23"/>
      <c r="KIP137" s="23"/>
      <c r="KIQ137" s="23"/>
      <c r="KIR137" s="23"/>
      <c r="KIS137" s="23"/>
      <c r="KIT137" s="23"/>
      <c r="KIU137" s="23"/>
      <c r="KIV137" s="23"/>
      <c r="KIW137" s="23"/>
      <c r="KIX137" s="23"/>
      <c r="KIY137" s="23"/>
      <c r="KIZ137" s="23"/>
      <c r="KJA137" s="23"/>
      <c r="KJB137" s="23"/>
      <c r="KJC137" s="23"/>
      <c r="KJD137" s="23"/>
      <c r="KJE137" s="23"/>
      <c r="KJF137" s="23"/>
      <c r="KJG137" s="23"/>
      <c r="KJH137" s="23"/>
      <c r="KJI137" s="23"/>
      <c r="KJJ137" s="23"/>
      <c r="KJK137" s="23"/>
      <c r="KJL137" s="23"/>
      <c r="KJM137" s="23"/>
      <c r="KJN137" s="23"/>
      <c r="KJO137" s="23"/>
      <c r="KJP137" s="23"/>
      <c r="KJQ137" s="23"/>
      <c r="KJR137" s="23"/>
      <c r="KJS137" s="23"/>
      <c r="KJT137" s="23"/>
      <c r="KJU137" s="23"/>
      <c r="KJV137" s="23"/>
      <c r="KJW137" s="23"/>
      <c r="KJX137" s="23"/>
      <c r="KJY137" s="23"/>
      <c r="KJZ137" s="23"/>
      <c r="KKA137" s="23"/>
      <c r="KKB137" s="23"/>
      <c r="KKC137" s="23"/>
      <c r="KKD137" s="23"/>
      <c r="KKE137" s="23"/>
      <c r="KKF137" s="23"/>
      <c r="KKG137" s="23"/>
      <c r="KKH137" s="23"/>
      <c r="KKI137" s="23"/>
      <c r="KKJ137" s="23"/>
      <c r="KKK137" s="23"/>
      <c r="KKL137" s="23"/>
      <c r="KKM137" s="23"/>
      <c r="KKN137" s="23"/>
      <c r="KKO137" s="23"/>
      <c r="KKP137" s="23"/>
      <c r="KKQ137" s="23"/>
      <c r="KKR137" s="23"/>
      <c r="KKS137" s="23"/>
      <c r="KKT137" s="23"/>
      <c r="KKU137" s="23"/>
      <c r="KKV137" s="23"/>
      <c r="KKW137" s="23"/>
      <c r="KKX137" s="23"/>
      <c r="KKY137" s="23"/>
      <c r="KKZ137" s="23"/>
      <c r="KLA137" s="23"/>
      <c r="KLB137" s="23"/>
      <c r="KLC137" s="23"/>
      <c r="KLD137" s="23"/>
      <c r="KLE137" s="23"/>
      <c r="KLF137" s="23"/>
      <c r="KLG137" s="23"/>
      <c r="KLH137" s="23"/>
      <c r="KLI137" s="23"/>
      <c r="KLJ137" s="23"/>
      <c r="KLK137" s="23"/>
      <c r="KLL137" s="23"/>
      <c r="KLM137" s="23"/>
      <c r="KLN137" s="23"/>
      <c r="KLO137" s="23"/>
      <c r="KLP137" s="23"/>
      <c r="KLQ137" s="23"/>
      <c r="KLR137" s="23"/>
      <c r="KLS137" s="23"/>
      <c r="KLT137" s="23"/>
      <c r="KLU137" s="23"/>
      <c r="KLV137" s="23"/>
      <c r="KLW137" s="23"/>
      <c r="KLX137" s="23"/>
      <c r="KLY137" s="23"/>
      <c r="KLZ137" s="23"/>
      <c r="KMA137" s="23"/>
      <c r="KMB137" s="23"/>
      <c r="KMC137" s="23"/>
      <c r="KMD137" s="23"/>
      <c r="KME137" s="23"/>
      <c r="KMF137" s="23"/>
      <c r="KMG137" s="23"/>
      <c r="KMH137" s="23"/>
      <c r="KMI137" s="23"/>
      <c r="KMJ137" s="23"/>
      <c r="KMK137" s="23"/>
      <c r="KML137" s="23"/>
      <c r="KMM137" s="23"/>
      <c r="KMN137" s="23"/>
      <c r="KMO137" s="23"/>
      <c r="KMP137" s="23"/>
      <c r="KMQ137" s="23"/>
      <c r="KMR137" s="23"/>
      <c r="KMS137" s="23"/>
      <c r="KMT137" s="23"/>
      <c r="KMU137" s="23"/>
      <c r="KMV137" s="23"/>
      <c r="KMW137" s="23"/>
      <c r="KMX137" s="23"/>
      <c r="KMY137" s="23"/>
      <c r="KMZ137" s="23"/>
      <c r="KNA137" s="23"/>
      <c r="KNB137" s="23"/>
      <c r="KNC137" s="23"/>
      <c r="KND137" s="23"/>
      <c r="KNE137" s="23"/>
      <c r="KNF137" s="23"/>
      <c r="KNG137" s="23"/>
      <c r="KNH137" s="23"/>
      <c r="KNI137" s="23"/>
      <c r="KNJ137" s="23"/>
      <c r="KNK137" s="23"/>
      <c r="KNL137" s="23"/>
      <c r="KNM137" s="23"/>
      <c r="KNN137" s="23"/>
      <c r="KNO137" s="23"/>
      <c r="KNP137" s="23"/>
      <c r="KNQ137" s="23"/>
      <c r="KNR137" s="23"/>
      <c r="KNS137" s="23"/>
      <c r="KNT137" s="23"/>
      <c r="KNU137" s="23"/>
      <c r="KNV137" s="23"/>
      <c r="KNW137" s="23"/>
      <c r="KNX137" s="23"/>
      <c r="KNY137" s="23"/>
      <c r="KNZ137" s="23"/>
      <c r="KOA137" s="23"/>
      <c r="KOB137" s="23"/>
      <c r="KOC137" s="23"/>
      <c r="KOD137" s="23"/>
      <c r="KOE137" s="23"/>
      <c r="KOF137" s="23"/>
      <c r="KOG137" s="23"/>
      <c r="KOH137" s="23"/>
      <c r="KOI137" s="23"/>
      <c r="KOJ137" s="23"/>
      <c r="KOK137" s="23"/>
      <c r="KOL137" s="23"/>
      <c r="KOM137" s="23"/>
      <c r="KON137" s="23"/>
      <c r="KOO137" s="23"/>
      <c r="KOP137" s="23"/>
      <c r="KOQ137" s="23"/>
      <c r="KOR137" s="23"/>
      <c r="KOS137" s="23"/>
      <c r="KOT137" s="23"/>
      <c r="KOU137" s="23"/>
      <c r="KOV137" s="23"/>
      <c r="KOW137" s="23"/>
      <c r="KOX137" s="23"/>
      <c r="KOY137" s="23"/>
      <c r="KOZ137" s="23"/>
      <c r="KPA137" s="23"/>
      <c r="KPB137" s="23"/>
      <c r="KPC137" s="23"/>
      <c r="KPD137" s="23"/>
      <c r="KPE137" s="23"/>
      <c r="KPF137" s="23"/>
      <c r="KPG137" s="23"/>
      <c r="KPH137" s="23"/>
      <c r="KPI137" s="23"/>
      <c r="KPJ137" s="23"/>
      <c r="KPK137" s="23"/>
      <c r="KPL137" s="23"/>
      <c r="KPM137" s="23"/>
      <c r="KPN137" s="23"/>
      <c r="KPO137" s="23"/>
      <c r="KPP137" s="23"/>
      <c r="KPQ137" s="23"/>
      <c r="KPR137" s="23"/>
      <c r="KPS137" s="23"/>
      <c r="KPT137" s="23"/>
      <c r="KPU137" s="23"/>
      <c r="KPV137" s="23"/>
      <c r="KPW137" s="23"/>
      <c r="KPX137" s="23"/>
      <c r="KPY137" s="23"/>
      <c r="KPZ137" s="23"/>
      <c r="KQA137" s="23"/>
      <c r="KQB137" s="23"/>
      <c r="KQC137" s="23"/>
      <c r="KQD137" s="23"/>
      <c r="KQE137" s="23"/>
      <c r="KQF137" s="23"/>
      <c r="KQG137" s="23"/>
      <c r="KQH137" s="23"/>
      <c r="KQI137" s="23"/>
      <c r="KQJ137" s="23"/>
      <c r="KQK137" s="23"/>
      <c r="KQL137" s="23"/>
      <c r="KQM137" s="23"/>
      <c r="KQN137" s="23"/>
      <c r="KQO137" s="23"/>
      <c r="KQP137" s="23"/>
      <c r="KQQ137" s="23"/>
      <c r="KQR137" s="23"/>
      <c r="KQS137" s="23"/>
      <c r="KQT137" s="23"/>
      <c r="KQU137" s="23"/>
      <c r="KQV137" s="23"/>
      <c r="KQW137" s="23"/>
      <c r="KQX137" s="23"/>
      <c r="KQY137" s="23"/>
      <c r="KQZ137" s="23"/>
      <c r="KRA137" s="23"/>
      <c r="KRB137" s="23"/>
      <c r="KRC137" s="23"/>
      <c r="KRD137" s="23"/>
      <c r="KRE137" s="23"/>
      <c r="KRF137" s="23"/>
      <c r="KRG137" s="23"/>
      <c r="KRH137" s="23"/>
      <c r="KRI137" s="23"/>
      <c r="KRJ137" s="23"/>
      <c r="KRK137" s="23"/>
      <c r="KRL137" s="23"/>
      <c r="KRM137" s="23"/>
      <c r="KRN137" s="23"/>
      <c r="KRO137" s="23"/>
      <c r="KRP137" s="23"/>
      <c r="KRQ137" s="23"/>
      <c r="KRR137" s="23"/>
      <c r="KRS137" s="23"/>
      <c r="KRT137" s="23"/>
      <c r="KRU137" s="23"/>
      <c r="KRV137" s="23"/>
      <c r="KRW137" s="23"/>
      <c r="KRX137" s="23"/>
      <c r="KRY137" s="23"/>
      <c r="KRZ137" s="23"/>
      <c r="KSA137" s="23"/>
      <c r="KSB137" s="23"/>
      <c r="KSC137" s="23"/>
      <c r="KSD137" s="23"/>
      <c r="KSE137" s="23"/>
      <c r="KSF137" s="23"/>
      <c r="KSG137" s="23"/>
      <c r="KSH137" s="23"/>
      <c r="KSI137" s="23"/>
      <c r="KSJ137" s="23"/>
      <c r="KSK137" s="23"/>
      <c r="KSL137" s="23"/>
      <c r="KSM137" s="23"/>
      <c r="KSN137" s="23"/>
      <c r="KSO137" s="23"/>
      <c r="KSP137" s="23"/>
      <c r="KSQ137" s="23"/>
      <c r="KSR137" s="23"/>
      <c r="KSS137" s="23"/>
      <c r="KST137" s="23"/>
      <c r="KSU137" s="23"/>
      <c r="KSV137" s="23"/>
      <c r="KSW137" s="23"/>
      <c r="KSX137" s="23"/>
      <c r="KSY137" s="23"/>
      <c r="KSZ137" s="23"/>
      <c r="KTA137" s="23"/>
      <c r="KTB137" s="23"/>
      <c r="KTC137" s="23"/>
      <c r="KTD137" s="23"/>
      <c r="KTE137" s="23"/>
      <c r="KTF137" s="23"/>
      <c r="KTG137" s="23"/>
      <c r="KTH137" s="23"/>
      <c r="KTI137" s="23"/>
      <c r="KTJ137" s="23"/>
      <c r="KTK137" s="23"/>
      <c r="KTL137" s="23"/>
      <c r="KTM137" s="23"/>
      <c r="KTN137" s="23"/>
      <c r="KTO137" s="23"/>
      <c r="KTP137" s="23"/>
      <c r="KTQ137" s="23"/>
      <c r="KTR137" s="23"/>
      <c r="KTS137" s="23"/>
      <c r="KTT137" s="23"/>
      <c r="KTU137" s="23"/>
      <c r="KTV137" s="23"/>
      <c r="KTW137" s="23"/>
      <c r="KTX137" s="23"/>
      <c r="KTY137" s="23"/>
      <c r="KTZ137" s="23"/>
      <c r="KUA137" s="23"/>
      <c r="KUB137" s="23"/>
      <c r="KUC137" s="23"/>
      <c r="KUD137" s="23"/>
      <c r="KUE137" s="23"/>
      <c r="KUF137" s="23"/>
      <c r="KUG137" s="23"/>
      <c r="KUH137" s="23"/>
      <c r="KUI137" s="23"/>
      <c r="KUJ137" s="23"/>
      <c r="KUK137" s="23"/>
      <c r="KUL137" s="23"/>
      <c r="KUM137" s="23"/>
      <c r="KUN137" s="23"/>
      <c r="KUO137" s="23"/>
      <c r="KUP137" s="23"/>
      <c r="KUQ137" s="23"/>
      <c r="KUR137" s="23"/>
      <c r="KUS137" s="23"/>
      <c r="KUT137" s="23"/>
      <c r="KUU137" s="23"/>
      <c r="KUV137" s="23"/>
      <c r="KUW137" s="23"/>
      <c r="KUX137" s="23"/>
      <c r="KUY137" s="23"/>
      <c r="KUZ137" s="23"/>
      <c r="KVA137" s="23"/>
      <c r="KVB137" s="23"/>
      <c r="KVC137" s="23"/>
      <c r="KVD137" s="23"/>
      <c r="KVE137" s="23"/>
      <c r="KVF137" s="23"/>
      <c r="KVG137" s="23"/>
      <c r="KVH137" s="23"/>
      <c r="KVI137" s="23"/>
      <c r="KVJ137" s="23"/>
      <c r="KVK137" s="23"/>
      <c r="KVL137" s="23"/>
      <c r="KVM137" s="23"/>
      <c r="KVN137" s="23"/>
      <c r="KVO137" s="23"/>
      <c r="KVP137" s="23"/>
      <c r="KVQ137" s="23"/>
      <c r="KVR137" s="23"/>
      <c r="KVS137" s="23"/>
      <c r="KVT137" s="23"/>
      <c r="KVU137" s="23"/>
      <c r="KVV137" s="23"/>
      <c r="KVW137" s="23"/>
      <c r="KVX137" s="23"/>
      <c r="KVY137" s="23"/>
      <c r="KVZ137" s="23"/>
      <c r="KWA137" s="23"/>
      <c r="KWB137" s="23"/>
      <c r="KWC137" s="23"/>
      <c r="KWD137" s="23"/>
      <c r="KWE137" s="23"/>
      <c r="KWF137" s="23"/>
      <c r="KWG137" s="23"/>
      <c r="KWH137" s="23"/>
      <c r="KWI137" s="23"/>
      <c r="KWJ137" s="23"/>
      <c r="KWK137" s="23"/>
      <c r="KWL137" s="23"/>
      <c r="KWM137" s="23"/>
      <c r="KWN137" s="23"/>
      <c r="KWO137" s="23"/>
      <c r="KWP137" s="23"/>
      <c r="KWQ137" s="23"/>
      <c r="KWR137" s="23"/>
      <c r="KWS137" s="23"/>
      <c r="KWT137" s="23"/>
      <c r="KWU137" s="23"/>
      <c r="KWV137" s="23"/>
      <c r="KWW137" s="23"/>
      <c r="KWX137" s="23"/>
      <c r="KWY137" s="23"/>
      <c r="KWZ137" s="23"/>
      <c r="KXA137" s="23"/>
      <c r="KXB137" s="23"/>
      <c r="KXC137" s="23"/>
      <c r="KXD137" s="23"/>
      <c r="KXE137" s="23"/>
      <c r="KXF137" s="23"/>
      <c r="KXG137" s="23"/>
      <c r="KXH137" s="23"/>
      <c r="KXI137" s="23"/>
      <c r="KXJ137" s="23"/>
      <c r="KXK137" s="23"/>
      <c r="KXL137" s="23"/>
      <c r="KXM137" s="23"/>
      <c r="KXN137" s="23"/>
      <c r="KXO137" s="23"/>
      <c r="KXP137" s="23"/>
      <c r="KXQ137" s="23"/>
      <c r="KXR137" s="23"/>
      <c r="KXS137" s="23"/>
      <c r="KXT137" s="23"/>
      <c r="KXU137" s="23"/>
      <c r="KXV137" s="23"/>
      <c r="KXW137" s="23"/>
      <c r="KXX137" s="23"/>
      <c r="KXY137" s="23"/>
      <c r="KXZ137" s="23"/>
      <c r="KYA137" s="23"/>
      <c r="KYB137" s="23"/>
      <c r="KYC137" s="23"/>
      <c r="KYD137" s="23"/>
      <c r="KYE137" s="23"/>
      <c r="KYF137" s="23"/>
      <c r="KYG137" s="23"/>
      <c r="KYH137" s="23"/>
      <c r="KYI137" s="23"/>
      <c r="KYJ137" s="23"/>
      <c r="KYK137" s="23"/>
      <c r="KYL137" s="23"/>
      <c r="KYM137" s="23"/>
      <c r="KYN137" s="23"/>
      <c r="KYO137" s="23"/>
      <c r="KYP137" s="23"/>
      <c r="KYQ137" s="23"/>
      <c r="KYR137" s="23"/>
      <c r="KYS137" s="23"/>
      <c r="KYT137" s="23"/>
      <c r="KYU137" s="23"/>
      <c r="KYV137" s="23"/>
      <c r="KYW137" s="23"/>
      <c r="KYX137" s="23"/>
      <c r="KYY137" s="23"/>
      <c r="KYZ137" s="23"/>
      <c r="KZA137" s="23"/>
      <c r="KZB137" s="23"/>
      <c r="KZC137" s="23"/>
      <c r="KZD137" s="23"/>
      <c r="KZE137" s="23"/>
      <c r="KZF137" s="23"/>
      <c r="KZG137" s="23"/>
      <c r="KZH137" s="23"/>
      <c r="KZI137" s="23"/>
      <c r="KZJ137" s="23"/>
      <c r="KZK137" s="23"/>
      <c r="KZL137" s="23"/>
      <c r="KZM137" s="23"/>
      <c r="KZN137" s="23"/>
      <c r="KZO137" s="23"/>
      <c r="KZP137" s="23"/>
      <c r="KZQ137" s="23"/>
      <c r="KZR137" s="23"/>
      <c r="KZS137" s="23"/>
      <c r="KZT137" s="23"/>
      <c r="KZU137" s="23"/>
      <c r="KZV137" s="23"/>
      <c r="KZW137" s="23"/>
      <c r="KZX137" s="23"/>
      <c r="KZY137" s="23"/>
      <c r="KZZ137" s="23"/>
      <c r="LAA137" s="23"/>
      <c r="LAB137" s="23"/>
      <c r="LAC137" s="23"/>
      <c r="LAD137" s="23"/>
      <c r="LAE137" s="23"/>
      <c r="LAF137" s="23"/>
      <c r="LAG137" s="23"/>
      <c r="LAH137" s="23"/>
      <c r="LAI137" s="23"/>
      <c r="LAJ137" s="23"/>
      <c r="LAK137" s="23"/>
      <c r="LAL137" s="23"/>
      <c r="LAM137" s="23"/>
      <c r="LAN137" s="23"/>
      <c r="LAO137" s="23"/>
      <c r="LAP137" s="23"/>
      <c r="LAQ137" s="23"/>
      <c r="LAR137" s="23"/>
      <c r="LAS137" s="23"/>
      <c r="LAT137" s="23"/>
      <c r="LAU137" s="23"/>
      <c r="LAV137" s="23"/>
      <c r="LAW137" s="23"/>
      <c r="LAX137" s="23"/>
      <c r="LAY137" s="23"/>
      <c r="LAZ137" s="23"/>
      <c r="LBA137" s="23"/>
      <c r="LBB137" s="23"/>
      <c r="LBC137" s="23"/>
      <c r="LBD137" s="23"/>
      <c r="LBE137" s="23"/>
      <c r="LBF137" s="23"/>
      <c r="LBG137" s="23"/>
      <c r="LBH137" s="23"/>
      <c r="LBI137" s="23"/>
      <c r="LBJ137" s="23"/>
      <c r="LBK137" s="23"/>
      <c r="LBL137" s="23"/>
      <c r="LBM137" s="23"/>
      <c r="LBN137" s="23"/>
      <c r="LBO137" s="23"/>
      <c r="LBP137" s="23"/>
      <c r="LBQ137" s="23"/>
      <c r="LBR137" s="23"/>
      <c r="LBS137" s="23"/>
      <c r="LBT137" s="23"/>
      <c r="LBU137" s="23"/>
      <c r="LBV137" s="23"/>
      <c r="LBW137" s="23"/>
      <c r="LBX137" s="23"/>
      <c r="LBY137" s="23"/>
      <c r="LBZ137" s="23"/>
      <c r="LCA137" s="23"/>
      <c r="LCB137" s="23"/>
      <c r="LCC137" s="23"/>
      <c r="LCD137" s="23"/>
      <c r="LCE137" s="23"/>
      <c r="LCF137" s="23"/>
      <c r="LCG137" s="23"/>
      <c r="LCH137" s="23"/>
      <c r="LCI137" s="23"/>
      <c r="LCJ137" s="23"/>
      <c r="LCK137" s="23"/>
      <c r="LCL137" s="23"/>
      <c r="LCM137" s="23"/>
      <c r="LCN137" s="23"/>
      <c r="LCO137" s="23"/>
      <c r="LCP137" s="23"/>
      <c r="LCQ137" s="23"/>
      <c r="LCR137" s="23"/>
      <c r="LCS137" s="23"/>
      <c r="LCT137" s="23"/>
      <c r="LCU137" s="23"/>
      <c r="LCV137" s="23"/>
      <c r="LCW137" s="23"/>
      <c r="LCX137" s="23"/>
      <c r="LCY137" s="23"/>
      <c r="LCZ137" s="23"/>
      <c r="LDA137" s="23"/>
      <c r="LDB137" s="23"/>
      <c r="LDC137" s="23"/>
      <c r="LDD137" s="23"/>
      <c r="LDE137" s="23"/>
      <c r="LDF137" s="23"/>
      <c r="LDG137" s="23"/>
      <c r="LDH137" s="23"/>
      <c r="LDI137" s="23"/>
      <c r="LDJ137" s="23"/>
      <c r="LDK137" s="23"/>
      <c r="LDL137" s="23"/>
      <c r="LDM137" s="23"/>
      <c r="LDN137" s="23"/>
      <c r="LDO137" s="23"/>
      <c r="LDP137" s="23"/>
      <c r="LDQ137" s="23"/>
      <c r="LDR137" s="23"/>
      <c r="LDS137" s="23"/>
      <c r="LDT137" s="23"/>
      <c r="LDU137" s="23"/>
      <c r="LDV137" s="23"/>
      <c r="LDW137" s="23"/>
      <c r="LDX137" s="23"/>
      <c r="LDY137" s="23"/>
      <c r="LDZ137" s="23"/>
      <c r="LEA137" s="23"/>
      <c r="LEB137" s="23"/>
      <c r="LEC137" s="23"/>
      <c r="LED137" s="23"/>
      <c r="LEE137" s="23"/>
      <c r="LEF137" s="23"/>
      <c r="LEG137" s="23"/>
      <c r="LEH137" s="23"/>
      <c r="LEI137" s="23"/>
      <c r="LEJ137" s="23"/>
      <c r="LEK137" s="23"/>
      <c r="LEL137" s="23"/>
      <c r="LEM137" s="23"/>
      <c r="LEN137" s="23"/>
      <c r="LEO137" s="23"/>
      <c r="LEP137" s="23"/>
      <c r="LEQ137" s="23"/>
      <c r="LER137" s="23"/>
      <c r="LES137" s="23"/>
      <c r="LET137" s="23"/>
      <c r="LEU137" s="23"/>
      <c r="LEV137" s="23"/>
      <c r="LEW137" s="23"/>
      <c r="LEX137" s="23"/>
      <c r="LEY137" s="23"/>
      <c r="LEZ137" s="23"/>
      <c r="LFA137" s="23"/>
      <c r="LFB137" s="23"/>
      <c r="LFC137" s="23"/>
      <c r="LFD137" s="23"/>
      <c r="LFE137" s="23"/>
      <c r="LFF137" s="23"/>
      <c r="LFG137" s="23"/>
      <c r="LFH137" s="23"/>
      <c r="LFI137" s="23"/>
      <c r="LFJ137" s="23"/>
      <c r="LFK137" s="23"/>
      <c r="LFL137" s="23"/>
      <c r="LFM137" s="23"/>
      <c r="LFN137" s="23"/>
      <c r="LFO137" s="23"/>
      <c r="LFP137" s="23"/>
      <c r="LFQ137" s="23"/>
      <c r="LFR137" s="23"/>
      <c r="LFS137" s="23"/>
      <c r="LFT137" s="23"/>
      <c r="LFU137" s="23"/>
      <c r="LFV137" s="23"/>
      <c r="LFW137" s="23"/>
      <c r="LFX137" s="23"/>
      <c r="LFY137" s="23"/>
      <c r="LFZ137" s="23"/>
      <c r="LGA137" s="23"/>
      <c r="LGB137" s="23"/>
      <c r="LGC137" s="23"/>
      <c r="LGD137" s="23"/>
      <c r="LGE137" s="23"/>
      <c r="LGF137" s="23"/>
      <c r="LGG137" s="23"/>
      <c r="LGH137" s="23"/>
      <c r="LGI137" s="23"/>
      <c r="LGJ137" s="23"/>
      <c r="LGK137" s="23"/>
      <c r="LGL137" s="23"/>
      <c r="LGM137" s="23"/>
      <c r="LGN137" s="23"/>
      <c r="LGO137" s="23"/>
      <c r="LGP137" s="23"/>
      <c r="LGQ137" s="23"/>
      <c r="LGR137" s="23"/>
      <c r="LGS137" s="23"/>
      <c r="LGT137" s="23"/>
      <c r="LGU137" s="23"/>
      <c r="LGV137" s="23"/>
      <c r="LGW137" s="23"/>
      <c r="LGX137" s="23"/>
      <c r="LGY137" s="23"/>
      <c r="LGZ137" s="23"/>
      <c r="LHA137" s="23"/>
      <c r="LHB137" s="23"/>
      <c r="LHC137" s="23"/>
      <c r="LHD137" s="23"/>
      <c r="LHE137" s="23"/>
      <c r="LHF137" s="23"/>
      <c r="LHG137" s="23"/>
      <c r="LHH137" s="23"/>
      <c r="LHI137" s="23"/>
      <c r="LHJ137" s="23"/>
      <c r="LHK137" s="23"/>
      <c r="LHL137" s="23"/>
      <c r="LHM137" s="23"/>
      <c r="LHN137" s="23"/>
      <c r="LHO137" s="23"/>
      <c r="LHP137" s="23"/>
      <c r="LHQ137" s="23"/>
      <c r="LHR137" s="23"/>
      <c r="LHS137" s="23"/>
      <c r="LHT137" s="23"/>
      <c r="LHU137" s="23"/>
      <c r="LHV137" s="23"/>
      <c r="LHW137" s="23"/>
      <c r="LHX137" s="23"/>
      <c r="LHY137" s="23"/>
      <c r="LHZ137" s="23"/>
      <c r="LIA137" s="23"/>
      <c r="LIB137" s="23"/>
      <c r="LIC137" s="23"/>
      <c r="LID137" s="23"/>
      <c r="LIE137" s="23"/>
      <c r="LIF137" s="23"/>
      <c r="LIG137" s="23"/>
      <c r="LIH137" s="23"/>
      <c r="LII137" s="23"/>
      <c r="LIJ137" s="23"/>
      <c r="LIK137" s="23"/>
      <c r="LIL137" s="23"/>
      <c r="LIM137" s="23"/>
      <c r="LIN137" s="23"/>
      <c r="LIO137" s="23"/>
      <c r="LIP137" s="23"/>
      <c r="LIQ137" s="23"/>
      <c r="LIR137" s="23"/>
      <c r="LIS137" s="23"/>
      <c r="LIT137" s="23"/>
      <c r="LIU137" s="23"/>
      <c r="LIV137" s="23"/>
      <c r="LIW137" s="23"/>
      <c r="LIX137" s="23"/>
      <c r="LIY137" s="23"/>
      <c r="LIZ137" s="23"/>
      <c r="LJA137" s="23"/>
      <c r="LJB137" s="23"/>
      <c r="LJC137" s="23"/>
      <c r="LJD137" s="23"/>
      <c r="LJE137" s="23"/>
      <c r="LJF137" s="23"/>
      <c r="LJG137" s="23"/>
      <c r="LJH137" s="23"/>
      <c r="LJI137" s="23"/>
      <c r="LJJ137" s="23"/>
      <c r="LJK137" s="23"/>
      <c r="LJL137" s="23"/>
      <c r="LJM137" s="23"/>
      <c r="LJN137" s="23"/>
      <c r="LJO137" s="23"/>
      <c r="LJP137" s="23"/>
      <c r="LJQ137" s="23"/>
      <c r="LJR137" s="23"/>
      <c r="LJS137" s="23"/>
      <c r="LJT137" s="23"/>
      <c r="LJU137" s="23"/>
      <c r="LJV137" s="23"/>
      <c r="LJW137" s="23"/>
      <c r="LJX137" s="23"/>
      <c r="LJY137" s="23"/>
      <c r="LJZ137" s="23"/>
      <c r="LKA137" s="23"/>
      <c r="LKB137" s="23"/>
      <c r="LKC137" s="23"/>
      <c r="LKD137" s="23"/>
      <c r="LKE137" s="23"/>
      <c r="LKF137" s="23"/>
      <c r="LKG137" s="23"/>
      <c r="LKH137" s="23"/>
      <c r="LKI137" s="23"/>
      <c r="LKJ137" s="23"/>
      <c r="LKK137" s="23"/>
      <c r="LKL137" s="23"/>
      <c r="LKM137" s="23"/>
      <c r="LKN137" s="23"/>
      <c r="LKO137" s="23"/>
      <c r="LKP137" s="23"/>
      <c r="LKQ137" s="23"/>
      <c r="LKR137" s="23"/>
      <c r="LKS137" s="23"/>
      <c r="LKT137" s="23"/>
      <c r="LKU137" s="23"/>
      <c r="LKV137" s="23"/>
      <c r="LKW137" s="23"/>
      <c r="LKX137" s="23"/>
      <c r="LKY137" s="23"/>
      <c r="LKZ137" s="23"/>
      <c r="LLA137" s="23"/>
      <c r="LLB137" s="23"/>
      <c r="LLC137" s="23"/>
      <c r="LLD137" s="23"/>
      <c r="LLE137" s="23"/>
      <c r="LLF137" s="23"/>
      <c r="LLG137" s="23"/>
      <c r="LLH137" s="23"/>
      <c r="LLI137" s="23"/>
      <c r="LLJ137" s="23"/>
      <c r="LLK137" s="23"/>
      <c r="LLL137" s="23"/>
      <c r="LLM137" s="23"/>
      <c r="LLN137" s="23"/>
      <c r="LLO137" s="23"/>
      <c r="LLP137" s="23"/>
      <c r="LLQ137" s="23"/>
      <c r="LLR137" s="23"/>
      <c r="LLS137" s="23"/>
      <c r="LLT137" s="23"/>
      <c r="LLU137" s="23"/>
      <c r="LLV137" s="23"/>
      <c r="LLW137" s="23"/>
      <c r="LLX137" s="23"/>
      <c r="LLY137" s="23"/>
      <c r="LLZ137" s="23"/>
      <c r="LMA137" s="23"/>
      <c r="LMB137" s="23"/>
      <c r="LMC137" s="23"/>
      <c r="LMD137" s="23"/>
      <c r="LME137" s="23"/>
      <c r="LMF137" s="23"/>
      <c r="LMG137" s="23"/>
      <c r="LMH137" s="23"/>
      <c r="LMI137" s="23"/>
      <c r="LMJ137" s="23"/>
      <c r="LMK137" s="23"/>
      <c r="LML137" s="23"/>
      <c r="LMM137" s="23"/>
      <c r="LMN137" s="23"/>
      <c r="LMO137" s="23"/>
      <c r="LMP137" s="23"/>
      <c r="LMQ137" s="23"/>
      <c r="LMR137" s="23"/>
      <c r="LMS137" s="23"/>
      <c r="LMT137" s="23"/>
      <c r="LMU137" s="23"/>
      <c r="LMV137" s="23"/>
      <c r="LMW137" s="23"/>
      <c r="LMX137" s="23"/>
      <c r="LMY137" s="23"/>
      <c r="LMZ137" s="23"/>
      <c r="LNA137" s="23"/>
      <c r="LNB137" s="23"/>
      <c r="LNC137" s="23"/>
      <c r="LND137" s="23"/>
      <c r="LNE137" s="23"/>
      <c r="LNF137" s="23"/>
      <c r="LNG137" s="23"/>
      <c r="LNH137" s="23"/>
      <c r="LNI137" s="23"/>
      <c r="LNJ137" s="23"/>
      <c r="LNK137" s="23"/>
      <c r="LNL137" s="23"/>
      <c r="LNM137" s="23"/>
      <c r="LNN137" s="23"/>
      <c r="LNO137" s="23"/>
      <c r="LNP137" s="23"/>
      <c r="LNQ137" s="23"/>
      <c r="LNR137" s="23"/>
      <c r="LNS137" s="23"/>
      <c r="LNT137" s="23"/>
      <c r="LNU137" s="23"/>
      <c r="LNV137" s="23"/>
      <c r="LNW137" s="23"/>
      <c r="LNX137" s="23"/>
      <c r="LNY137" s="23"/>
      <c r="LNZ137" s="23"/>
      <c r="LOA137" s="23"/>
      <c r="LOB137" s="23"/>
      <c r="LOC137" s="23"/>
      <c r="LOD137" s="23"/>
      <c r="LOE137" s="23"/>
      <c r="LOF137" s="23"/>
      <c r="LOG137" s="23"/>
      <c r="LOH137" s="23"/>
      <c r="LOI137" s="23"/>
      <c r="LOJ137" s="23"/>
      <c r="LOK137" s="23"/>
      <c r="LOL137" s="23"/>
      <c r="LOM137" s="23"/>
      <c r="LON137" s="23"/>
      <c r="LOO137" s="23"/>
      <c r="LOP137" s="23"/>
      <c r="LOQ137" s="23"/>
      <c r="LOR137" s="23"/>
      <c r="LOS137" s="23"/>
      <c r="LOT137" s="23"/>
      <c r="LOU137" s="23"/>
      <c r="LOV137" s="23"/>
      <c r="LOW137" s="23"/>
      <c r="LOX137" s="23"/>
      <c r="LOY137" s="23"/>
      <c r="LOZ137" s="23"/>
      <c r="LPA137" s="23"/>
      <c r="LPB137" s="23"/>
      <c r="LPC137" s="23"/>
      <c r="LPD137" s="23"/>
      <c r="LPE137" s="23"/>
      <c r="LPF137" s="23"/>
      <c r="LPG137" s="23"/>
      <c r="LPH137" s="23"/>
      <c r="LPI137" s="23"/>
      <c r="LPJ137" s="23"/>
      <c r="LPK137" s="23"/>
      <c r="LPL137" s="23"/>
      <c r="LPM137" s="23"/>
      <c r="LPN137" s="23"/>
      <c r="LPO137" s="23"/>
      <c r="LPP137" s="23"/>
      <c r="LPQ137" s="23"/>
      <c r="LPR137" s="23"/>
      <c r="LPS137" s="23"/>
      <c r="LPT137" s="23"/>
      <c r="LPU137" s="23"/>
      <c r="LPV137" s="23"/>
      <c r="LPW137" s="23"/>
      <c r="LPX137" s="23"/>
      <c r="LPY137" s="23"/>
      <c r="LPZ137" s="23"/>
      <c r="LQA137" s="23"/>
      <c r="LQB137" s="23"/>
      <c r="LQC137" s="23"/>
      <c r="LQD137" s="23"/>
      <c r="LQE137" s="23"/>
      <c r="LQF137" s="23"/>
      <c r="LQG137" s="23"/>
      <c r="LQH137" s="23"/>
      <c r="LQI137" s="23"/>
      <c r="LQJ137" s="23"/>
      <c r="LQK137" s="23"/>
      <c r="LQL137" s="23"/>
      <c r="LQM137" s="23"/>
      <c r="LQN137" s="23"/>
      <c r="LQO137" s="23"/>
      <c r="LQP137" s="23"/>
      <c r="LQQ137" s="23"/>
      <c r="LQR137" s="23"/>
      <c r="LQS137" s="23"/>
      <c r="LQT137" s="23"/>
      <c r="LQU137" s="23"/>
      <c r="LQV137" s="23"/>
      <c r="LQW137" s="23"/>
      <c r="LQX137" s="23"/>
      <c r="LQY137" s="23"/>
      <c r="LQZ137" s="23"/>
      <c r="LRA137" s="23"/>
      <c r="LRB137" s="23"/>
      <c r="LRC137" s="23"/>
      <c r="LRD137" s="23"/>
      <c r="LRE137" s="23"/>
      <c r="LRF137" s="23"/>
      <c r="LRG137" s="23"/>
      <c r="LRH137" s="23"/>
      <c r="LRI137" s="23"/>
      <c r="LRJ137" s="23"/>
      <c r="LRK137" s="23"/>
      <c r="LRL137" s="23"/>
      <c r="LRM137" s="23"/>
      <c r="LRN137" s="23"/>
      <c r="LRO137" s="23"/>
      <c r="LRP137" s="23"/>
      <c r="LRQ137" s="23"/>
      <c r="LRR137" s="23"/>
      <c r="LRS137" s="23"/>
      <c r="LRT137" s="23"/>
      <c r="LRU137" s="23"/>
      <c r="LRV137" s="23"/>
      <c r="LRW137" s="23"/>
      <c r="LRX137" s="23"/>
      <c r="LRY137" s="23"/>
      <c r="LRZ137" s="23"/>
      <c r="LSA137" s="23"/>
      <c r="LSB137" s="23"/>
      <c r="LSC137" s="23"/>
      <c r="LSD137" s="23"/>
      <c r="LSE137" s="23"/>
      <c r="LSF137" s="23"/>
      <c r="LSG137" s="23"/>
      <c r="LSH137" s="23"/>
      <c r="LSI137" s="23"/>
      <c r="LSJ137" s="23"/>
      <c r="LSK137" s="23"/>
      <c r="LSL137" s="23"/>
      <c r="LSM137" s="23"/>
      <c r="LSN137" s="23"/>
      <c r="LSO137" s="23"/>
      <c r="LSP137" s="23"/>
      <c r="LSQ137" s="23"/>
      <c r="LSR137" s="23"/>
      <c r="LSS137" s="23"/>
      <c r="LST137" s="23"/>
      <c r="LSU137" s="23"/>
      <c r="LSV137" s="23"/>
      <c r="LSW137" s="23"/>
      <c r="LSX137" s="23"/>
      <c r="LSY137" s="23"/>
      <c r="LSZ137" s="23"/>
      <c r="LTA137" s="23"/>
      <c r="LTB137" s="23"/>
      <c r="LTC137" s="23"/>
      <c r="LTD137" s="23"/>
      <c r="LTE137" s="23"/>
      <c r="LTF137" s="23"/>
      <c r="LTG137" s="23"/>
      <c r="LTH137" s="23"/>
      <c r="LTI137" s="23"/>
      <c r="LTJ137" s="23"/>
      <c r="LTK137" s="23"/>
      <c r="LTL137" s="23"/>
      <c r="LTM137" s="23"/>
      <c r="LTN137" s="23"/>
      <c r="LTO137" s="23"/>
      <c r="LTP137" s="23"/>
      <c r="LTQ137" s="23"/>
      <c r="LTR137" s="23"/>
      <c r="LTS137" s="23"/>
      <c r="LTT137" s="23"/>
      <c r="LTU137" s="23"/>
      <c r="LTV137" s="23"/>
      <c r="LTW137" s="23"/>
      <c r="LTX137" s="23"/>
      <c r="LTY137" s="23"/>
      <c r="LTZ137" s="23"/>
      <c r="LUA137" s="23"/>
      <c r="LUB137" s="23"/>
      <c r="LUC137" s="23"/>
      <c r="LUD137" s="23"/>
      <c r="LUE137" s="23"/>
      <c r="LUF137" s="23"/>
      <c r="LUG137" s="23"/>
      <c r="LUH137" s="23"/>
      <c r="LUI137" s="23"/>
      <c r="LUJ137" s="23"/>
      <c r="LUK137" s="23"/>
      <c r="LUL137" s="23"/>
      <c r="LUM137" s="23"/>
      <c r="LUN137" s="23"/>
      <c r="LUO137" s="23"/>
      <c r="LUP137" s="23"/>
      <c r="LUQ137" s="23"/>
      <c r="LUR137" s="23"/>
      <c r="LUS137" s="23"/>
      <c r="LUT137" s="23"/>
      <c r="LUU137" s="23"/>
      <c r="LUV137" s="23"/>
      <c r="LUW137" s="23"/>
      <c r="LUX137" s="23"/>
      <c r="LUY137" s="23"/>
      <c r="LUZ137" s="23"/>
      <c r="LVA137" s="23"/>
      <c r="LVB137" s="23"/>
      <c r="LVC137" s="23"/>
      <c r="LVD137" s="23"/>
      <c r="LVE137" s="23"/>
      <c r="LVF137" s="23"/>
      <c r="LVG137" s="23"/>
      <c r="LVH137" s="23"/>
      <c r="LVI137" s="23"/>
      <c r="LVJ137" s="23"/>
      <c r="LVK137" s="23"/>
      <c r="LVL137" s="23"/>
      <c r="LVM137" s="23"/>
      <c r="LVN137" s="23"/>
      <c r="LVO137" s="23"/>
      <c r="LVP137" s="23"/>
      <c r="LVQ137" s="23"/>
      <c r="LVR137" s="23"/>
      <c r="LVS137" s="23"/>
      <c r="LVT137" s="23"/>
      <c r="LVU137" s="23"/>
      <c r="LVV137" s="23"/>
      <c r="LVW137" s="23"/>
      <c r="LVX137" s="23"/>
      <c r="LVY137" s="23"/>
      <c r="LVZ137" s="23"/>
      <c r="LWA137" s="23"/>
      <c r="LWB137" s="23"/>
      <c r="LWC137" s="23"/>
      <c r="LWD137" s="23"/>
      <c r="LWE137" s="23"/>
      <c r="LWF137" s="23"/>
      <c r="LWG137" s="23"/>
      <c r="LWH137" s="23"/>
      <c r="LWI137" s="23"/>
      <c r="LWJ137" s="23"/>
      <c r="LWK137" s="23"/>
      <c r="LWL137" s="23"/>
      <c r="LWM137" s="23"/>
      <c r="LWN137" s="23"/>
      <c r="LWO137" s="23"/>
      <c r="LWP137" s="23"/>
      <c r="LWQ137" s="23"/>
      <c r="LWR137" s="23"/>
      <c r="LWS137" s="23"/>
      <c r="LWT137" s="23"/>
      <c r="LWU137" s="23"/>
      <c r="LWV137" s="23"/>
      <c r="LWW137" s="23"/>
      <c r="LWX137" s="23"/>
      <c r="LWY137" s="23"/>
      <c r="LWZ137" s="23"/>
      <c r="LXA137" s="23"/>
      <c r="LXB137" s="23"/>
      <c r="LXC137" s="23"/>
      <c r="LXD137" s="23"/>
      <c r="LXE137" s="23"/>
      <c r="LXF137" s="23"/>
      <c r="LXG137" s="23"/>
      <c r="LXH137" s="23"/>
      <c r="LXI137" s="23"/>
      <c r="LXJ137" s="23"/>
      <c r="LXK137" s="23"/>
      <c r="LXL137" s="23"/>
      <c r="LXM137" s="23"/>
      <c r="LXN137" s="23"/>
      <c r="LXO137" s="23"/>
      <c r="LXP137" s="23"/>
      <c r="LXQ137" s="23"/>
      <c r="LXR137" s="23"/>
      <c r="LXS137" s="23"/>
      <c r="LXT137" s="23"/>
      <c r="LXU137" s="23"/>
      <c r="LXV137" s="23"/>
      <c r="LXW137" s="23"/>
      <c r="LXX137" s="23"/>
      <c r="LXY137" s="23"/>
      <c r="LXZ137" s="23"/>
      <c r="LYA137" s="23"/>
      <c r="LYB137" s="23"/>
      <c r="LYC137" s="23"/>
      <c r="LYD137" s="23"/>
      <c r="LYE137" s="23"/>
      <c r="LYF137" s="23"/>
      <c r="LYG137" s="23"/>
      <c r="LYH137" s="23"/>
      <c r="LYI137" s="23"/>
      <c r="LYJ137" s="23"/>
      <c r="LYK137" s="23"/>
      <c r="LYL137" s="23"/>
      <c r="LYM137" s="23"/>
      <c r="LYN137" s="23"/>
      <c r="LYO137" s="23"/>
      <c r="LYP137" s="23"/>
      <c r="LYQ137" s="23"/>
      <c r="LYR137" s="23"/>
      <c r="LYS137" s="23"/>
      <c r="LYT137" s="23"/>
      <c r="LYU137" s="23"/>
      <c r="LYV137" s="23"/>
      <c r="LYW137" s="23"/>
      <c r="LYX137" s="23"/>
      <c r="LYY137" s="23"/>
      <c r="LYZ137" s="23"/>
      <c r="LZA137" s="23"/>
      <c r="LZB137" s="23"/>
      <c r="LZC137" s="23"/>
      <c r="LZD137" s="23"/>
      <c r="LZE137" s="23"/>
      <c r="LZF137" s="23"/>
      <c r="LZG137" s="23"/>
      <c r="LZH137" s="23"/>
      <c r="LZI137" s="23"/>
      <c r="LZJ137" s="23"/>
      <c r="LZK137" s="23"/>
      <c r="LZL137" s="23"/>
      <c r="LZM137" s="23"/>
      <c r="LZN137" s="23"/>
      <c r="LZO137" s="23"/>
      <c r="LZP137" s="23"/>
      <c r="LZQ137" s="23"/>
      <c r="LZR137" s="23"/>
      <c r="LZS137" s="23"/>
      <c r="LZT137" s="23"/>
      <c r="LZU137" s="23"/>
      <c r="LZV137" s="23"/>
      <c r="LZW137" s="23"/>
      <c r="LZX137" s="23"/>
      <c r="LZY137" s="23"/>
      <c r="LZZ137" s="23"/>
      <c r="MAA137" s="23"/>
      <c r="MAB137" s="23"/>
      <c r="MAC137" s="23"/>
      <c r="MAD137" s="23"/>
      <c r="MAE137" s="23"/>
      <c r="MAF137" s="23"/>
      <c r="MAG137" s="23"/>
      <c r="MAH137" s="23"/>
      <c r="MAI137" s="23"/>
      <c r="MAJ137" s="23"/>
      <c r="MAK137" s="23"/>
      <c r="MAL137" s="23"/>
      <c r="MAM137" s="23"/>
      <c r="MAN137" s="23"/>
      <c r="MAO137" s="23"/>
      <c r="MAP137" s="23"/>
      <c r="MAQ137" s="23"/>
      <c r="MAR137" s="23"/>
      <c r="MAS137" s="23"/>
      <c r="MAT137" s="23"/>
      <c r="MAU137" s="23"/>
      <c r="MAV137" s="23"/>
      <c r="MAW137" s="23"/>
      <c r="MAX137" s="23"/>
      <c r="MAY137" s="23"/>
      <c r="MAZ137" s="23"/>
      <c r="MBA137" s="23"/>
      <c r="MBB137" s="23"/>
      <c r="MBC137" s="23"/>
      <c r="MBD137" s="23"/>
      <c r="MBE137" s="23"/>
      <c r="MBF137" s="23"/>
      <c r="MBG137" s="23"/>
      <c r="MBH137" s="23"/>
      <c r="MBI137" s="23"/>
      <c r="MBJ137" s="23"/>
      <c r="MBK137" s="23"/>
      <c r="MBL137" s="23"/>
      <c r="MBM137" s="23"/>
      <c r="MBN137" s="23"/>
      <c r="MBO137" s="23"/>
      <c r="MBP137" s="23"/>
      <c r="MBQ137" s="23"/>
      <c r="MBR137" s="23"/>
      <c r="MBS137" s="23"/>
      <c r="MBT137" s="23"/>
      <c r="MBU137" s="23"/>
      <c r="MBV137" s="23"/>
      <c r="MBW137" s="23"/>
      <c r="MBX137" s="23"/>
      <c r="MBY137" s="23"/>
      <c r="MBZ137" s="23"/>
      <c r="MCA137" s="23"/>
      <c r="MCB137" s="23"/>
      <c r="MCC137" s="23"/>
      <c r="MCD137" s="23"/>
      <c r="MCE137" s="23"/>
      <c r="MCF137" s="23"/>
      <c r="MCG137" s="23"/>
      <c r="MCH137" s="23"/>
      <c r="MCI137" s="23"/>
      <c r="MCJ137" s="23"/>
      <c r="MCK137" s="23"/>
      <c r="MCL137" s="23"/>
      <c r="MCM137" s="23"/>
      <c r="MCN137" s="23"/>
      <c r="MCO137" s="23"/>
      <c r="MCP137" s="23"/>
      <c r="MCQ137" s="23"/>
      <c r="MCR137" s="23"/>
      <c r="MCS137" s="23"/>
      <c r="MCT137" s="23"/>
      <c r="MCU137" s="23"/>
      <c r="MCV137" s="23"/>
      <c r="MCW137" s="23"/>
      <c r="MCX137" s="23"/>
      <c r="MCY137" s="23"/>
      <c r="MCZ137" s="23"/>
      <c r="MDA137" s="23"/>
      <c r="MDB137" s="23"/>
      <c r="MDC137" s="23"/>
      <c r="MDD137" s="23"/>
      <c r="MDE137" s="23"/>
      <c r="MDF137" s="23"/>
      <c r="MDG137" s="23"/>
      <c r="MDH137" s="23"/>
      <c r="MDI137" s="23"/>
      <c r="MDJ137" s="23"/>
      <c r="MDK137" s="23"/>
      <c r="MDL137" s="23"/>
      <c r="MDM137" s="23"/>
      <c r="MDN137" s="23"/>
      <c r="MDO137" s="23"/>
      <c r="MDP137" s="23"/>
      <c r="MDQ137" s="23"/>
      <c r="MDR137" s="23"/>
      <c r="MDS137" s="23"/>
      <c r="MDT137" s="23"/>
      <c r="MDU137" s="23"/>
      <c r="MDV137" s="23"/>
      <c r="MDW137" s="23"/>
      <c r="MDX137" s="23"/>
      <c r="MDY137" s="23"/>
      <c r="MDZ137" s="23"/>
      <c r="MEA137" s="23"/>
      <c r="MEB137" s="23"/>
      <c r="MEC137" s="23"/>
      <c r="MED137" s="23"/>
      <c r="MEE137" s="23"/>
      <c r="MEF137" s="23"/>
      <c r="MEG137" s="23"/>
      <c r="MEH137" s="23"/>
      <c r="MEI137" s="23"/>
      <c r="MEJ137" s="23"/>
      <c r="MEK137" s="23"/>
      <c r="MEL137" s="23"/>
      <c r="MEM137" s="23"/>
      <c r="MEN137" s="23"/>
      <c r="MEO137" s="23"/>
      <c r="MEP137" s="23"/>
      <c r="MEQ137" s="23"/>
      <c r="MER137" s="23"/>
      <c r="MES137" s="23"/>
      <c r="MET137" s="23"/>
      <c r="MEU137" s="23"/>
      <c r="MEV137" s="23"/>
      <c r="MEW137" s="23"/>
      <c r="MEX137" s="23"/>
      <c r="MEY137" s="23"/>
      <c r="MEZ137" s="23"/>
      <c r="MFA137" s="23"/>
      <c r="MFB137" s="23"/>
      <c r="MFC137" s="23"/>
      <c r="MFD137" s="23"/>
      <c r="MFE137" s="23"/>
      <c r="MFF137" s="23"/>
      <c r="MFG137" s="23"/>
      <c r="MFH137" s="23"/>
      <c r="MFI137" s="23"/>
      <c r="MFJ137" s="23"/>
      <c r="MFK137" s="23"/>
      <c r="MFL137" s="23"/>
      <c r="MFM137" s="23"/>
      <c r="MFN137" s="23"/>
      <c r="MFO137" s="23"/>
      <c r="MFP137" s="23"/>
      <c r="MFQ137" s="23"/>
      <c r="MFR137" s="23"/>
      <c r="MFS137" s="23"/>
      <c r="MFT137" s="23"/>
      <c r="MFU137" s="23"/>
      <c r="MFV137" s="23"/>
      <c r="MFW137" s="23"/>
      <c r="MFX137" s="23"/>
      <c r="MFY137" s="23"/>
      <c r="MFZ137" s="23"/>
      <c r="MGA137" s="23"/>
      <c r="MGB137" s="23"/>
      <c r="MGC137" s="23"/>
      <c r="MGD137" s="23"/>
      <c r="MGE137" s="23"/>
      <c r="MGF137" s="23"/>
      <c r="MGG137" s="23"/>
      <c r="MGH137" s="23"/>
      <c r="MGI137" s="23"/>
      <c r="MGJ137" s="23"/>
      <c r="MGK137" s="23"/>
      <c r="MGL137" s="23"/>
      <c r="MGM137" s="23"/>
      <c r="MGN137" s="23"/>
      <c r="MGO137" s="23"/>
      <c r="MGP137" s="23"/>
      <c r="MGQ137" s="23"/>
      <c r="MGR137" s="23"/>
      <c r="MGS137" s="23"/>
      <c r="MGT137" s="23"/>
      <c r="MGU137" s="23"/>
      <c r="MGV137" s="23"/>
      <c r="MGW137" s="23"/>
      <c r="MGX137" s="23"/>
      <c r="MGY137" s="23"/>
      <c r="MGZ137" s="23"/>
      <c r="MHA137" s="23"/>
      <c r="MHB137" s="23"/>
      <c r="MHC137" s="23"/>
      <c r="MHD137" s="23"/>
      <c r="MHE137" s="23"/>
      <c r="MHF137" s="23"/>
      <c r="MHG137" s="23"/>
      <c r="MHH137" s="23"/>
      <c r="MHI137" s="23"/>
      <c r="MHJ137" s="23"/>
      <c r="MHK137" s="23"/>
      <c r="MHL137" s="23"/>
      <c r="MHM137" s="23"/>
      <c r="MHN137" s="23"/>
      <c r="MHO137" s="23"/>
      <c r="MHP137" s="23"/>
      <c r="MHQ137" s="23"/>
      <c r="MHR137" s="23"/>
      <c r="MHS137" s="23"/>
      <c r="MHT137" s="23"/>
      <c r="MHU137" s="23"/>
      <c r="MHV137" s="23"/>
      <c r="MHW137" s="23"/>
      <c r="MHX137" s="23"/>
      <c r="MHY137" s="23"/>
      <c r="MHZ137" s="23"/>
      <c r="MIA137" s="23"/>
      <c r="MIB137" s="23"/>
      <c r="MIC137" s="23"/>
      <c r="MID137" s="23"/>
      <c r="MIE137" s="23"/>
      <c r="MIF137" s="23"/>
      <c r="MIG137" s="23"/>
      <c r="MIH137" s="23"/>
      <c r="MII137" s="23"/>
      <c r="MIJ137" s="23"/>
      <c r="MIK137" s="23"/>
      <c r="MIL137" s="23"/>
      <c r="MIM137" s="23"/>
      <c r="MIN137" s="23"/>
      <c r="MIO137" s="23"/>
      <c r="MIP137" s="23"/>
      <c r="MIQ137" s="23"/>
      <c r="MIR137" s="23"/>
      <c r="MIS137" s="23"/>
      <c r="MIT137" s="23"/>
      <c r="MIU137" s="23"/>
      <c r="MIV137" s="23"/>
      <c r="MIW137" s="23"/>
      <c r="MIX137" s="23"/>
      <c r="MIY137" s="23"/>
      <c r="MIZ137" s="23"/>
      <c r="MJA137" s="23"/>
      <c r="MJB137" s="23"/>
      <c r="MJC137" s="23"/>
      <c r="MJD137" s="23"/>
      <c r="MJE137" s="23"/>
      <c r="MJF137" s="23"/>
      <c r="MJG137" s="23"/>
      <c r="MJH137" s="23"/>
      <c r="MJI137" s="23"/>
      <c r="MJJ137" s="23"/>
      <c r="MJK137" s="23"/>
      <c r="MJL137" s="23"/>
      <c r="MJM137" s="23"/>
      <c r="MJN137" s="23"/>
      <c r="MJO137" s="23"/>
      <c r="MJP137" s="23"/>
      <c r="MJQ137" s="23"/>
      <c r="MJR137" s="23"/>
      <c r="MJS137" s="23"/>
      <c r="MJT137" s="23"/>
      <c r="MJU137" s="23"/>
      <c r="MJV137" s="23"/>
      <c r="MJW137" s="23"/>
      <c r="MJX137" s="23"/>
      <c r="MJY137" s="23"/>
      <c r="MJZ137" s="23"/>
      <c r="MKA137" s="23"/>
      <c r="MKB137" s="23"/>
      <c r="MKC137" s="23"/>
      <c r="MKD137" s="23"/>
      <c r="MKE137" s="23"/>
      <c r="MKF137" s="23"/>
      <c r="MKG137" s="23"/>
      <c r="MKH137" s="23"/>
      <c r="MKI137" s="23"/>
      <c r="MKJ137" s="23"/>
      <c r="MKK137" s="23"/>
      <c r="MKL137" s="23"/>
      <c r="MKM137" s="23"/>
      <c r="MKN137" s="23"/>
      <c r="MKO137" s="23"/>
      <c r="MKP137" s="23"/>
      <c r="MKQ137" s="23"/>
      <c r="MKR137" s="23"/>
      <c r="MKS137" s="23"/>
      <c r="MKT137" s="23"/>
      <c r="MKU137" s="23"/>
      <c r="MKV137" s="23"/>
      <c r="MKW137" s="23"/>
      <c r="MKX137" s="23"/>
      <c r="MKY137" s="23"/>
      <c r="MKZ137" s="23"/>
      <c r="MLA137" s="23"/>
      <c r="MLB137" s="23"/>
      <c r="MLC137" s="23"/>
      <c r="MLD137" s="23"/>
      <c r="MLE137" s="23"/>
      <c r="MLF137" s="23"/>
      <c r="MLG137" s="23"/>
      <c r="MLH137" s="23"/>
      <c r="MLI137" s="23"/>
      <c r="MLJ137" s="23"/>
      <c r="MLK137" s="23"/>
      <c r="MLL137" s="23"/>
      <c r="MLM137" s="23"/>
      <c r="MLN137" s="23"/>
      <c r="MLO137" s="23"/>
      <c r="MLP137" s="23"/>
      <c r="MLQ137" s="23"/>
      <c r="MLR137" s="23"/>
      <c r="MLS137" s="23"/>
      <c r="MLT137" s="23"/>
      <c r="MLU137" s="23"/>
      <c r="MLV137" s="23"/>
      <c r="MLW137" s="23"/>
      <c r="MLX137" s="23"/>
      <c r="MLY137" s="23"/>
      <c r="MLZ137" s="23"/>
      <c r="MMA137" s="23"/>
      <c r="MMB137" s="23"/>
      <c r="MMC137" s="23"/>
      <c r="MMD137" s="23"/>
      <c r="MME137" s="23"/>
      <c r="MMF137" s="23"/>
      <c r="MMG137" s="23"/>
      <c r="MMH137" s="23"/>
      <c r="MMI137" s="23"/>
      <c r="MMJ137" s="23"/>
      <c r="MMK137" s="23"/>
      <c r="MML137" s="23"/>
      <c r="MMM137" s="23"/>
      <c r="MMN137" s="23"/>
      <c r="MMO137" s="23"/>
      <c r="MMP137" s="23"/>
      <c r="MMQ137" s="23"/>
      <c r="MMR137" s="23"/>
      <c r="MMS137" s="23"/>
      <c r="MMT137" s="23"/>
      <c r="MMU137" s="23"/>
      <c r="MMV137" s="23"/>
      <c r="MMW137" s="23"/>
      <c r="MMX137" s="23"/>
      <c r="MMY137" s="23"/>
      <c r="MMZ137" s="23"/>
      <c r="MNA137" s="23"/>
      <c r="MNB137" s="23"/>
      <c r="MNC137" s="23"/>
      <c r="MND137" s="23"/>
      <c r="MNE137" s="23"/>
      <c r="MNF137" s="23"/>
      <c r="MNG137" s="23"/>
      <c r="MNH137" s="23"/>
      <c r="MNI137" s="23"/>
      <c r="MNJ137" s="23"/>
      <c r="MNK137" s="23"/>
      <c r="MNL137" s="23"/>
      <c r="MNM137" s="23"/>
      <c r="MNN137" s="23"/>
      <c r="MNO137" s="23"/>
      <c r="MNP137" s="23"/>
      <c r="MNQ137" s="23"/>
      <c r="MNR137" s="23"/>
      <c r="MNS137" s="23"/>
      <c r="MNT137" s="23"/>
      <c r="MNU137" s="23"/>
      <c r="MNV137" s="23"/>
      <c r="MNW137" s="23"/>
      <c r="MNX137" s="23"/>
      <c r="MNY137" s="23"/>
      <c r="MNZ137" s="23"/>
      <c r="MOA137" s="23"/>
      <c r="MOB137" s="23"/>
      <c r="MOC137" s="23"/>
      <c r="MOD137" s="23"/>
      <c r="MOE137" s="23"/>
      <c r="MOF137" s="23"/>
      <c r="MOG137" s="23"/>
      <c r="MOH137" s="23"/>
      <c r="MOI137" s="23"/>
      <c r="MOJ137" s="23"/>
      <c r="MOK137" s="23"/>
      <c r="MOL137" s="23"/>
      <c r="MOM137" s="23"/>
      <c r="MON137" s="23"/>
      <c r="MOO137" s="23"/>
      <c r="MOP137" s="23"/>
      <c r="MOQ137" s="23"/>
      <c r="MOR137" s="23"/>
      <c r="MOS137" s="23"/>
      <c r="MOT137" s="23"/>
      <c r="MOU137" s="23"/>
      <c r="MOV137" s="23"/>
      <c r="MOW137" s="23"/>
      <c r="MOX137" s="23"/>
      <c r="MOY137" s="23"/>
      <c r="MOZ137" s="23"/>
      <c r="MPA137" s="23"/>
      <c r="MPB137" s="23"/>
      <c r="MPC137" s="23"/>
      <c r="MPD137" s="23"/>
      <c r="MPE137" s="23"/>
      <c r="MPF137" s="23"/>
      <c r="MPG137" s="23"/>
      <c r="MPH137" s="23"/>
      <c r="MPI137" s="23"/>
      <c r="MPJ137" s="23"/>
      <c r="MPK137" s="23"/>
      <c r="MPL137" s="23"/>
      <c r="MPM137" s="23"/>
      <c r="MPN137" s="23"/>
      <c r="MPO137" s="23"/>
      <c r="MPP137" s="23"/>
      <c r="MPQ137" s="23"/>
      <c r="MPR137" s="23"/>
      <c r="MPS137" s="23"/>
      <c r="MPT137" s="23"/>
      <c r="MPU137" s="23"/>
      <c r="MPV137" s="23"/>
      <c r="MPW137" s="23"/>
      <c r="MPX137" s="23"/>
      <c r="MPY137" s="23"/>
      <c r="MPZ137" s="23"/>
      <c r="MQA137" s="23"/>
      <c r="MQB137" s="23"/>
      <c r="MQC137" s="23"/>
      <c r="MQD137" s="23"/>
      <c r="MQE137" s="23"/>
      <c r="MQF137" s="23"/>
      <c r="MQG137" s="23"/>
      <c r="MQH137" s="23"/>
      <c r="MQI137" s="23"/>
      <c r="MQJ137" s="23"/>
      <c r="MQK137" s="23"/>
      <c r="MQL137" s="23"/>
      <c r="MQM137" s="23"/>
      <c r="MQN137" s="23"/>
      <c r="MQO137" s="23"/>
      <c r="MQP137" s="23"/>
      <c r="MQQ137" s="23"/>
      <c r="MQR137" s="23"/>
      <c r="MQS137" s="23"/>
      <c r="MQT137" s="23"/>
      <c r="MQU137" s="23"/>
      <c r="MQV137" s="23"/>
      <c r="MQW137" s="23"/>
      <c r="MQX137" s="23"/>
      <c r="MQY137" s="23"/>
      <c r="MQZ137" s="23"/>
      <c r="MRA137" s="23"/>
      <c r="MRB137" s="23"/>
      <c r="MRC137" s="23"/>
      <c r="MRD137" s="23"/>
      <c r="MRE137" s="23"/>
      <c r="MRF137" s="23"/>
      <c r="MRG137" s="23"/>
      <c r="MRH137" s="23"/>
      <c r="MRI137" s="23"/>
      <c r="MRJ137" s="23"/>
      <c r="MRK137" s="23"/>
      <c r="MRL137" s="23"/>
      <c r="MRM137" s="23"/>
      <c r="MRN137" s="23"/>
      <c r="MRO137" s="23"/>
      <c r="MRP137" s="23"/>
      <c r="MRQ137" s="23"/>
      <c r="MRR137" s="23"/>
      <c r="MRS137" s="23"/>
      <c r="MRT137" s="23"/>
      <c r="MRU137" s="23"/>
      <c r="MRV137" s="23"/>
      <c r="MRW137" s="23"/>
      <c r="MRX137" s="23"/>
      <c r="MRY137" s="23"/>
      <c r="MRZ137" s="23"/>
      <c r="MSA137" s="23"/>
      <c r="MSB137" s="23"/>
      <c r="MSC137" s="23"/>
      <c r="MSD137" s="23"/>
      <c r="MSE137" s="23"/>
      <c r="MSF137" s="23"/>
      <c r="MSG137" s="23"/>
      <c r="MSH137" s="23"/>
      <c r="MSI137" s="23"/>
      <c r="MSJ137" s="23"/>
      <c r="MSK137" s="23"/>
      <c r="MSL137" s="23"/>
      <c r="MSM137" s="23"/>
      <c r="MSN137" s="23"/>
      <c r="MSO137" s="23"/>
      <c r="MSP137" s="23"/>
      <c r="MSQ137" s="23"/>
      <c r="MSR137" s="23"/>
      <c r="MSS137" s="23"/>
      <c r="MST137" s="23"/>
      <c r="MSU137" s="23"/>
      <c r="MSV137" s="23"/>
      <c r="MSW137" s="23"/>
      <c r="MSX137" s="23"/>
      <c r="MSY137" s="23"/>
      <c r="MSZ137" s="23"/>
      <c r="MTA137" s="23"/>
      <c r="MTB137" s="23"/>
      <c r="MTC137" s="23"/>
      <c r="MTD137" s="23"/>
      <c r="MTE137" s="23"/>
      <c r="MTF137" s="23"/>
      <c r="MTG137" s="23"/>
      <c r="MTH137" s="23"/>
      <c r="MTI137" s="23"/>
      <c r="MTJ137" s="23"/>
      <c r="MTK137" s="23"/>
      <c r="MTL137" s="23"/>
      <c r="MTM137" s="23"/>
      <c r="MTN137" s="23"/>
      <c r="MTO137" s="23"/>
      <c r="MTP137" s="23"/>
      <c r="MTQ137" s="23"/>
      <c r="MTR137" s="23"/>
      <c r="MTS137" s="23"/>
      <c r="MTT137" s="23"/>
      <c r="MTU137" s="23"/>
      <c r="MTV137" s="23"/>
      <c r="MTW137" s="23"/>
      <c r="MTX137" s="23"/>
      <c r="MTY137" s="23"/>
      <c r="MTZ137" s="23"/>
      <c r="MUA137" s="23"/>
      <c r="MUB137" s="23"/>
      <c r="MUC137" s="23"/>
      <c r="MUD137" s="23"/>
      <c r="MUE137" s="23"/>
      <c r="MUF137" s="23"/>
      <c r="MUG137" s="23"/>
      <c r="MUH137" s="23"/>
      <c r="MUI137" s="23"/>
      <c r="MUJ137" s="23"/>
      <c r="MUK137" s="23"/>
      <c r="MUL137" s="23"/>
      <c r="MUM137" s="23"/>
      <c r="MUN137" s="23"/>
      <c r="MUO137" s="23"/>
      <c r="MUP137" s="23"/>
      <c r="MUQ137" s="23"/>
      <c r="MUR137" s="23"/>
      <c r="MUS137" s="23"/>
      <c r="MUT137" s="23"/>
      <c r="MUU137" s="23"/>
      <c r="MUV137" s="23"/>
      <c r="MUW137" s="23"/>
      <c r="MUX137" s="23"/>
      <c r="MUY137" s="23"/>
      <c r="MUZ137" s="23"/>
      <c r="MVA137" s="23"/>
      <c r="MVB137" s="23"/>
      <c r="MVC137" s="23"/>
      <c r="MVD137" s="23"/>
      <c r="MVE137" s="23"/>
      <c r="MVF137" s="23"/>
      <c r="MVG137" s="23"/>
      <c r="MVH137" s="23"/>
      <c r="MVI137" s="23"/>
      <c r="MVJ137" s="23"/>
      <c r="MVK137" s="23"/>
      <c r="MVL137" s="23"/>
      <c r="MVM137" s="23"/>
      <c r="MVN137" s="23"/>
      <c r="MVO137" s="23"/>
      <c r="MVP137" s="23"/>
      <c r="MVQ137" s="23"/>
      <c r="MVR137" s="23"/>
      <c r="MVS137" s="23"/>
      <c r="MVT137" s="23"/>
      <c r="MVU137" s="23"/>
      <c r="MVV137" s="23"/>
      <c r="MVW137" s="23"/>
      <c r="MVX137" s="23"/>
      <c r="MVY137" s="23"/>
      <c r="MVZ137" s="23"/>
      <c r="MWA137" s="23"/>
      <c r="MWB137" s="23"/>
      <c r="MWC137" s="23"/>
      <c r="MWD137" s="23"/>
      <c r="MWE137" s="23"/>
      <c r="MWF137" s="23"/>
      <c r="MWG137" s="23"/>
      <c r="MWH137" s="23"/>
      <c r="MWI137" s="23"/>
      <c r="MWJ137" s="23"/>
      <c r="MWK137" s="23"/>
      <c r="MWL137" s="23"/>
      <c r="MWM137" s="23"/>
      <c r="MWN137" s="23"/>
      <c r="MWO137" s="23"/>
      <c r="MWP137" s="23"/>
      <c r="MWQ137" s="23"/>
      <c r="MWR137" s="23"/>
      <c r="MWS137" s="23"/>
      <c r="MWT137" s="23"/>
      <c r="MWU137" s="23"/>
      <c r="MWV137" s="23"/>
      <c r="MWW137" s="23"/>
      <c r="MWX137" s="23"/>
      <c r="MWY137" s="23"/>
      <c r="MWZ137" s="23"/>
      <c r="MXA137" s="23"/>
      <c r="MXB137" s="23"/>
      <c r="MXC137" s="23"/>
      <c r="MXD137" s="23"/>
      <c r="MXE137" s="23"/>
      <c r="MXF137" s="23"/>
      <c r="MXG137" s="23"/>
      <c r="MXH137" s="23"/>
      <c r="MXI137" s="23"/>
      <c r="MXJ137" s="23"/>
      <c r="MXK137" s="23"/>
      <c r="MXL137" s="23"/>
      <c r="MXM137" s="23"/>
      <c r="MXN137" s="23"/>
      <c r="MXO137" s="23"/>
      <c r="MXP137" s="23"/>
      <c r="MXQ137" s="23"/>
      <c r="MXR137" s="23"/>
      <c r="MXS137" s="23"/>
      <c r="MXT137" s="23"/>
      <c r="MXU137" s="23"/>
      <c r="MXV137" s="23"/>
      <c r="MXW137" s="23"/>
      <c r="MXX137" s="23"/>
      <c r="MXY137" s="23"/>
      <c r="MXZ137" s="23"/>
      <c r="MYA137" s="23"/>
      <c r="MYB137" s="23"/>
      <c r="MYC137" s="23"/>
      <c r="MYD137" s="23"/>
      <c r="MYE137" s="23"/>
      <c r="MYF137" s="23"/>
      <c r="MYG137" s="23"/>
      <c r="MYH137" s="23"/>
      <c r="MYI137" s="23"/>
      <c r="MYJ137" s="23"/>
      <c r="MYK137" s="23"/>
      <c r="MYL137" s="23"/>
      <c r="MYM137" s="23"/>
      <c r="MYN137" s="23"/>
      <c r="MYO137" s="23"/>
      <c r="MYP137" s="23"/>
      <c r="MYQ137" s="23"/>
      <c r="MYR137" s="23"/>
      <c r="MYS137" s="23"/>
      <c r="MYT137" s="23"/>
      <c r="MYU137" s="23"/>
      <c r="MYV137" s="23"/>
      <c r="MYW137" s="23"/>
      <c r="MYX137" s="23"/>
      <c r="MYY137" s="23"/>
      <c r="MYZ137" s="23"/>
      <c r="MZA137" s="23"/>
      <c r="MZB137" s="23"/>
      <c r="MZC137" s="23"/>
      <c r="MZD137" s="23"/>
      <c r="MZE137" s="23"/>
      <c r="MZF137" s="23"/>
      <c r="MZG137" s="23"/>
      <c r="MZH137" s="23"/>
      <c r="MZI137" s="23"/>
      <c r="MZJ137" s="23"/>
      <c r="MZK137" s="23"/>
      <c r="MZL137" s="23"/>
      <c r="MZM137" s="23"/>
      <c r="MZN137" s="23"/>
      <c r="MZO137" s="23"/>
      <c r="MZP137" s="23"/>
      <c r="MZQ137" s="23"/>
      <c r="MZR137" s="23"/>
      <c r="MZS137" s="23"/>
      <c r="MZT137" s="23"/>
      <c r="MZU137" s="23"/>
      <c r="MZV137" s="23"/>
      <c r="MZW137" s="23"/>
      <c r="MZX137" s="23"/>
      <c r="MZY137" s="23"/>
      <c r="MZZ137" s="23"/>
      <c r="NAA137" s="23"/>
      <c r="NAB137" s="23"/>
      <c r="NAC137" s="23"/>
      <c r="NAD137" s="23"/>
      <c r="NAE137" s="23"/>
      <c r="NAF137" s="23"/>
      <c r="NAG137" s="23"/>
      <c r="NAH137" s="23"/>
      <c r="NAI137" s="23"/>
      <c r="NAJ137" s="23"/>
      <c r="NAK137" s="23"/>
      <c r="NAL137" s="23"/>
      <c r="NAM137" s="23"/>
      <c r="NAN137" s="23"/>
      <c r="NAO137" s="23"/>
      <c r="NAP137" s="23"/>
      <c r="NAQ137" s="23"/>
      <c r="NAR137" s="23"/>
      <c r="NAS137" s="23"/>
      <c r="NAT137" s="23"/>
      <c r="NAU137" s="23"/>
      <c r="NAV137" s="23"/>
      <c r="NAW137" s="23"/>
      <c r="NAX137" s="23"/>
      <c r="NAY137" s="23"/>
      <c r="NAZ137" s="23"/>
      <c r="NBA137" s="23"/>
      <c r="NBB137" s="23"/>
      <c r="NBC137" s="23"/>
      <c r="NBD137" s="23"/>
      <c r="NBE137" s="23"/>
      <c r="NBF137" s="23"/>
      <c r="NBG137" s="23"/>
      <c r="NBH137" s="23"/>
      <c r="NBI137" s="23"/>
      <c r="NBJ137" s="23"/>
      <c r="NBK137" s="23"/>
      <c r="NBL137" s="23"/>
      <c r="NBM137" s="23"/>
      <c r="NBN137" s="23"/>
      <c r="NBO137" s="23"/>
      <c r="NBP137" s="23"/>
      <c r="NBQ137" s="23"/>
      <c r="NBR137" s="23"/>
      <c r="NBS137" s="23"/>
      <c r="NBT137" s="23"/>
      <c r="NBU137" s="23"/>
      <c r="NBV137" s="23"/>
      <c r="NBW137" s="23"/>
      <c r="NBX137" s="23"/>
      <c r="NBY137" s="23"/>
      <c r="NBZ137" s="23"/>
      <c r="NCA137" s="23"/>
      <c r="NCB137" s="23"/>
      <c r="NCC137" s="23"/>
      <c r="NCD137" s="23"/>
      <c r="NCE137" s="23"/>
      <c r="NCF137" s="23"/>
      <c r="NCG137" s="23"/>
      <c r="NCH137" s="23"/>
      <c r="NCI137" s="23"/>
      <c r="NCJ137" s="23"/>
      <c r="NCK137" s="23"/>
      <c r="NCL137" s="23"/>
      <c r="NCM137" s="23"/>
      <c r="NCN137" s="23"/>
      <c r="NCO137" s="23"/>
      <c r="NCP137" s="23"/>
      <c r="NCQ137" s="23"/>
      <c r="NCR137" s="23"/>
      <c r="NCS137" s="23"/>
      <c r="NCT137" s="23"/>
      <c r="NCU137" s="23"/>
      <c r="NCV137" s="23"/>
      <c r="NCW137" s="23"/>
      <c r="NCX137" s="23"/>
      <c r="NCY137" s="23"/>
      <c r="NCZ137" s="23"/>
      <c r="NDA137" s="23"/>
      <c r="NDB137" s="23"/>
      <c r="NDC137" s="23"/>
      <c r="NDD137" s="23"/>
      <c r="NDE137" s="23"/>
      <c r="NDF137" s="23"/>
      <c r="NDG137" s="23"/>
      <c r="NDH137" s="23"/>
      <c r="NDI137" s="23"/>
      <c r="NDJ137" s="23"/>
      <c r="NDK137" s="23"/>
      <c r="NDL137" s="23"/>
      <c r="NDM137" s="23"/>
      <c r="NDN137" s="23"/>
      <c r="NDO137" s="23"/>
      <c r="NDP137" s="23"/>
      <c r="NDQ137" s="23"/>
      <c r="NDR137" s="23"/>
      <c r="NDS137" s="23"/>
      <c r="NDT137" s="23"/>
      <c r="NDU137" s="23"/>
      <c r="NDV137" s="23"/>
      <c r="NDW137" s="23"/>
      <c r="NDX137" s="23"/>
      <c r="NDY137" s="23"/>
      <c r="NDZ137" s="23"/>
      <c r="NEA137" s="23"/>
      <c r="NEB137" s="23"/>
      <c r="NEC137" s="23"/>
      <c r="NED137" s="23"/>
      <c r="NEE137" s="23"/>
      <c r="NEF137" s="23"/>
      <c r="NEG137" s="23"/>
      <c r="NEH137" s="23"/>
      <c r="NEI137" s="23"/>
      <c r="NEJ137" s="23"/>
      <c r="NEK137" s="23"/>
      <c r="NEL137" s="23"/>
      <c r="NEM137" s="23"/>
      <c r="NEN137" s="23"/>
      <c r="NEO137" s="23"/>
      <c r="NEP137" s="23"/>
      <c r="NEQ137" s="23"/>
      <c r="NER137" s="23"/>
      <c r="NES137" s="23"/>
      <c r="NET137" s="23"/>
      <c r="NEU137" s="23"/>
      <c r="NEV137" s="23"/>
      <c r="NEW137" s="23"/>
      <c r="NEX137" s="23"/>
      <c r="NEY137" s="23"/>
      <c r="NEZ137" s="23"/>
      <c r="NFA137" s="23"/>
      <c r="NFB137" s="23"/>
      <c r="NFC137" s="23"/>
      <c r="NFD137" s="23"/>
      <c r="NFE137" s="23"/>
      <c r="NFF137" s="23"/>
      <c r="NFG137" s="23"/>
      <c r="NFH137" s="23"/>
      <c r="NFI137" s="23"/>
      <c r="NFJ137" s="23"/>
      <c r="NFK137" s="23"/>
      <c r="NFL137" s="23"/>
      <c r="NFM137" s="23"/>
      <c r="NFN137" s="23"/>
      <c r="NFO137" s="23"/>
      <c r="NFP137" s="23"/>
      <c r="NFQ137" s="23"/>
      <c r="NFR137" s="23"/>
      <c r="NFS137" s="23"/>
      <c r="NFT137" s="23"/>
      <c r="NFU137" s="23"/>
      <c r="NFV137" s="23"/>
      <c r="NFW137" s="23"/>
      <c r="NFX137" s="23"/>
      <c r="NFY137" s="23"/>
      <c r="NFZ137" s="23"/>
      <c r="NGA137" s="23"/>
      <c r="NGB137" s="23"/>
      <c r="NGC137" s="23"/>
      <c r="NGD137" s="23"/>
      <c r="NGE137" s="23"/>
      <c r="NGF137" s="23"/>
      <c r="NGG137" s="23"/>
      <c r="NGH137" s="23"/>
      <c r="NGI137" s="23"/>
      <c r="NGJ137" s="23"/>
      <c r="NGK137" s="23"/>
      <c r="NGL137" s="23"/>
      <c r="NGM137" s="23"/>
      <c r="NGN137" s="23"/>
      <c r="NGO137" s="23"/>
      <c r="NGP137" s="23"/>
      <c r="NGQ137" s="23"/>
      <c r="NGR137" s="23"/>
      <c r="NGS137" s="23"/>
      <c r="NGT137" s="23"/>
      <c r="NGU137" s="23"/>
      <c r="NGV137" s="23"/>
      <c r="NGW137" s="23"/>
      <c r="NGX137" s="23"/>
      <c r="NGY137" s="23"/>
      <c r="NGZ137" s="23"/>
      <c r="NHA137" s="23"/>
      <c r="NHB137" s="23"/>
      <c r="NHC137" s="23"/>
      <c r="NHD137" s="23"/>
      <c r="NHE137" s="23"/>
      <c r="NHF137" s="23"/>
      <c r="NHG137" s="23"/>
      <c r="NHH137" s="23"/>
      <c r="NHI137" s="23"/>
      <c r="NHJ137" s="23"/>
      <c r="NHK137" s="23"/>
      <c r="NHL137" s="23"/>
      <c r="NHM137" s="23"/>
      <c r="NHN137" s="23"/>
      <c r="NHO137" s="23"/>
      <c r="NHP137" s="23"/>
      <c r="NHQ137" s="23"/>
      <c r="NHR137" s="23"/>
      <c r="NHS137" s="23"/>
      <c r="NHT137" s="23"/>
      <c r="NHU137" s="23"/>
      <c r="NHV137" s="23"/>
      <c r="NHW137" s="23"/>
      <c r="NHX137" s="23"/>
      <c r="NHY137" s="23"/>
      <c r="NHZ137" s="23"/>
      <c r="NIA137" s="23"/>
      <c r="NIB137" s="23"/>
      <c r="NIC137" s="23"/>
      <c r="NID137" s="23"/>
      <c r="NIE137" s="23"/>
      <c r="NIF137" s="23"/>
      <c r="NIG137" s="23"/>
      <c r="NIH137" s="23"/>
      <c r="NII137" s="23"/>
      <c r="NIJ137" s="23"/>
      <c r="NIK137" s="23"/>
      <c r="NIL137" s="23"/>
      <c r="NIM137" s="23"/>
      <c r="NIN137" s="23"/>
      <c r="NIO137" s="23"/>
      <c r="NIP137" s="23"/>
      <c r="NIQ137" s="23"/>
      <c r="NIR137" s="23"/>
      <c r="NIS137" s="23"/>
      <c r="NIT137" s="23"/>
      <c r="NIU137" s="23"/>
      <c r="NIV137" s="23"/>
      <c r="NIW137" s="23"/>
      <c r="NIX137" s="23"/>
      <c r="NIY137" s="23"/>
      <c r="NIZ137" s="23"/>
      <c r="NJA137" s="23"/>
      <c r="NJB137" s="23"/>
      <c r="NJC137" s="23"/>
      <c r="NJD137" s="23"/>
      <c r="NJE137" s="23"/>
      <c r="NJF137" s="23"/>
      <c r="NJG137" s="23"/>
      <c r="NJH137" s="23"/>
      <c r="NJI137" s="23"/>
      <c r="NJJ137" s="23"/>
      <c r="NJK137" s="23"/>
      <c r="NJL137" s="23"/>
      <c r="NJM137" s="23"/>
      <c r="NJN137" s="23"/>
      <c r="NJO137" s="23"/>
      <c r="NJP137" s="23"/>
      <c r="NJQ137" s="23"/>
      <c r="NJR137" s="23"/>
      <c r="NJS137" s="23"/>
      <c r="NJT137" s="23"/>
      <c r="NJU137" s="23"/>
      <c r="NJV137" s="23"/>
      <c r="NJW137" s="23"/>
      <c r="NJX137" s="23"/>
      <c r="NJY137" s="23"/>
      <c r="NJZ137" s="23"/>
      <c r="NKA137" s="23"/>
      <c r="NKB137" s="23"/>
      <c r="NKC137" s="23"/>
      <c r="NKD137" s="23"/>
      <c r="NKE137" s="23"/>
      <c r="NKF137" s="23"/>
      <c r="NKG137" s="23"/>
      <c r="NKH137" s="23"/>
      <c r="NKI137" s="23"/>
      <c r="NKJ137" s="23"/>
      <c r="NKK137" s="23"/>
      <c r="NKL137" s="23"/>
      <c r="NKM137" s="23"/>
      <c r="NKN137" s="23"/>
      <c r="NKO137" s="23"/>
      <c r="NKP137" s="23"/>
      <c r="NKQ137" s="23"/>
      <c r="NKR137" s="23"/>
      <c r="NKS137" s="23"/>
      <c r="NKT137" s="23"/>
      <c r="NKU137" s="23"/>
      <c r="NKV137" s="23"/>
      <c r="NKW137" s="23"/>
      <c r="NKX137" s="23"/>
      <c r="NKY137" s="23"/>
      <c r="NKZ137" s="23"/>
      <c r="NLA137" s="23"/>
      <c r="NLB137" s="23"/>
      <c r="NLC137" s="23"/>
      <c r="NLD137" s="23"/>
      <c r="NLE137" s="23"/>
      <c r="NLF137" s="23"/>
      <c r="NLG137" s="23"/>
      <c r="NLH137" s="23"/>
      <c r="NLI137" s="23"/>
      <c r="NLJ137" s="23"/>
      <c r="NLK137" s="23"/>
      <c r="NLL137" s="23"/>
      <c r="NLM137" s="23"/>
      <c r="NLN137" s="23"/>
      <c r="NLO137" s="23"/>
      <c r="NLP137" s="23"/>
      <c r="NLQ137" s="23"/>
      <c r="NLR137" s="23"/>
      <c r="NLS137" s="23"/>
      <c r="NLT137" s="23"/>
      <c r="NLU137" s="23"/>
      <c r="NLV137" s="23"/>
      <c r="NLW137" s="23"/>
      <c r="NLX137" s="23"/>
      <c r="NLY137" s="23"/>
      <c r="NLZ137" s="23"/>
      <c r="NMA137" s="23"/>
      <c r="NMB137" s="23"/>
      <c r="NMC137" s="23"/>
      <c r="NMD137" s="23"/>
      <c r="NME137" s="23"/>
      <c r="NMF137" s="23"/>
      <c r="NMG137" s="23"/>
      <c r="NMH137" s="23"/>
      <c r="NMI137" s="23"/>
      <c r="NMJ137" s="23"/>
      <c r="NMK137" s="23"/>
      <c r="NML137" s="23"/>
      <c r="NMM137" s="23"/>
      <c r="NMN137" s="23"/>
      <c r="NMO137" s="23"/>
      <c r="NMP137" s="23"/>
      <c r="NMQ137" s="23"/>
      <c r="NMR137" s="23"/>
      <c r="NMS137" s="23"/>
      <c r="NMT137" s="23"/>
      <c r="NMU137" s="23"/>
      <c r="NMV137" s="23"/>
      <c r="NMW137" s="23"/>
      <c r="NMX137" s="23"/>
      <c r="NMY137" s="23"/>
      <c r="NMZ137" s="23"/>
      <c r="NNA137" s="23"/>
      <c r="NNB137" s="23"/>
      <c r="NNC137" s="23"/>
      <c r="NND137" s="23"/>
      <c r="NNE137" s="23"/>
      <c r="NNF137" s="23"/>
      <c r="NNG137" s="23"/>
      <c r="NNH137" s="23"/>
      <c r="NNI137" s="23"/>
      <c r="NNJ137" s="23"/>
      <c r="NNK137" s="23"/>
      <c r="NNL137" s="23"/>
      <c r="NNM137" s="23"/>
      <c r="NNN137" s="23"/>
      <c r="NNO137" s="23"/>
      <c r="NNP137" s="23"/>
      <c r="NNQ137" s="23"/>
      <c r="NNR137" s="23"/>
      <c r="NNS137" s="23"/>
      <c r="NNT137" s="23"/>
      <c r="NNU137" s="23"/>
      <c r="NNV137" s="23"/>
      <c r="NNW137" s="23"/>
      <c r="NNX137" s="23"/>
      <c r="NNY137" s="23"/>
      <c r="NNZ137" s="23"/>
      <c r="NOA137" s="23"/>
      <c r="NOB137" s="23"/>
      <c r="NOC137" s="23"/>
      <c r="NOD137" s="23"/>
      <c r="NOE137" s="23"/>
      <c r="NOF137" s="23"/>
      <c r="NOG137" s="23"/>
      <c r="NOH137" s="23"/>
      <c r="NOI137" s="23"/>
      <c r="NOJ137" s="23"/>
      <c r="NOK137" s="23"/>
      <c r="NOL137" s="23"/>
      <c r="NOM137" s="23"/>
      <c r="NON137" s="23"/>
      <c r="NOO137" s="23"/>
      <c r="NOP137" s="23"/>
      <c r="NOQ137" s="23"/>
      <c r="NOR137" s="23"/>
      <c r="NOS137" s="23"/>
      <c r="NOT137" s="23"/>
      <c r="NOU137" s="23"/>
      <c r="NOV137" s="23"/>
      <c r="NOW137" s="23"/>
      <c r="NOX137" s="23"/>
      <c r="NOY137" s="23"/>
      <c r="NOZ137" s="23"/>
      <c r="NPA137" s="23"/>
      <c r="NPB137" s="23"/>
      <c r="NPC137" s="23"/>
      <c r="NPD137" s="23"/>
      <c r="NPE137" s="23"/>
      <c r="NPF137" s="23"/>
      <c r="NPG137" s="23"/>
      <c r="NPH137" s="23"/>
      <c r="NPI137" s="23"/>
      <c r="NPJ137" s="23"/>
      <c r="NPK137" s="23"/>
      <c r="NPL137" s="23"/>
      <c r="NPM137" s="23"/>
      <c r="NPN137" s="23"/>
      <c r="NPO137" s="23"/>
      <c r="NPP137" s="23"/>
      <c r="NPQ137" s="23"/>
      <c r="NPR137" s="23"/>
      <c r="NPS137" s="23"/>
      <c r="NPT137" s="23"/>
      <c r="NPU137" s="23"/>
      <c r="NPV137" s="23"/>
      <c r="NPW137" s="23"/>
      <c r="NPX137" s="23"/>
      <c r="NPY137" s="23"/>
      <c r="NPZ137" s="23"/>
      <c r="NQA137" s="23"/>
      <c r="NQB137" s="23"/>
      <c r="NQC137" s="23"/>
      <c r="NQD137" s="23"/>
      <c r="NQE137" s="23"/>
      <c r="NQF137" s="23"/>
      <c r="NQG137" s="23"/>
      <c r="NQH137" s="23"/>
      <c r="NQI137" s="23"/>
      <c r="NQJ137" s="23"/>
      <c r="NQK137" s="23"/>
      <c r="NQL137" s="23"/>
      <c r="NQM137" s="23"/>
      <c r="NQN137" s="23"/>
      <c r="NQO137" s="23"/>
      <c r="NQP137" s="23"/>
      <c r="NQQ137" s="23"/>
      <c r="NQR137" s="23"/>
      <c r="NQS137" s="23"/>
      <c r="NQT137" s="23"/>
      <c r="NQU137" s="23"/>
      <c r="NQV137" s="23"/>
      <c r="NQW137" s="23"/>
      <c r="NQX137" s="23"/>
      <c r="NQY137" s="23"/>
      <c r="NQZ137" s="23"/>
      <c r="NRA137" s="23"/>
      <c r="NRB137" s="23"/>
      <c r="NRC137" s="23"/>
      <c r="NRD137" s="23"/>
      <c r="NRE137" s="23"/>
      <c r="NRF137" s="23"/>
      <c r="NRG137" s="23"/>
      <c r="NRH137" s="23"/>
      <c r="NRI137" s="23"/>
      <c r="NRJ137" s="23"/>
      <c r="NRK137" s="23"/>
      <c r="NRL137" s="23"/>
      <c r="NRM137" s="23"/>
      <c r="NRN137" s="23"/>
      <c r="NRO137" s="23"/>
      <c r="NRP137" s="23"/>
      <c r="NRQ137" s="23"/>
      <c r="NRR137" s="23"/>
      <c r="NRS137" s="23"/>
      <c r="NRT137" s="23"/>
      <c r="NRU137" s="23"/>
      <c r="NRV137" s="23"/>
      <c r="NRW137" s="23"/>
      <c r="NRX137" s="23"/>
      <c r="NRY137" s="23"/>
      <c r="NRZ137" s="23"/>
      <c r="NSA137" s="23"/>
      <c r="NSB137" s="23"/>
      <c r="NSC137" s="23"/>
      <c r="NSD137" s="23"/>
      <c r="NSE137" s="23"/>
      <c r="NSF137" s="23"/>
      <c r="NSG137" s="23"/>
      <c r="NSH137" s="23"/>
      <c r="NSI137" s="23"/>
      <c r="NSJ137" s="23"/>
      <c r="NSK137" s="23"/>
      <c r="NSL137" s="23"/>
      <c r="NSM137" s="23"/>
      <c r="NSN137" s="23"/>
      <c r="NSO137" s="23"/>
      <c r="NSP137" s="23"/>
      <c r="NSQ137" s="23"/>
      <c r="NSR137" s="23"/>
      <c r="NSS137" s="23"/>
      <c r="NST137" s="23"/>
      <c r="NSU137" s="23"/>
      <c r="NSV137" s="23"/>
      <c r="NSW137" s="23"/>
      <c r="NSX137" s="23"/>
      <c r="NSY137" s="23"/>
      <c r="NSZ137" s="23"/>
      <c r="NTA137" s="23"/>
      <c r="NTB137" s="23"/>
      <c r="NTC137" s="23"/>
      <c r="NTD137" s="23"/>
      <c r="NTE137" s="23"/>
      <c r="NTF137" s="23"/>
      <c r="NTG137" s="23"/>
      <c r="NTH137" s="23"/>
      <c r="NTI137" s="23"/>
      <c r="NTJ137" s="23"/>
      <c r="NTK137" s="23"/>
      <c r="NTL137" s="23"/>
      <c r="NTM137" s="23"/>
      <c r="NTN137" s="23"/>
      <c r="NTO137" s="23"/>
      <c r="NTP137" s="23"/>
      <c r="NTQ137" s="23"/>
      <c r="NTR137" s="23"/>
      <c r="NTS137" s="23"/>
      <c r="NTT137" s="23"/>
      <c r="NTU137" s="23"/>
      <c r="NTV137" s="23"/>
      <c r="NTW137" s="23"/>
      <c r="NTX137" s="23"/>
      <c r="NTY137" s="23"/>
      <c r="NTZ137" s="23"/>
      <c r="NUA137" s="23"/>
      <c r="NUB137" s="23"/>
      <c r="NUC137" s="23"/>
      <c r="NUD137" s="23"/>
      <c r="NUE137" s="23"/>
      <c r="NUF137" s="23"/>
      <c r="NUG137" s="23"/>
      <c r="NUH137" s="23"/>
      <c r="NUI137" s="23"/>
      <c r="NUJ137" s="23"/>
      <c r="NUK137" s="23"/>
      <c r="NUL137" s="23"/>
      <c r="NUM137" s="23"/>
      <c r="NUN137" s="23"/>
      <c r="NUO137" s="23"/>
      <c r="NUP137" s="23"/>
      <c r="NUQ137" s="23"/>
      <c r="NUR137" s="23"/>
      <c r="NUS137" s="23"/>
      <c r="NUT137" s="23"/>
      <c r="NUU137" s="23"/>
      <c r="NUV137" s="23"/>
      <c r="NUW137" s="23"/>
      <c r="NUX137" s="23"/>
      <c r="NUY137" s="23"/>
      <c r="NUZ137" s="23"/>
      <c r="NVA137" s="23"/>
      <c r="NVB137" s="23"/>
      <c r="NVC137" s="23"/>
      <c r="NVD137" s="23"/>
      <c r="NVE137" s="23"/>
      <c r="NVF137" s="23"/>
      <c r="NVG137" s="23"/>
      <c r="NVH137" s="23"/>
      <c r="NVI137" s="23"/>
      <c r="NVJ137" s="23"/>
      <c r="NVK137" s="23"/>
      <c r="NVL137" s="23"/>
      <c r="NVM137" s="23"/>
      <c r="NVN137" s="23"/>
      <c r="NVO137" s="23"/>
      <c r="NVP137" s="23"/>
      <c r="NVQ137" s="23"/>
      <c r="NVR137" s="23"/>
      <c r="NVS137" s="23"/>
      <c r="NVT137" s="23"/>
      <c r="NVU137" s="23"/>
      <c r="NVV137" s="23"/>
      <c r="NVW137" s="23"/>
      <c r="NVX137" s="23"/>
      <c r="NVY137" s="23"/>
      <c r="NVZ137" s="23"/>
      <c r="NWA137" s="23"/>
      <c r="NWB137" s="23"/>
      <c r="NWC137" s="23"/>
      <c r="NWD137" s="23"/>
      <c r="NWE137" s="23"/>
      <c r="NWF137" s="23"/>
      <c r="NWG137" s="23"/>
      <c r="NWH137" s="23"/>
      <c r="NWI137" s="23"/>
      <c r="NWJ137" s="23"/>
      <c r="NWK137" s="23"/>
      <c r="NWL137" s="23"/>
      <c r="NWM137" s="23"/>
      <c r="NWN137" s="23"/>
      <c r="NWO137" s="23"/>
      <c r="NWP137" s="23"/>
      <c r="NWQ137" s="23"/>
      <c r="NWR137" s="23"/>
      <c r="NWS137" s="23"/>
      <c r="NWT137" s="23"/>
      <c r="NWU137" s="23"/>
      <c r="NWV137" s="23"/>
      <c r="NWW137" s="23"/>
      <c r="NWX137" s="23"/>
      <c r="NWY137" s="23"/>
      <c r="NWZ137" s="23"/>
      <c r="NXA137" s="23"/>
      <c r="NXB137" s="23"/>
      <c r="NXC137" s="23"/>
      <c r="NXD137" s="23"/>
      <c r="NXE137" s="23"/>
      <c r="NXF137" s="23"/>
      <c r="NXG137" s="23"/>
      <c r="NXH137" s="23"/>
      <c r="NXI137" s="23"/>
      <c r="NXJ137" s="23"/>
      <c r="NXK137" s="23"/>
      <c r="NXL137" s="23"/>
      <c r="NXM137" s="23"/>
      <c r="NXN137" s="23"/>
      <c r="NXO137" s="23"/>
      <c r="NXP137" s="23"/>
      <c r="NXQ137" s="23"/>
      <c r="NXR137" s="23"/>
      <c r="NXS137" s="23"/>
      <c r="NXT137" s="23"/>
      <c r="NXU137" s="23"/>
      <c r="NXV137" s="23"/>
      <c r="NXW137" s="23"/>
      <c r="NXX137" s="23"/>
      <c r="NXY137" s="23"/>
      <c r="NXZ137" s="23"/>
      <c r="NYA137" s="23"/>
      <c r="NYB137" s="23"/>
      <c r="NYC137" s="23"/>
      <c r="NYD137" s="23"/>
      <c r="NYE137" s="23"/>
      <c r="NYF137" s="23"/>
      <c r="NYG137" s="23"/>
      <c r="NYH137" s="23"/>
      <c r="NYI137" s="23"/>
      <c r="NYJ137" s="23"/>
      <c r="NYK137" s="23"/>
      <c r="NYL137" s="23"/>
      <c r="NYM137" s="23"/>
      <c r="NYN137" s="23"/>
      <c r="NYO137" s="23"/>
      <c r="NYP137" s="23"/>
      <c r="NYQ137" s="23"/>
      <c r="NYR137" s="23"/>
      <c r="NYS137" s="23"/>
      <c r="NYT137" s="23"/>
      <c r="NYU137" s="23"/>
      <c r="NYV137" s="23"/>
      <c r="NYW137" s="23"/>
      <c r="NYX137" s="23"/>
      <c r="NYY137" s="23"/>
      <c r="NYZ137" s="23"/>
      <c r="NZA137" s="23"/>
      <c r="NZB137" s="23"/>
      <c r="NZC137" s="23"/>
      <c r="NZD137" s="23"/>
      <c r="NZE137" s="23"/>
      <c r="NZF137" s="23"/>
      <c r="NZG137" s="23"/>
      <c r="NZH137" s="23"/>
      <c r="NZI137" s="23"/>
      <c r="NZJ137" s="23"/>
      <c r="NZK137" s="23"/>
      <c r="NZL137" s="23"/>
      <c r="NZM137" s="23"/>
      <c r="NZN137" s="23"/>
      <c r="NZO137" s="23"/>
      <c r="NZP137" s="23"/>
      <c r="NZQ137" s="23"/>
      <c r="NZR137" s="23"/>
      <c r="NZS137" s="23"/>
      <c r="NZT137" s="23"/>
      <c r="NZU137" s="23"/>
      <c r="NZV137" s="23"/>
      <c r="NZW137" s="23"/>
      <c r="NZX137" s="23"/>
      <c r="NZY137" s="23"/>
      <c r="NZZ137" s="23"/>
      <c r="OAA137" s="23"/>
      <c r="OAB137" s="23"/>
      <c r="OAC137" s="23"/>
      <c r="OAD137" s="23"/>
      <c r="OAE137" s="23"/>
      <c r="OAF137" s="23"/>
      <c r="OAG137" s="23"/>
      <c r="OAH137" s="23"/>
      <c r="OAI137" s="23"/>
      <c r="OAJ137" s="23"/>
      <c r="OAK137" s="23"/>
      <c r="OAL137" s="23"/>
      <c r="OAM137" s="23"/>
      <c r="OAN137" s="23"/>
      <c r="OAO137" s="23"/>
      <c r="OAP137" s="23"/>
      <c r="OAQ137" s="23"/>
      <c r="OAR137" s="23"/>
      <c r="OAS137" s="23"/>
      <c r="OAT137" s="23"/>
      <c r="OAU137" s="23"/>
      <c r="OAV137" s="23"/>
      <c r="OAW137" s="23"/>
      <c r="OAX137" s="23"/>
      <c r="OAY137" s="23"/>
      <c r="OAZ137" s="23"/>
      <c r="OBA137" s="23"/>
      <c r="OBB137" s="23"/>
      <c r="OBC137" s="23"/>
      <c r="OBD137" s="23"/>
      <c r="OBE137" s="23"/>
      <c r="OBF137" s="23"/>
      <c r="OBG137" s="23"/>
      <c r="OBH137" s="23"/>
      <c r="OBI137" s="23"/>
      <c r="OBJ137" s="23"/>
      <c r="OBK137" s="23"/>
      <c r="OBL137" s="23"/>
      <c r="OBM137" s="23"/>
      <c r="OBN137" s="23"/>
      <c r="OBO137" s="23"/>
      <c r="OBP137" s="23"/>
      <c r="OBQ137" s="23"/>
      <c r="OBR137" s="23"/>
      <c r="OBS137" s="23"/>
      <c r="OBT137" s="23"/>
      <c r="OBU137" s="23"/>
      <c r="OBV137" s="23"/>
      <c r="OBW137" s="23"/>
      <c r="OBX137" s="23"/>
      <c r="OBY137" s="23"/>
      <c r="OBZ137" s="23"/>
      <c r="OCA137" s="23"/>
      <c r="OCB137" s="23"/>
      <c r="OCC137" s="23"/>
      <c r="OCD137" s="23"/>
      <c r="OCE137" s="23"/>
      <c r="OCF137" s="23"/>
      <c r="OCG137" s="23"/>
      <c r="OCH137" s="23"/>
      <c r="OCI137" s="23"/>
      <c r="OCJ137" s="23"/>
      <c r="OCK137" s="23"/>
      <c r="OCL137" s="23"/>
      <c r="OCM137" s="23"/>
      <c r="OCN137" s="23"/>
      <c r="OCO137" s="23"/>
      <c r="OCP137" s="23"/>
      <c r="OCQ137" s="23"/>
      <c r="OCR137" s="23"/>
      <c r="OCS137" s="23"/>
      <c r="OCT137" s="23"/>
      <c r="OCU137" s="23"/>
      <c r="OCV137" s="23"/>
      <c r="OCW137" s="23"/>
      <c r="OCX137" s="23"/>
      <c r="OCY137" s="23"/>
      <c r="OCZ137" s="23"/>
      <c r="ODA137" s="23"/>
      <c r="ODB137" s="23"/>
      <c r="ODC137" s="23"/>
      <c r="ODD137" s="23"/>
      <c r="ODE137" s="23"/>
      <c r="ODF137" s="23"/>
      <c r="ODG137" s="23"/>
      <c r="ODH137" s="23"/>
      <c r="ODI137" s="23"/>
      <c r="ODJ137" s="23"/>
      <c r="ODK137" s="23"/>
      <c r="ODL137" s="23"/>
      <c r="ODM137" s="23"/>
      <c r="ODN137" s="23"/>
      <c r="ODO137" s="23"/>
      <c r="ODP137" s="23"/>
      <c r="ODQ137" s="23"/>
      <c r="ODR137" s="23"/>
      <c r="ODS137" s="23"/>
      <c r="ODT137" s="23"/>
      <c r="ODU137" s="23"/>
      <c r="ODV137" s="23"/>
      <c r="ODW137" s="23"/>
      <c r="ODX137" s="23"/>
      <c r="ODY137" s="23"/>
      <c r="ODZ137" s="23"/>
      <c r="OEA137" s="23"/>
      <c r="OEB137" s="23"/>
      <c r="OEC137" s="23"/>
      <c r="OED137" s="23"/>
      <c r="OEE137" s="23"/>
      <c r="OEF137" s="23"/>
      <c r="OEG137" s="23"/>
      <c r="OEH137" s="23"/>
      <c r="OEI137" s="23"/>
      <c r="OEJ137" s="23"/>
      <c r="OEK137" s="23"/>
      <c r="OEL137" s="23"/>
      <c r="OEM137" s="23"/>
      <c r="OEN137" s="23"/>
      <c r="OEO137" s="23"/>
      <c r="OEP137" s="23"/>
      <c r="OEQ137" s="23"/>
      <c r="OER137" s="23"/>
      <c r="OES137" s="23"/>
      <c r="OET137" s="23"/>
      <c r="OEU137" s="23"/>
      <c r="OEV137" s="23"/>
      <c r="OEW137" s="23"/>
      <c r="OEX137" s="23"/>
      <c r="OEY137" s="23"/>
      <c r="OEZ137" s="23"/>
      <c r="OFA137" s="23"/>
      <c r="OFB137" s="23"/>
      <c r="OFC137" s="23"/>
      <c r="OFD137" s="23"/>
      <c r="OFE137" s="23"/>
      <c r="OFF137" s="23"/>
      <c r="OFG137" s="23"/>
      <c r="OFH137" s="23"/>
      <c r="OFI137" s="23"/>
      <c r="OFJ137" s="23"/>
      <c r="OFK137" s="23"/>
      <c r="OFL137" s="23"/>
      <c r="OFM137" s="23"/>
      <c r="OFN137" s="23"/>
      <c r="OFO137" s="23"/>
      <c r="OFP137" s="23"/>
      <c r="OFQ137" s="23"/>
      <c r="OFR137" s="23"/>
      <c r="OFS137" s="23"/>
      <c r="OFT137" s="23"/>
      <c r="OFU137" s="23"/>
      <c r="OFV137" s="23"/>
      <c r="OFW137" s="23"/>
      <c r="OFX137" s="23"/>
      <c r="OFY137" s="23"/>
      <c r="OFZ137" s="23"/>
      <c r="OGA137" s="23"/>
      <c r="OGB137" s="23"/>
      <c r="OGC137" s="23"/>
      <c r="OGD137" s="23"/>
      <c r="OGE137" s="23"/>
      <c r="OGF137" s="23"/>
      <c r="OGG137" s="23"/>
      <c r="OGH137" s="23"/>
      <c r="OGI137" s="23"/>
      <c r="OGJ137" s="23"/>
      <c r="OGK137" s="23"/>
      <c r="OGL137" s="23"/>
      <c r="OGM137" s="23"/>
      <c r="OGN137" s="23"/>
      <c r="OGO137" s="23"/>
      <c r="OGP137" s="23"/>
      <c r="OGQ137" s="23"/>
      <c r="OGR137" s="23"/>
      <c r="OGS137" s="23"/>
      <c r="OGT137" s="23"/>
      <c r="OGU137" s="23"/>
      <c r="OGV137" s="23"/>
      <c r="OGW137" s="23"/>
      <c r="OGX137" s="23"/>
      <c r="OGY137" s="23"/>
      <c r="OGZ137" s="23"/>
      <c r="OHA137" s="23"/>
      <c r="OHB137" s="23"/>
      <c r="OHC137" s="23"/>
      <c r="OHD137" s="23"/>
      <c r="OHE137" s="23"/>
      <c r="OHF137" s="23"/>
      <c r="OHG137" s="23"/>
      <c r="OHH137" s="23"/>
      <c r="OHI137" s="23"/>
      <c r="OHJ137" s="23"/>
      <c r="OHK137" s="23"/>
      <c r="OHL137" s="23"/>
      <c r="OHM137" s="23"/>
      <c r="OHN137" s="23"/>
      <c r="OHO137" s="23"/>
      <c r="OHP137" s="23"/>
      <c r="OHQ137" s="23"/>
      <c r="OHR137" s="23"/>
      <c r="OHS137" s="23"/>
      <c r="OHT137" s="23"/>
      <c r="OHU137" s="23"/>
      <c r="OHV137" s="23"/>
      <c r="OHW137" s="23"/>
      <c r="OHX137" s="23"/>
      <c r="OHY137" s="23"/>
      <c r="OHZ137" s="23"/>
      <c r="OIA137" s="23"/>
      <c r="OIB137" s="23"/>
      <c r="OIC137" s="23"/>
      <c r="OID137" s="23"/>
      <c r="OIE137" s="23"/>
      <c r="OIF137" s="23"/>
      <c r="OIG137" s="23"/>
      <c r="OIH137" s="23"/>
      <c r="OII137" s="23"/>
      <c r="OIJ137" s="23"/>
      <c r="OIK137" s="23"/>
      <c r="OIL137" s="23"/>
      <c r="OIM137" s="23"/>
      <c r="OIN137" s="23"/>
      <c r="OIO137" s="23"/>
      <c r="OIP137" s="23"/>
      <c r="OIQ137" s="23"/>
      <c r="OIR137" s="23"/>
      <c r="OIS137" s="23"/>
      <c r="OIT137" s="23"/>
      <c r="OIU137" s="23"/>
      <c r="OIV137" s="23"/>
      <c r="OIW137" s="23"/>
      <c r="OIX137" s="23"/>
      <c r="OIY137" s="23"/>
      <c r="OIZ137" s="23"/>
      <c r="OJA137" s="23"/>
      <c r="OJB137" s="23"/>
      <c r="OJC137" s="23"/>
      <c r="OJD137" s="23"/>
      <c r="OJE137" s="23"/>
      <c r="OJF137" s="23"/>
      <c r="OJG137" s="23"/>
      <c r="OJH137" s="23"/>
      <c r="OJI137" s="23"/>
      <c r="OJJ137" s="23"/>
      <c r="OJK137" s="23"/>
      <c r="OJL137" s="23"/>
      <c r="OJM137" s="23"/>
      <c r="OJN137" s="23"/>
      <c r="OJO137" s="23"/>
      <c r="OJP137" s="23"/>
      <c r="OJQ137" s="23"/>
      <c r="OJR137" s="23"/>
      <c r="OJS137" s="23"/>
      <c r="OJT137" s="23"/>
      <c r="OJU137" s="23"/>
      <c r="OJV137" s="23"/>
      <c r="OJW137" s="23"/>
      <c r="OJX137" s="23"/>
      <c r="OJY137" s="23"/>
      <c r="OJZ137" s="23"/>
      <c r="OKA137" s="23"/>
      <c r="OKB137" s="23"/>
      <c r="OKC137" s="23"/>
      <c r="OKD137" s="23"/>
      <c r="OKE137" s="23"/>
      <c r="OKF137" s="23"/>
      <c r="OKG137" s="23"/>
      <c r="OKH137" s="23"/>
      <c r="OKI137" s="23"/>
      <c r="OKJ137" s="23"/>
      <c r="OKK137" s="23"/>
      <c r="OKL137" s="23"/>
      <c r="OKM137" s="23"/>
      <c r="OKN137" s="23"/>
      <c r="OKO137" s="23"/>
      <c r="OKP137" s="23"/>
      <c r="OKQ137" s="23"/>
      <c r="OKR137" s="23"/>
      <c r="OKS137" s="23"/>
      <c r="OKT137" s="23"/>
      <c r="OKU137" s="23"/>
      <c r="OKV137" s="23"/>
      <c r="OKW137" s="23"/>
      <c r="OKX137" s="23"/>
      <c r="OKY137" s="23"/>
      <c r="OKZ137" s="23"/>
      <c r="OLA137" s="23"/>
      <c r="OLB137" s="23"/>
      <c r="OLC137" s="23"/>
      <c r="OLD137" s="23"/>
      <c r="OLE137" s="23"/>
      <c r="OLF137" s="23"/>
      <c r="OLG137" s="23"/>
      <c r="OLH137" s="23"/>
      <c r="OLI137" s="23"/>
      <c r="OLJ137" s="23"/>
      <c r="OLK137" s="23"/>
      <c r="OLL137" s="23"/>
      <c r="OLM137" s="23"/>
      <c r="OLN137" s="23"/>
      <c r="OLO137" s="23"/>
      <c r="OLP137" s="23"/>
      <c r="OLQ137" s="23"/>
      <c r="OLR137" s="23"/>
      <c r="OLS137" s="23"/>
      <c r="OLT137" s="23"/>
      <c r="OLU137" s="23"/>
      <c r="OLV137" s="23"/>
      <c r="OLW137" s="23"/>
      <c r="OLX137" s="23"/>
      <c r="OLY137" s="23"/>
      <c r="OLZ137" s="23"/>
      <c r="OMA137" s="23"/>
      <c r="OMB137" s="23"/>
      <c r="OMC137" s="23"/>
      <c r="OMD137" s="23"/>
      <c r="OME137" s="23"/>
      <c r="OMF137" s="23"/>
      <c r="OMG137" s="23"/>
      <c r="OMH137" s="23"/>
      <c r="OMI137" s="23"/>
      <c r="OMJ137" s="23"/>
      <c r="OMK137" s="23"/>
      <c r="OML137" s="23"/>
      <c r="OMM137" s="23"/>
      <c r="OMN137" s="23"/>
      <c r="OMO137" s="23"/>
      <c r="OMP137" s="23"/>
      <c r="OMQ137" s="23"/>
      <c r="OMR137" s="23"/>
      <c r="OMS137" s="23"/>
      <c r="OMT137" s="23"/>
      <c r="OMU137" s="23"/>
      <c r="OMV137" s="23"/>
      <c r="OMW137" s="23"/>
      <c r="OMX137" s="23"/>
      <c r="OMY137" s="23"/>
      <c r="OMZ137" s="23"/>
      <c r="ONA137" s="23"/>
      <c r="ONB137" s="23"/>
      <c r="ONC137" s="23"/>
      <c r="OND137" s="23"/>
      <c r="ONE137" s="23"/>
      <c r="ONF137" s="23"/>
      <c r="ONG137" s="23"/>
      <c r="ONH137" s="23"/>
      <c r="ONI137" s="23"/>
      <c r="ONJ137" s="23"/>
      <c r="ONK137" s="23"/>
      <c r="ONL137" s="23"/>
      <c r="ONM137" s="23"/>
      <c r="ONN137" s="23"/>
      <c r="ONO137" s="23"/>
      <c r="ONP137" s="23"/>
      <c r="ONQ137" s="23"/>
      <c r="ONR137" s="23"/>
      <c r="ONS137" s="23"/>
      <c r="ONT137" s="23"/>
      <c r="ONU137" s="23"/>
      <c r="ONV137" s="23"/>
      <c r="ONW137" s="23"/>
      <c r="ONX137" s="23"/>
      <c r="ONY137" s="23"/>
      <c r="ONZ137" s="23"/>
      <c r="OOA137" s="23"/>
      <c r="OOB137" s="23"/>
      <c r="OOC137" s="23"/>
      <c r="OOD137" s="23"/>
      <c r="OOE137" s="23"/>
      <c r="OOF137" s="23"/>
      <c r="OOG137" s="23"/>
      <c r="OOH137" s="23"/>
      <c r="OOI137" s="23"/>
      <c r="OOJ137" s="23"/>
      <c r="OOK137" s="23"/>
      <c r="OOL137" s="23"/>
      <c r="OOM137" s="23"/>
      <c r="OON137" s="23"/>
      <c r="OOO137" s="23"/>
      <c r="OOP137" s="23"/>
      <c r="OOQ137" s="23"/>
      <c r="OOR137" s="23"/>
      <c r="OOS137" s="23"/>
      <c r="OOT137" s="23"/>
      <c r="OOU137" s="23"/>
      <c r="OOV137" s="23"/>
      <c r="OOW137" s="23"/>
      <c r="OOX137" s="23"/>
      <c r="OOY137" s="23"/>
      <c r="OOZ137" s="23"/>
      <c r="OPA137" s="23"/>
      <c r="OPB137" s="23"/>
      <c r="OPC137" s="23"/>
      <c r="OPD137" s="23"/>
      <c r="OPE137" s="23"/>
      <c r="OPF137" s="23"/>
      <c r="OPG137" s="23"/>
      <c r="OPH137" s="23"/>
      <c r="OPI137" s="23"/>
      <c r="OPJ137" s="23"/>
      <c r="OPK137" s="23"/>
      <c r="OPL137" s="23"/>
      <c r="OPM137" s="23"/>
      <c r="OPN137" s="23"/>
      <c r="OPO137" s="23"/>
      <c r="OPP137" s="23"/>
      <c r="OPQ137" s="23"/>
      <c r="OPR137" s="23"/>
      <c r="OPS137" s="23"/>
      <c r="OPT137" s="23"/>
      <c r="OPU137" s="23"/>
      <c r="OPV137" s="23"/>
      <c r="OPW137" s="23"/>
      <c r="OPX137" s="23"/>
      <c r="OPY137" s="23"/>
      <c r="OPZ137" s="23"/>
      <c r="OQA137" s="23"/>
      <c r="OQB137" s="23"/>
      <c r="OQC137" s="23"/>
      <c r="OQD137" s="23"/>
      <c r="OQE137" s="23"/>
      <c r="OQF137" s="23"/>
      <c r="OQG137" s="23"/>
      <c r="OQH137" s="23"/>
      <c r="OQI137" s="23"/>
      <c r="OQJ137" s="23"/>
      <c r="OQK137" s="23"/>
      <c r="OQL137" s="23"/>
      <c r="OQM137" s="23"/>
      <c r="OQN137" s="23"/>
      <c r="OQO137" s="23"/>
      <c r="OQP137" s="23"/>
      <c r="OQQ137" s="23"/>
      <c r="OQR137" s="23"/>
      <c r="OQS137" s="23"/>
      <c r="OQT137" s="23"/>
      <c r="OQU137" s="23"/>
      <c r="OQV137" s="23"/>
      <c r="OQW137" s="23"/>
      <c r="OQX137" s="23"/>
      <c r="OQY137" s="23"/>
      <c r="OQZ137" s="23"/>
      <c r="ORA137" s="23"/>
      <c r="ORB137" s="23"/>
      <c r="ORC137" s="23"/>
      <c r="ORD137" s="23"/>
      <c r="ORE137" s="23"/>
      <c r="ORF137" s="23"/>
      <c r="ORG137" s="23"/>
      <c r="ORH137" s="23"/>
      <c r="ORI137" s="23"/>
      <c r="ORJ137" s="23"/>
      <c r="ORK137" s="23"/>
      <c r="ORL137" s="23"/>
      <c r="ORM137" s="23"/>
      <c r="ORN137" s="23"/>
      <c r="ORO137" s="23"/>
      <c r="ORP137" s="23"/>
      <c r="ORQ137" s="23"/>
      <c r="ORR137" s="23"/>
      <c r="ORS137" s="23"/>
      <c r="ORT137" s="23"/>
      <c r="ORU137" s="23"/>
      <c r="ORV137" s="23"/>
      <c r="ORW137" s="23"/>
      <c r="ORX137" s="23"/>
      <c r="ORY137" s="23"/>
      <c r="ORZ137" s="23"/>
      <c r="OSA137" s="23"/>
      <c r="OSB137" s="23"/>
      <c r="OSC137" s="23"/>
      <c r="OSD137" s="23"/>
      <c r="OSE137" s="23"/>
      <c r="OSF137" s="23"/>
      <c r="OSG137" s="23"/>
      <c r="OSH137" s="23"/>
      <c r="OSI137" s="23"/>
      <c r="OSJ137" s="23"/>
      <c r="OSK137" s="23"/>
      <c r="OSL137" s="23"/>
      <c r="OSM137" s="23"/>
      <c r="OSN137" s="23"/>
      <c r="OSO137" s="23"/>
      <c r="OSP137" s="23"/>
      <c r="OSQ137" s="23"/>
      <c r="OSR137" s="23"/>
      <c r="OSS137" s="23"/>
      <c r="OST137" s="23"/>
      <c r="OSU137" s="23"/>
      <c r="OSV137" s="23"/>
      <c r="OSW137" s="23"/>
      <c r="OSX137" s="23"/>
      <c r="OSY137" s="23"/>
      <c r="OSZ137" s="23"/>
      <c r="OTA137" s="23"/>
      <c r="OTB137" s="23"/>
      <c r="OTC137" s="23"/>
      <c r="OTD137" s="23"/>
      <c r="OTE137" s="23"/>
      <c r="OTF137" s="23"/>
      <c r="OTG137" s="23"/>
      <c r="OTH137" s="23"/>
      <c r="OTI137" s="23"/>
      <c r="OTJ137" s="23"/>
      <c r="OTK137" s="23"/>
      <c r="OTL137" s="23"/>
      <c r="OTM137" s="23"/>
      <c r="OTN137" s="23"/>
      <c r="OTO137" s="23"/>
      <c r="OTP137" s="23"/>
      <c r="OTQ137" s="23"/>
      <c r="OTR137" s="23"/>
      <c r="OTS137" s="23"/>
      <c r="OTT137" s="23"/>
      <c r="OTU137" s="23"/>
      <c r="OTV137" s="23"/>
      <c r="OTW137" s="23"/>
      <c r="OTX137" s="23"/>
      <c r="OTY137" s="23"/>
      <c r="OTZ137" s="23"/>
      <c r="OUA137" s="23"/>
      <c r="OUB137" s="23"/>
      <c r="OUC137" s="23"/>
      <c r="OUD137" s="23"/>
      <c r="OUE137" s="23"/>
      <c r="OUF137" s="23"/>
      <c r="OUG137" s="23"/>
      <c r="OUH137" s="23"/>
      <c r="OUI137" s="23"/>
      <c r="OUJ137" s="23"/>
      <c r="OUK137" s="23"/>
      <c r="OUL137" s="23"/>
      <c r="OUM137" s="23"/>
      <c r="OUN137" s="23"/>
      <c r="OUO137" s="23"/>
      <c r="OUP137" s="23"/>
      <c r="OUQ137" s="23"/>
      <c r="OUR137" s="23"/>
      <c r="OUS137" s="23"/>
      <c r="OUT137" s="23"/>
      <c r="OUU137" s="23"/>
      <c r="OUV137" s="23"/>
      <c r="OUW137" s="23"/>
      <c r="OUX137" s="23"/>
      <c r="OUY137" s="23"/>
      <c r="OUZ137" s="23"/>
      <c r="OVA137" s="23"/>
      <c r="OVB137" s="23"/>
      <c r="OVC137" s="23"/>
      <c r="OVD137" s="23"/>
      <c r="OVE137" s="23"/>
      <c r="OVF137" s="23"/>
      <c r="OVG137" s="23"/>
      <c r="OVH137" s="23"/>
      <c r="OVI137" s="23"/>
      <c r="OVJ137" s="23"/>
      <c r="OVK137" s="23"/>
      <c r="OVL137" s="23"/>
      <c r="OVM137" s="23"/>
      <c r="OVN137" s="23"/>
      <c r="OVO137" s="23"/>
      <c r="OVP137" s="23"/>
      <c r="OVQ137" s="23"/>
      <c r="OVR137" s="23"/>
      <c r="OVS137" s="23"/>
      <c r="OVT137" s="23"/>
      <c r="OVU137" s="23"/>
      <c r="OVV137" s="23"/>
      <c r="OVW137" s="23"/>
      <c r="OVX137" s="23"/>
      <c r="OVY137" s="23"/>
      <c r="OVZ137" s="23"/>
      <c r="OWA137" s="23"/>
      <c r="OWB137" s="23"/>
      <c r="OWC137" s="23"/>
      <c r="OWD137" s="23"/>
      <c r="OWE137" s="23"/>
      <c r="OWF137" s="23"/>
      <c r="OWG137" s="23"/>
      <c r="OWH137" s="23"/>
      <c r="OWI137" s="23"/>
      <c r="OWJ137" s="23"/>
      <c r="OWK137" s="23"/>
      <c r="OWL137" s="23"/>
      <c r="OWM137" s="23"/>
      <c r="OWN137" s="23"/>
      <c r="OWO137" s="23"/>
      <c r="OWP137" s="23"/>
      <c r="OWQ137" s="23"/>
      <c r="OWR137" s="23"/>
      <c r="OWS137" s="23"/>
      <c r="OWT137" s="23"/>
      <c r="OWU137" s="23"/>
      <c r="OWV137" s="23"/>
      <c r="OWW137" s="23"/>
      <c r="OWX137" s="23"/>
      <c r="OWY137" s="23"/>
      <c r="OWZ137" s="23"/>
      <c r="OXA137" s="23"/>
      <c r="OXB137" s="23"/>
      <c r="OXC137" s="23"/>
      <c r="OXD137" s="23"/>
      <c r="OXE137" s="23"/>
      <c r="OXF137" s="23"/>
      <c r="OXG137" s="23"/>
      <c r="OXH137" s="23"/>
      <c r="OXI137" s="23"/>
      <c r="OXJ137" s="23"/>
      <c r="OXK137" s="23"/>
      <c r="OXL137" s="23"/>
      <c r="OXM137" s="23"/>
      <c r="OXN137" s="23"/>
      <c r="OXO137" s="23"/>
      <c r="OXP137" s="23"/>
      <c r="OXQ137" s="23"/>
      <c r="OXR137" s="23"/>
      <c r="OXS137" s="23"/>
      <c r="OXT137" s="23"/>
      <c r="OXU137" s="23"/>
      <c r="OXV137" s="23"/>
      <c r="OXW137" s="23"/>
      <c r="OXX137" s="23"/>
      <c r="OXY137" s="23"/>
      <c r="OXZ137" s="23"/>
      <c r="OYA137" s="23"/>
      <c r="OYB137" s="23"/>
      <c r="OYC137" s="23"/>
      <c r="OYD137" s="23"/>
      <c r="OYE137" s="23"/>
      <c r="OYF137" s="23"/>
      <c r="OYG137" s="23"/>
      <c r="OYH137" s="23"/>
      <c r="OYI137" s="23"/>
      <c r="OYJ137" s="23"/>
      <c r="OYK137" s="23"/>
      <c r="OYL137" s="23"/>
      <c r="OYM137" s="23"/>
      <c r="OYN137" s="23"/>
      <c r="OYO137" s="23"/>
      <c r="OYP137" s="23"/>
      <c r="OYQ137" s="23"/>
      <c r="OYR137" s="23"/>
      <c r="OYS137" s="23"/>
      <c r="OYT137" s="23"/>
      <c r="OYU137" s="23"/>
      <c r="OYV137" s="23"/>
      <c r="OYW137" s="23"/>
      <c r="OYX137" s="23"/>
      <c r="OYY137" s="23"/>
      <c r="OYZ137" s="23"/>
      <c r="OZA137" s="23"/>
      <c r="OZB137" s="23"/>
      <c r="OZC137" s="23"/>
      <c r="OZD137" s="23"/>
      <c r="OZE137" s="23"/>
      <c r="OZF137" s="23"/>
      <c r="OZG137" s="23"/>
      <c r="OZH137" s="23"/>
      <c r="OZI137" s="23"/>
      <c r="OZJ137" s="23"/>
      <c r="OZK137" s="23"/>
      <c r="OZL137" s="23"/>
      <c r="OZM137" s="23"/>
      <c r="OZN137" s="23"/>
      <c r="OZO137" s="23"/>
      <c r="OZP137" s="23"/>
      <c r="OZQ137" s="23"/>
      <c r="OZR137" s="23"/>
      <c r="OZS137" s="23"/>
      <c r="OZT137" s="23"/>
      <c r="OZU137" s="23"/>
      <c r="OZV137" s="23"/>
      <c r="OZW137" s="23"/>
      <c r="OZX137" s="23"/>
      <c r="OZY137" s="23"/>
      <c r="OZZ137" s="23"/>
      <c r="PAA137" s="23"/>
      <c r="PAB137" s="23"/>
      <c r="PAC137" s="23"/>
      <c r="PAD137" s="23"/>
      <c r="PAE137" s="23"/>
      <c r="PAF137" s="23"/>
      <c r="PAG137" s="23"/>
      <c r="PAH137" s="23"/>
      <c r="PAI137" s="23"/>
      <c r="PAJ137" s="23"/>
      <c r="PAK137" s="23"/>
      <c r="PAL137" s="23"/>
      <c r="PAM137" s="23"/>
      <c r="PAN137" s="23"/>
      <c r="PAO137" s="23"/>
      <c r="PAP137" s="23"/>
      <c r="PAQ137" s="23"/>
      <c r="PAR137" s="23"/>
      <c r="PAS137" s="23"/>
      <c r="PAT137" s="23"/>
      <c r="PAU137" s="23"/>
      <c r="PAV137" s="23"/>
      <c r="PAW137" s="23"/>
      <c r="PAX137" s="23"/>
      <c r="PAY137" s="23"/>
      <c r="PAZ137" s="23"/>
      <c r="PBA137" s="23"/>
      <c r="PBB137" s="23"/>
      <c r="PBC137" s="23"/>
      <c r="PBD137" s="23"/>
      <c r="PBE137" s="23"/>
      <c r="PBF137" s="23"/>
      <c r="PBG137" s="23"/>
      <c r="PBH137" s="23"/>
      <c r="PBI137" s="23"/>
      <c r="PBJ137" s="23"/>
      <c r="PBK137" s="23"/>
      <c r="PBL137" s="23"/>
      <c r="PBM137" s="23"/>
      <c r="PBN137" s="23"/>
      <c r="PBO137" s="23"/>
      <c r="PBP137" s="23"/>
      <c r="PBQ137" s="23"/>
      <c r="PBR137" s="23"/>
      <c r="PBS137" s="23"/>
      <c r="PBT137" s="23"/>
      <c r="PBU137" s="23"/>
      <c r="PBV137" s="23"/>
      <c r="PBW137" s="23"/>
      <c r="PBX137" s="23"/>
      <c r="PBY137" s="23"/>
      <c r="PBZ137" s="23"/>
      <c r="PCA137" s="23"/>
      <c r="PCB137" s="23"/>
      <c r="PCC137" s="23"/>
      <c r="PCD137" s="23"/>
      <c r="PCE137" s="23"/>
      <c r="PCF137" s="23"/>
      <c r="PCG137" s="23"/>
      <c r="PCH137" s="23"/>
      <c r="PCI137" s="23"/>
      <c r="PCJ137" s="23"/>
      <c r="PCK137" s="23"/>
      <c r="PCL137" s="23"/>
      <c r="PCM137" s="23"/>
      <c r="PCN137" s="23"/>
      <c r="PCO137" s="23"/>
      <c r="PCP137" s="23"/>
      <c r="PCQ137" s="23"/>
      <c r="PCR137" s="23"/>
      <c r="PCS137" s="23"/>
      <c r="PCT137" s="23"/>
      <c r="PCU137" s="23"/>
      <c r="PCV137" s="23"/>
      <c r="PCW137" s="23"/>
      <c r="PCX137" s="23"/>
      <c r="PCY137" s="23"/>
      <c r="PCZ137" s="23"/>
      <c r="PDA137" s="23"/>
      <c r="PDB137" s="23"/>
      <c r="PDC137" s="23"/>
      <c r="PDD137" s="23"/>
      <c r="PDE137" s="23"/>
      <c r="PDF137" s="23"/>
      <c r="PDG137" s="23"/>
      <c r="PDH137" s="23"/>
      <c r="PDI137" s="23"/>
      <c r="PDJ137" s="23"/>
      <c r="PDK137" s="23"/>
      <c r="PDL137" s="23"/>
      <c r="PDM137" s="23"/>
      <c r="PDN137" s="23"/>
      <c r="PDO137" s="23"/>
      <c r="PDP137" s="23"/>
      <c r="PDQ137" s="23"/>
      <c r="PDR137" s="23"/>
      <c r="PDS137" s="23"/>
      <c r="PDT137" s="23"/>
      <c r="PDU137" s="23"/>
      <c r="PDV137" s="23"/>
      <c r="PDW137" s="23"/>
      <c r="PDX137" s="23"/>
      <c r="PDY137" s="23"/>
      <c r="PDZ137" s="23"/>
      <c r="PEA137" s="23"/>
      <c r="PEB137" s="23"/>
      <c r="PEC137" s="23"/>
      <c r="PED137" s="23"/>
      <c r="PEE137" s="23"/>
      <c r="PEF137" s="23"/>
      <c r="PEG137" s="23"/>
      <c r="PEH137" s="23"/>
      <c r="PEI137" s="23"/>
      <c r="PEJ137" s="23"/>
      <c r="PEK137" s="23"/>
      <c r="PEL137" s="23"/>
      <c r="PEM137" s="23"/>
      <c r="PEN137" s="23"/>
      <c r="PEO137" s="23"/>
      <c r="PEP137" s="23"/>
      <c r="PEQ137" s="23"/>
      <c r="PER137" s="23"/>
      <c r="PES137" s="23"/>
      <c r="PET137" s="23"/>
      <c r="PEU137" s="23"/>
      <c r="PEV137" s="23"/>
      <c r="PEW137" s="23"/>
      <c r="PEX137" s="23"/>
      <c r="PEY137" s="23"/>
      <c r="PEZ137" s="23"/>
      <c r="PFA137" s="23"/>
      <c r="PFB137" s="23"/>
      <c r="PFC137" s="23"/>
      <c r="PFD137" s="23"/>
      <c r="PFE137" s="23"/>
      <c r="PFF137" s="23"/>
      <c r="PFG137" s="23"/>
      <c r="PFH137" s="23"/>
      <c r="PFI137" s="23"/>
      <c r="PFJ137" s="23"/>
      <c r="PFK137" s="23"/>
      <c r="PFL137" s="23"/>
      <c r="PFM137" s="23"/>
      <c r="PFN137" s="23"/>
      <c r="PFO137" s="23"/>
      <c r="PFP137" s="23"/>
      <c r="PFQ137" s="23"/>
      <c r="PFR137" s="23"/>
      <c r="PFS137" s="23"/>
      <c r="PFT137" s="23"/>
      <c r="PFU137" s="23"/>
      <c r="PFV137" s="23"/>
      <c r="PFW137" s="23"/>
      <c r="PFX137" s="23"/>
      <c r="PFY137" s="23"/>
      <c r="PFZ137" s="23"/>
      <c r="PGA137" s="23"/>
      <c r="PGB137" s="23"/>
      <c r="PGC137" s="23"/>
      <c r="PGD137" s="23"/>
      <c r="PGE137" s="23"/>
      <c r="PGF137" s="23"/>
      <c r="PGG137" s="23"/>
      <c r="PGH137" s="23"/>
      <c r="PGI137" s="23"/>
      <c r="PGJ137" s="23"/>
      <c r="PGK137" s="23"/>
      <c r="PGL137" s="23"/>
      <c r="PGM137" s="23"/>
      <c r="PGN137" s="23"/>
      <c r="PGO137" s="23"/>
      <c r="PGP137" s="23"/>
      <c r="PGQ137" s="23"/>
      <c r="PGR137" s="23"/>
      <c r="PGS137" s="23"/>
      <c r="PGT137" s="23"/>
      <c r="PGU137" s="23"/>
      <c r="PGV137" s="23"/>
      <c r="PGW137" s="23"/>
      <c r="PGX137" s="23"/>
      <c r="PGY137" s="23"/>
      <c r="PGZ137" s="23"/>
      <c r="PHA137" s="23"/>
      <c r="PHB137" s="23"/>
      <c r="PHC137" s="23"/>
      <c r="PHD137" s="23"/>
      <c r="PHE137" s="23"/>
      <c r="PHF137" s="23"/>
      <c r="PHG137" s="23"/>
      <c r="PHH137" s="23"/>
      <c r="PHI137" s="23"/>
      <c r="PHJ137" s="23"/>
      <c r="PHK137" s="23"/>
      <c r="PHL137" s="23"/>
      <c r="PHM137" s="23"/>
      <c r="PHN137" s="23"/>
      <c r="PHO137" s="23"/>
      <c r="PHP137" s="23"/>
      <c r="PHQ137" s="23"/>
      <c r="PHR137" s="23"/>
      <c r="PHS137" s="23"/>
      <c r="PHT137" s="23"/>
      <c r="PHU137" s="23"/>
      <c r="PHV137" s="23"/>
      <c r="PHW137" s="23"/>
      <c r="PHX137" s="23"/>
      <c r="PHY137" s="23"/>
      <c r="PHZ137" s="23"/>
      <c r="PIA137" s="23"/>
      <c r="PIB137" s="23"/>
      <c r="PIC137" s="23"/>
      <c r="PID137" s="23"/>
      <c r="PIE137" s="23"/>
      <c r="PIF137" s="23"/>
      <c r="PIG137" s="23"/>
      <c r="PIH137" s="23"/>
      <c r="PII137" s="23"/>
      <c r="PIJ137" s="23"/>
      <c r="PIK137" s="23"/>
      <c r="PIL137" s="23"/>
      <c r="PIM137" s="23"/>
      <c r="PIN137" s="23"/>
      <c r="PIO137" s="23"/>
      <c r="PIP137" s="23"/>
      <c r="PIQ137" s="23"/>
      <c r="PIR137" s="23"/>
      <c r="PIS137" s="23"/>
      <c r="PIT137" s="23"/>
      <c r="PIU137" s="23"/>
      <c r="PIV137" s="23"/>
      <c r="PIW137" s="23"/>
      <c r="PIX137" s="23"/>
      <c r="PIY137" s="23"/>
      <c r="PIZ137" s="23"/>
      <c r="PJA137" s="23"/>
      <c r="PJB137" s="23"/>
      <c r="PJC137" s="23"/>
      <c r="PJD137" s="23"/>
      <c r="PJE137" s="23"/>
      <c r="PJF137" s="23"/>
      <c r="PJG137" s="23"/>
      <c r="PJH137" s="23"/>
      <c r="PJI137" s="23"/>
      <c r="PJJ137" s="23"/>
      <c r="PJK137" s="23"/>
      <c r="PJL137" s="23"/>
      <c r="PJM137" s="23"/>
      <c r="PJN137" s="23"/>
      <c r="PJO137" s="23"/>
      <c r="PJP137" s="23"/>
      <c r="PJQ137" s="23"/>
      <c r="PJR137" s="23"/>
      <c r="PJS137" s="23"/>
      <c r="PJT137" s="23"/>
      <c r="PJU137" s="23"/>
      <c r="PJV137" s="23"/>
      <c r="PJW137" s="23"/>
      <c r="PJX137" s="23"/>
      <c r="PJY137" s="23"/>
      <c r="PJZ137" s="23"/>
      <c r="PKA137" s="23"/>
      <c r="PKB137" s="23"/>
      <c r="PKC137" s="23"/>
      <c r="PKD137" s="23"/>
      <c r="PKE137" s="23"/>
      <c r="PKF137" s="23"/>
      <c r="PKG137" s="23"/>
      <c r="PKH137" s="23"/>
      <c r="PKI137" s="23"/>
      <c r="PKJ137" s="23"/>
      <c r="PKK137" s="23"/>
      <c r="PKL137" s="23"/>
      <c r="PKM137" s="23"/>
      <c r="PKN137" s="23"/>
      <c r="PKO137" s="23"/>
      <c r="PKP137" s="23"/>
      <c r="PKQ137" s="23"/>
      <c r="PKR137" s="23"/>
      <c r="PKS137" s="23"/>
      <c r="PKT137" s="23"/>
      <c r="PKU137" s="23"/>
      <c r="PKV137" s="23"/>
      <c r="PKW137" s="23"/>
      <c r="PKX137" s="23"/>
      <c r="PKY137" s="23"/>
      <c r="PKZ137" s="23"/>
      <c r="PLA137" s="23"/>
      <c r="PLB137" s="23"/>
      <c r="PLC137" s="23"/>
      <c r="PLD137" s="23"/>
      <c r="PLE137" s="23"/>
      <c r="PLF137" s="23"/>
      <c r="PLG137" s="23"/>
      <c r="PLH137" s="23"/>
      <c r="PLI137" s="23"/>
      <c r="PLJ137" s="23"/>
      <c r="PLK137" s="23"/>
      <c r="PLL137" s="23"/>
      <c r="PLM137" s="23"/>
      <c r="PLN137" s="23"/>
      <c r="PLO137" s="23"/>
      <c r="PLP137" s="23"/>
      <c r="PLQ137" s="23"/>
      <c r="PLR137" s="23"/>
      <c r="PLS137" s="23"/>
      <c r="PLT137" s="23"/>
      <c r="PLU137" s="23"/>
      <c r="PLV137" s="23"/>
      <c r="PLW137" s="23"/>
      <c r="PLX137" s="23"/>
      <c r="PLY137" s="23"/>
      <c r="PLZ137" s="23"/>
      <c r="PMA137" s="23"/>
      <c r="PMB137" s="23"/>
      <c r="PMC137" s="23"/>
      <c r="PMD137" s="23"/>
      <c r="PME137" s="23"/>
      <c r="PMF137" s="23"/>
      <c r="PMG137" s="23"/>
      <c r="PMH137" s="23"/>
      <c r="PMI137" s="23"/>
      <c r="PMJ137" s="23"/>
      <c r="PMK137" s="23"/>
      <c r="PML137" s="23"/>
      <c r="PMM137" s="23"/>
      <c r="PMN137" s="23"/>
      <c r="PMO137" s="23"/>
      <c r="PMP137" s="23"/>
      <c r="PMQ137" s="23"/>
      <c r="PMR137" s="23"/>
      <c r="PMS137" s="23"/>
      <c r="PMT137" s="23"/>
      <c r="PMU137" s="23"/>
      <c r="PMV137" s="23"/>
      <c r="PMW137" s="23"/>
      <c r="PMX137" s="23"/>
      <c r="PMY137" s="23"/>
      <c r="PMZ137" s="23"/>
      <c r="PNA137" s="23"/>
      <c r="PNB137" s="23"/>
      <c r="PNC137" s="23"/>
      <c r="PND137" s="23"/>
      <c r="PNE137" s="23"/>
      <c r="PNF137" s="23"/>
      <c r="PNG137" s="23"/>
      <c r="PNH137" s="23"/>
      <c r="PNI137" s="23"/>
      <c r="PNJ137" s="23"/>
      <c r="PNK137" s="23"/>
      <c r="PNL137" s="23"/>
      <c r="PNM137" s="23"/>
      <c r="PNN137" s="23"/>
      <c r="PNO137" s="23"/>
      <c r="PNP137" s="23"/>
      <c r="PNQ137" s="23"/>
      <c r="PNR137" s="23"/>
      <c r="PNS137" s="23"/>
      <c r="PNT137" s="23"/>
      <c r="PNU137" s="23"/>
      <c r="PNV137" s="23"/>
      <c r="PNW137" s="23"/>
      <c r="PNX137" s="23"/>
      <c r="PNY137" s="23"/>
      <c r="PNZ137" s="23"/>
      <c r="POA137" s="23"/>
      <c r="POB137" s="23"/>
      <c r="POC137" s="23"/>
      <c r="POD137" s="23"/>
      <c r="POE137" s="23"/>
      <c r="POF137" s="23"/>
      <c r="POG137" s="23"/>
      <c r="POH137" s="23"/>
      <c r="POI137" s="23"/>
      <c r="POJ137" s="23"/>
      <c r="POK137" s="23"/>
      <c r="POL137" s="23"/>
      <c r="POM137" s="23"/>
      <c r="PON137" s="23"/>
      <c r="POO137" s="23"/>
      <c r="POP137" s="23"/>
      <c r="POQ137" s="23"/>
      <c r="POR137" s="23"/>
      <c r="POS137" s="23"/>
      <c r="POT137" s="23"/>
      <c r="POU137" s="23"/>
      <c r="POV137" s="23"/>
      <c r="POW137" s="23"/>
      <c r="POX137" s="23"/>
      <c r="POY137" s="23"/>
      <c r="POZ137" s="23"/>
      <c r="PPA137" s="23"/>
      <c r="PPB137" s="23"/>
      <c r="PPC137" s="23"/>
      <c r="PPD137" s="23"/>
      <c r="PPE137" s="23"/>
      <c r="PPF137" s="23"/>
      <c r="PPG137" s="23"/>
      <c r="PPH137" s="23"/>
      <c r="PPI137" s="23"/>
      <c r="PPJ137" s="23"/>
      <c r="PPK137" s="23"/>
      <c r="PPL137" s="23"/>
      <c r="PPM137" s="23"/>
      <c r="PPN137" s="23"/>
      <c r="PPO137" s="23"/>
      <c r="PPP137" s="23"/>
      <c r="PPQ137" s="23"/>
      <c r="PPR137" s="23"/>
      <c r="PPS137" s="23"/>
      <c r="PPT137" s="23"/>
      <c r="PPU137" s="23"/>
      <c r="PPV137" s="23"/>
      <c r="PPW137" s="23"/>
      <c r="PPX137" s="23"/>
      <c r="PPY137" s="23"/>
      <c r="PPZ137" s="23"/>
      <c r="PQA137" s="23"/>
      <c r="PQB137" s="23"/>
      <c r="PQC137" s="23"/>
      <c r="PQD137" s="23"/>
      <c r="PQE137" s="23"/>
      <c r="PQF137" s="23"/>
      <c r="PQG137" s="23"/>
      <c r="PQH137" s="23"/>
      <c r="PQI137" s="23"/>
      <c r="PQJ137" s="23"/>
      <c r="PQK137" s="23"/>
      <c r="PQL137" s="23"/>
      <c r="PQM137" s="23"/>
      <c r="PQN137" s="23"/>
      <c r="PQO137" s="23"/>
      <c r="PQP137" s="23"/>
      <c r="PQQ137" s="23"/>
      <c r="PQR137" s="23"/>
      <c r="PQS137" s="23"/>
      <c r="PQT137" s="23"/>
      <c r="PQU137" s="23"/>
      <c r="PQV137" s="23"/>
      <c r="PQW137" s="23"/>
      <c r="PQX137" s="23"/>
      <c r="PQY137" s="23"/>
      <c r="PQZ137" s="23"/>
      <c r="PRA137" s="23"/>
      <c r="PRB137" s="23"/>
      <c r="PRC137" s="23"/>
      <c r="PRD137" s="23"/>
      <c r="PRE137" s="23"/>
      <c r="PRF137" s="23"/>
      <c r="PRG137" s="23"/>
      <c r="PRH137" s="23"/>
      <c r="PRI137" s="23"/>
      <c r="PRJ137" s="23"/>
      <c r="PRK137" s="23"/>
      <c r="PRL137" s="23"/>
      <c r="PRM137" s="23"/>
      <c r="PRN137" s="23"/>
      <c r="PRO137" s="23"/>
      <c r="PRP137" s="23"/>
      <c r="PRQ137" s="23"/>
      <c r="PRR137" s="23"/>
      <c r="PRS137" s="23"/>
      <c r="PRT137" s="23"/>
      <c r="PRU137" s="23"/>
      <c r="PRV137" s="23"/>
      <c r="PRW137" s="23"/>
      <c r="PRX137" s="23"/>
      <c r="PRY137" s="23"/>
      <c r="PRZ137" s="23"/>
      <c r="PSA137" s="23"/>
      <c r="PSB137" s="23"/>
      <c r="PSC137" s="23"/>
      <c r="PSD137" s="23"/>
      <c r="PSE137" s="23"/>
      <c r="PSF137" s="23"/>
      <c r="PSG137" s="23"/>
      <c r="PSH137" s="23"/>
      <c r="PSI137" s="23"/>
      <c r="PSJ137" s="23"/>
      <c r="PSK137" s="23"/>
      <c r="PSL137" s="23"/>
      <c r="PSM137" s="23"/>
      <c r="PSN137" s="23"/>
      <c r="PSO137" s="23"/>
      <c r="PSP137" s="23"/>
      <c r="PSQ137" s="23"/>
      <c r="PSR137" s="23"/>
      <c r="PSS137" s="23"/>
      <c r="PST137" s="23"/>
      <c r="PSU137" s="23"/>
      <c r="PSV137" s="23"/>
      <c r="PSW137" s="23"/>
      <c r="PSX137" s="23"/>
      <c r="PSY137" s="23"/>
      <c r="PSZ137" s="23"/>
      <c r="PTA137" s="23"/>
      <c r="PTB137" s="23"/>
      <c r="PTC137" s="23"/>
      <c r="PTD137" s="23"/>
      <c r="PTE137" s="23"/>
      <c r="PTF137" s="23"/>
      <c r="PTG137" s="23"/>
      <c r="PTH137" s="23"/>
      <c r="PTI137" s="23"/>
      <c r="PTJ137" s="23"/>
      <c r="PTK137" s="23"/>
      <c r="PTL137" s="23"/>
      <c r="PTM137" s="23"/>
      <c r="PTN137" s="23"/>
      <c r="PTO137" s="23"/>
      <c r="PTP137" s="23"/>
      <c r="PTQ137" s="23"/>
      <c r="PTR137" s="23"/>
      <c r="PTS137" s="23"/>
      <c r="PTT137" s="23"/>
      <c r="PTU137" s="23"/>
      <c r="PTV137" s="23"/>
      <c r="PTW137" s="23"/>
      <c r="PTX137" s="23"/>
      <c r="PTY137" s="23"/>
      <c r="PTZ137" s="23"/>
      <c r="PUA137" s="23"/>
      <c r="PUB137" s="23"/>
      <c r="PUC137" s="23"/>
      <c r="PUD137" s="23"/>
      <c r="PUE137" s="23"/>
      <c r="PUF137" s="23"/>
      <c r="PUG137" s="23"/>
      <c r="PUH137" s="23"/>
      <c r="PUI137" s="23"/>
      <c r="PUJ137" s="23"/>
      <c r="PUK137" s="23"/>
      <c r="PUL137" s="23"/>
      <c r="PUM137" s="23"/>
      <c r="PUN137" s="23"/>
      <c r="PUO137" s="23"/>
      <c r="PUP137" s="23"/>
      <c r="PUQ137" s="23"/>
      <c r="PUR137" s="23"/>
      <c r="PUS137" s="23"/>
      <c r="PUT137" s="23"/>
      <c r="PUU137" s="23"/>
      <c r="PUV137" s="23"/>
      <c r="PUW137" s="23"/>
      <c r="PUX137" s="23"/>
      <c r="PUY137" s="23"/>
      <c r="PUZ137" s="23"/>
      <c r="PVA137" s="23"/>
      <c r="PVB137" s="23"/>
      <c r="PVC137" s="23"/>
      <c r="PVD137" s="23"/>
      <c r="PVE137" s="23"/>
      <c r="PVF137" s="23"/>
      <c r="PVG137" s="23"/>
      <c r="PVH137" s="23"/>
      <c r="PVI137" s="23"/>
      <c r="PVJ137" s="23"/>
      <c r="PVK137" s="23"/>
      <c r="PVL137" s="23"/>
      <c r="PVM137" s="23"/>
      <c r="PVN137" s="23"/>
      <c r="PVO137" s="23"/>
      <c r="PVP137" s="23"/>
      <c r="PVQ137" s="23"/>
      <c r="PVR137" s="23"/>
      <c r="PVS137" s="23"/>
      <c r="PVT137" s="23"/>
      <c r="PVU137" s="23"/>
      <c r="PVV137" s="23"/>
      <c r="PVW137" s="23"/>
      <c r="PVX137" s="23"/>
      <c r="PVY137" s="23"/>
      <c r="PVZ137" s="23"/>
      <c r="PWA137" s="23"/>
      <c r="PWB137" s="23"/>
      <c r="PWC137" s="23"/>
      <c r="PWD137" s="23"/>
      <c r="PWE137" s="23"/>
      <c r="PWF137" s="23"/>
      <c r="PWG137" s="23"/>
      <c r="PWH137" s="23"/>
      <c r="PWI137" s="23"/>
      <c r="PWJ137" s="23"/>
      <c r="PWK137" s="23"/>
      <c r="PWL137" s="23"/>
      <c r="PWM137" s="23"/>
      <c r="PWN137" s="23"/>
      <c r="PWO137" s="23"/>
      <c r="PWP137" s="23"/>
      <c r="PWQ137" s="23"/>
      <c r="PWR137" s="23"/>
      <c r="PWS137" s="23"/>
      <c r="PWT137" s="23"/>
      <c r="PWU137" s="23"/>
      <c r="PWV137" s="23"/>
      <c r="PWW137" s="23"/>
      <c r="PWX137" s="23"/>
      <c r="PWY137" s="23"/>
      <c r="PWZ137" s="23"/>
      <c r="PXA137" s="23"/>
      <c r="PXB137" s="23"/>
      <c r="PXC137" s="23"/>
      <c r="PXD137" s="23"/>
      <c r="PXE137" s="23"/>
      <c r="PXF137" s="23"/>
      <c r="PXG137" s="23"/>
      <c r="PXH137" s="23"/>
      <c r="PXI137" s="23"/>
      <c r="PXJ137" s="23"/>
      <c r="PXK137" s="23"/>
      <c r="PXL137" s="23"/>
      <c r="PXM137" s="23"/>
      <c r="PXN137" s="23"/>
      <c r="PXO137" s="23"/>
      <c r="PXP137" s="23"/>
      <c r="PXQ137" s="23"/>
      <c r="PXR137" s="23"/>
      <c r="PXS137" s="23"/>
      <c r="PXT137" s="23"/>
      <c r="PXU137" s="23"/>
      <c r="PXV137" s="23"/>
      <c r="PXW137" s="23"/>
      <c r="PXX137" s="23"/>
      <c r="PXY137" s="23"/>
      <c r="PXZ137" s="23"/>
      <c r="PYA137" s="23"/>
      <c r="PYB137" s="23"/>
      <c r="PYC137" s="23"/>
      <c r="PYD137" s="23"/>
      <c r="PYE137" s="23"/>
      <c r="PYF137" s="23"/>
      <c r="PYG137" s="23"/>
      <c r="PYH137" s="23"/>
      <c r="PYI137" s="23"/>
      <c r="PYJ137" s="23"/>
      <c r="PYK137" s="23"/>
      <c r="PYL137" s="23"/>
      <c r="PYM137" s="23"/>
      <c r="PYN137" s="23"/>
      <c r="PYO137" s="23"/>
      <c r="PYP137" s="23"/>
      <c r="PYQ137" s="23"/>
      <c r="PYR137" s="23"/>
      <c r="PYS137" s="23"/>
      <c r="PYT137" s="23"/>
      <c r="PYU137" s="23"/>
      <c r="PYV137" s="23"/>
      <c r="PYW137" s="23"/>
      <c r="PYX137" s="23"/>
      <c r="PYY137" s="23"/>
      <c r="PYZ137" s="23"/>
      <c r="PZA137" s="23"/>
      <c r="PZB137" s="23"/>
      <c r="PZC137" s="23"/>
      <c r="PZD137" s="23"/>
      <c r="PZE137" s="23"/>
      <c r="PZF137" s="23"/>
      <c r="PZG137" s="23"/>
      <c r="PZH137" s="23"/>
      <c r="PZI137" s="23"/>
      <c r="PZJ137" s="23"/>
      <c r="PZK137" s="23"/>
      <c r="PZL137" s="23"/>
      <c r="PZM137" s="23"/>
      <c r="PZN137" s="23"/>
      <c r="PZO137" s="23"/>
      <c r="PZP137" s="23"/>
      <c r="PZQ137" s="23"/>
      <c r="PZR137" s="23"/>
      <c r="PZS137" s="23"/>
      <c r="PZT137" s="23"/>
      <c r="PZU137" s="23"/>
      <c r="PZV137" s="23"/>
      <c r="PZW137" s="23"/>
      <c r="PZX137" s="23"/>
      <c r="PZY137" s="23"/>
      <c r="PZZ137" s="23"/>
      <c r="QAA137" s="23"/>
      <c r="QAB137" s="23"/>
      <c r="QAC137" s="23"/>
      <c r="QAD137" s="23"/>
      <c r="QAE137" s="23"/>
      <c r="QAF137" s="23"/>
      <c r="QAG137" s="23"/>
      <c r="QAH137" s="23"/>
      <c r="QAI137" s="23"/>
      <c r="QAJ137" s="23"/>
      <c r="QAK137" s="23"/>
      <c r="QAL137" s="23"/>
      <c r="QAM137" s="23"/>
      <c r="QAN137" s="23"/>
      <c r="QAO137" s="23"/>
      <c r="QAP137" s="23"/>
      <c r="QAQ137" s="23"/>
      <c r="QAR137" s="23"/>
      <c r="QAS137" s="23"/>
      <c r="QAT137" s="23"/>
      <c r="QAU137" s="23"/>
      <c r="QAV137" s="23"/>
      <c r="QAW137" s="23"/>
      <c r="QAX137" s="23"/>
      <c r="QAY137" s="23"/>
      <c r="QAZ137" s="23"/>
      <c r="QBA137" s="23"/>
      <c r="QBB137" s="23"/>
      <c r="QBC137" s="23"/>
      <c r="QBD137" s="23"/>
      <c r="QBE137" s="23"/>
      <c r="QBF137" s="23"/>
      <c r="QBG137" s="23"/>
      <c r="QBH137" s="23"/>
      <c r="QBI137" s="23"/>
      <c r="QBJ137" s="23"/>
      <c r="QBK137" s="23"/>
      <c r="QBL137" s="23"/>
      <c r="QBM137" s="23"/>
      <c r="QBN137" s="23"/>
      <c r="QBO137" s="23"/>
      <c r="QBP137" s="23"/>
      <c r="QBQ137" s="23"/>
      <c r="QBR137" s="23"/>
      <c r="QBS137" s="23"/>
      <c r="QBT137" s="23"/>
      <c r="QBU137" s="23"/>
      <c r="QBV137" s="23"/>
      <c r="QBW137" s="23"/>
      <c r="QBX137" s="23"/>
      <c r="QBY137" s="23"/>
      <c r="QBZ137" s="23"/>
      <c r="QCA137" s="23"/>
      <c r="QCB137" s="23"/>
      <c r="QCC137" s="23"/>
      <c r="QCD137" s="23"/>
      <c r="QCE137" s="23"/>
      <c r="QCF137" s="23"/>
      <c r="QCG137" s="23"/>
      <c r="QCH137" s="23"/>
      <c r="QCI137" s="23"/>
      <c r="QCJ137" s="23"/>
      <c r="QCK137" s="23"/>
      <c r="QCL137" s="23"/>
      <c r="QCM137" s="23"/>
      <c r="QCN137" s="23"/>
      <c r="QCO137" s="23"/>
      <c r="QCP137" s="23"/>
      <c r="QCQ137" s="23"/>
      <c r="QCR137" s="23"/>
      <c r="QCS137" s="23"/>
      <c r="QCT137" s="23"/>
      <c r="QCU137" s="23"/>
      <c r="QCV137" s="23"/>
      <c r="QCW137" s="23"/>
      <c r="QCX137" s="23"/>
      <c r="QCY137" s="23"/>
      <c r="QCZ137" s="23"/>
      <c r="QDA137" s="23"/>
      <c r="QDB137" s="23"/>
      <c r="QDC137" s="23"/>
      <c r="QDD137" s="23"/>
      <c r="QDE137" s="23"/>
      <c r="QDF137" s="23"/>
      <c r="QDG137" s="23"/>
      <c r="QDH137" s="23"/>
      <c r="QDI137" s="23"/>
      <c r="QDJ137" s="23"/>
      <c r="QDK137" s="23"/>
      <c r="QDL137" s="23"/>
      <c r="QDM137" s="23"/>
      <c r="QDN137" s="23"/>
      <c r="QDO137" s="23"/>
      <c r="QDP137" s="23"/>
      <c r="QDQ137" s="23"/>
      <c r="QDR137" s="23"/>
      <c r="QDS137" s="23"/>
      <c r="QDT137" s="23"/>
      <c r="QDU137" s="23"/>
      <c r="QDV137" s="23"/>
      <c r="QDW137" s="23"/>
      <c r="QDX137" s="23"/>
      <c r="QDY137" s="23"/>
      <c r="QDZ137" s="23"/>
      <c r="QEA137" s="23"/>
      <c r="QEB137" s="23"/>
      <c r="QEC137" s="23"/>
      <c r="QED137" s="23"/>
      <c r="QEE137" s="23"/>
      <c r="QEF137" s="23"/>
      <c r="QEG137" s="23"/>
      <c r="QEH137" s="23"/>
      <c r="QEI137" s="23"/>
      <c r="QEJ137" s="23"/>
      <c r="QEK137" s="23"/>
      <c r="QEL137" s="23"/>
      <c r="QEM137" s="23"/>
      <c r="QEN137" s="23"/>
      <c r="QEO137" s="23"/>
      <c r="QEP137" s="23"/>
      <c r="QEQ137" s="23"/>
      <c r="QER137" s="23"/>
      <c r="QES137" s="23"/>
      <c r="QET137" s="23"/>
      <c r="QEU137" s="23"/>
      <c r="QEV137" s="23"/>
      <c r="QEW137" s="23"/>
      <c r="QEX137" s="23"/>
      <c r="QEY137" s="23"/>
      <c r="QEZ137" s="23"/>
      <c r="QFA137" s="23"/>
      <c r="QFB137" s="23"/>
      <c r="QFC137" s="23"/>
      <c r="QFD137" s="23"/>
      <c r="QFE137" s="23"/>
      <c r="QFF137" s="23"/>
      <c r="QFG137" s="23"/>
      <c r="QFH137" s="23"/>
      <c r="QFI137" s="23"/>
      <c r="QFJ137" s="23"/>
      <c r="QFK137" s="23"/>
      <c r="QFL137" s="23"/>
      <c r="QFM137" s="23"/>
      <c r="QFN137" s="23"/>
      <c r="QFO137" s="23"/>
      <c r="QFP137" s="23"/>
      <c r="QFQ137" s="23"/>
      <c r="QFR137" s="23"/>
      <c r="QFS137" s="23"/>
      <c r="QFT137" s="23"/>
      <c r="QFU137" s="23"/>
      <c r="QFV137" s="23"/>
      <c r="QFW137" s="23"/>
      <c r="QFX137" s="23"/>
      <c r="QFY137" s="23"/>
      <c r="QFZ137" s="23"/>
      <c r="QGA137" s="23"/>
      <c r="QGB137" s="23"/>
      <c r="QGC137" s="23"/>
      <c r="QGD137" s="23"/>
      <c r="QGE137" s="23"/>
      <c r="QGF137" s="23"/>
      <c r="QGG137" s="23"/>
      <c r="QGH137" s="23"/>
      <c r="QGI137" s="23"/>
      <c r="QGJ137" s="23"/>
      <c r="QGK137" s="23"/>
      <c r="QGL137" s="23"/>
      <c r="QGM137" s="23"/>
      <c r="QGN137" s="23"/>
      <c r="QGO137" s="23"/>
      <c r="QGP137" s="23"/>
      <c r="QGQ137" s="23"/>
      <c r="QGR137" s="23"/>
      <c r="QGS137" s="23"/>
      <c r="QGT137" s="23"/>
      <c r="QGU137" s="23"/>
      <c r="QGV137" s="23"/>
      <c r="QGW137" s="23"/>
      <c r="QGX137" s="23"/>
      <c r="QGY137" s="23"/>
      <c r="QGZ137" s="23"/>
      <c r="QHA137" s="23"/>
      <c r="QHB137" s="23"/>
      <c r="QHC137" s="23"/>
      <c r="QHD137" s="23"/>
      <c r="QHE137" s="23"/>
      <c r="QHF137" s="23"/>
      <c r="QHG137" s="23"/>
      <c r="QHH137" s="23"/>
      <c r="QHI137" s="23"/>
      <c r="QHJ137" s="23"/>
      <c r="QHK137" s="23"/>
      <c r="QHL137" s="23"/>
      <c r="QHM137" s="23"/>
      <c r="QHN137" s="23"/>
      <c r="QHO137" s="23"/>
      <c r="QHP137" s="23"/>
      <c r="QHQ137" s="23"/>
      <c r="QHR137" s="23"/>
      <c r="QHS137" s="23"/>
      <c r="QHT137" s="23"/>
      <c r="QHU137" s="23"/>
      <c r="QHV137" s="23"/>
      <c r="QHW137" s="23"/>
      <c r="QHX137" s="23"/>
      <c r="QHY137" s="23"/>
      <c r="QHZ137" s="23"/>
      <c r="QIA137" s="23"/>
      <c r="QIB137" s="23"/>
      <c r="QIC137" s="23"/>
      <c r="QID137" s="23"/>
      <c r="QIE137" s="23"/>
      <c r="QIF137" s="23"/>
      <c r="QIG137" s="23"/>
      <c r="QIH137" s="23"/>
      <c r="QII137" s="23"/>
      <c r="QIJ137" s="23"/>
      <c r="QIK137" s="23"/>
      <c r="QIL137" s="23"/>
      <c r="QIM137" s="23"/>
      <c r="QIN137" s="23"/>
      <c r="QIO137" s="23"/>
      <c r="QIP137" s="23"/>
      <c r="QIQ137" s="23"/>
      <c r="QIR137" s="23"/>
      <c r="QIS137" s="23"/>
      <c r="QIT137" s="23"/>
      <c r="QIU137" s="23"/>
      <c r="QIV137" s="23"/>
      <c r="QIW137" s="23"/>
      <c r="QIX137" s="23"/>
      <c r="QIY137" s="23"/>
      <c r="QIZ137" s="23"/>
      <c r="QJA137" s="23"/>
      <c r="QJB137" s="23"/>
      <c r="QJC137" s="23"/>
      <c r="QJD137" s="23"/>
      <c r="QJE137" s="23"/>
      <c r="QJF137" s="23"/>
      <c r="QJG137" s="23"/>
      <c r="QJH137" s="23"/>
      <c r="QJI137" s="23"/>
      <c r="QJJ137" s="23"/>
      <c r="QJK137" s="23"/>
      <c r="QJL137" s="23"/>
      <c r="QJM137" s="23"/>
      <c r="QJN137" s="23"/>
      <c r="QJO137" s="23"/>
      <c r="QJP137" s="23"/>
      <c r="QJQ137" s="23"/>
      <c r="QJR137" s="23"/>
      <c r="QJS137" s="23"/>
      <c r="QJT137" s="23"/>
      <c r="QJU137" s="23"/>
      <c r="QJV137" s="23"/>
      <c r="QJW137" s="23"/>
      <c r="QJX137" s="23"/>
      <c r="QJY137" s="23"/>
      <c r="QJZ137" s="23"/>
      <c r="QKA137" s="23"/>
      <c r="QKB137" s="23"/>
      <c r="QKC137" s="23"/>
      <c r="QKD137" s="23"/>
      <c r="QKE137" s="23"/>
      <c r="QKF137" s="23"/>
      <c r="QKG137" s="23"/>
      <c r="QKH137" s="23"/>
      <c r="QKI137" s="23"/>
      <c r="QKJ137" s="23"/>
      <c r="QKK137" s="23"/>
      <c r="QKL137" s="23"/>
      <c r="QKM137" s="23"/>
      <c r="QKN137" s="23"/>
      <c r="QKO137" s="23"/>
      <c r="QKP137" s="23"/>
      <c r="QKQ137" s="23"/>
      <c r="QKR137" s="23"/>
      <c r="QKS137" s="23"/>
      <c r="QKT137" s="23"/>
      <c r="QKU137" s="23"/>
      <c r="QKV137" s="23"/>
      <c r="QKW137" s="23"/>
      <c r="QKX137" s="23"/>
      <c r="QKY137" s="23"/>
      <c r="QKZ137" s="23"/>
      <c r="QLA137" s="23"/>
      <c r="QLB137" s="23"/>
      <c r="QLC137" s="23"/>
      <c r="QLD137" s="23"/>
      <c r="QLE137" s="23"/>
      <c r="QLF137" s="23"/>
      <c r="QLG137" s="23"/>
      <c r="QLH137" s="23"/>
      <c r="QLI137" s="23"/>
      <c r="QLJ137" s="23"/>
      <c r="QLK137" s="23"/>
      <c r="QLL137" s="23"/>
      <c r="QLM137" s="23"/>
      <c r="QLN137" s="23"/>
      <c r="QLO137" s="23"/>
      <c r="QLP137" s="23"/>
      <c r="QLQ137" s="23"/>
      <c r="QLR137" s="23"/>
      <c r="QLS137" s="23"/>
      <c r="QLT137" s="23"/>
      <c r="QLU137" s="23"/>
      <c r="QLV137" s="23"/>
      <c r="QLW137" s="23"/>
      <c r="QLX137" s="23"/>
      <c r="QLY137" s="23"/>
      <c r="QLZ137" s="23"/>
      <c r="QMA137" s="23"/>
      <c r="QMB137" s="23"/>
      <c r="QMC137" s="23"/>
      <c r="QMD137" s="23"/>
      <c r="QME137" s="23"/>
      <c r="QMF137" s="23"/>
      <c r="QMG137" s="23"/>
      <c r="QMH137" s="23"/>
      <c r="QMI137" s="23"/>
      <c r="QMJ137" s="23"/>
      <c r="QMK137" s="23"/>
      <c r="QML137" s="23"/>
      <c r="QMM137" s="23"/>
      <c r="QMN137" s="23"/>
      <c r="QMO137" s="23"/>
      <c r="QMP137" s="23"/>
      <c r="QMQ137" s="23"/>
      <c r="QMR137" s="23"/>
      <c r="QMS137" s="23"/>
      <c r="QMT137" s="23"/>
      <c r="QMU137" s="23"/>
      <c r="QMV137" s="23"/>
      <c r="QMW137" s="23"/>
      <c r="QMX137" s="23"/>
      <c r="QMY137" s="23"/>
      <c r="QMZ137" s="23"/>
      <c r="QNA137" s="23"/>
      <c r="QNB137" s="23"/>
      <c r="QNC137" s="23"/>
      <c r="QND137" s="23"/>
      <c r="QNE137" s="23"/>
      <c r="QNF137" s="23"/>
      <c r="QNG137" s="23"/>
      <c r="QNH137" s="23"/>
      <c r="QNI137" s="23"/>
      <c r="QNJ137" s="23"/>
      <c r="QNK137" s="23"/>
      <c r="QNL137" s="23"/>
      <c r="QNM137" s="23"/>
      <c r="QNN137" s="23"/>
      <c r="QNO137" s="23"/>
      <c r="QNP137" s="23"/>
      <c r="QNQ137" s="23"/>
      <c r="QNR137" s="23"/>
      <c r="QNS137" s="23"/>
      <c r="QNT137" s="23"/>
      <c r="QNU137" s="23"/>
      <c r="QNV137" s="23"/>
      <c r="QNW137" s="23"/>
      <c r="QNX137" s="23"/>
      <c r="QNY137" s="23"/>
      <c r="QNZ137" s="23"/>
      <c r="QOA137" s="23"/>
      <c r="QOB137" s="23"/>
      <c r="QOC137" s="23"/>
      <c r="QOD137" s="23"/>
      <c r="QOE137" s="23"/>
      <c r="QOF137" s="23"/>
      <c r="QOG137" s="23"/>
      <c r="QOH137" s="23"/>
      <c r="QOI137" s="23"/>
      <c r="QOJ137" s="23"/>
      <c r="QOK137" s="23"/>
      <c r="QOL137" s="23"/>
      <c r="QOM137" s="23"/>
      <c r="QON137" s="23"/>
      <c r="QOO137" s="23"/>
      <c r="QOP137" s="23"/>
      <c r="QOQ137" s="23"/>
      <c r="QOR137" s="23"/>
      <c r="QOS137" s="23"/>
      <c r="QOT137" s="23"/>
      <c r="QOU137" s="23"/>
      <c r="QOV137" s="23"/>
      <c r="QOW137" s="23"/>
      <c r="QOX137" s="23"/>
      <c r="QOY137" s="23"/>
      <c r="QOZ137" s="23"/>
      <c r="QPA137" s="23"/>
      <c r="QPB137" s="23"/>
      <c r="QPC137" s="23"/>
      <c r="QPD137" s="23"/>
      <c r="QPE137" s="23"/>
      <c r="QPF137" s="23"/>
      <c r="QPG137" s="23"/>
      <c r="QPH137" s="23"/>
      <c r="QPI137" s="23"/>
      <c r="QPJ137" s="23"/>
      <c r="QPK137" s="23"/>
      <c r="QPL137" s="23"/>
      <c r="QPM137" s="23"/>
      <c r="QPN137" s="23"/>
      <c r="QPO137" s="23"/>
      <c r="QPP137" s="23"/>
      <c r="QPQ137" s="23"/>
      <c r="QPR137" s="23"/>
      <c r="QPS137" s="23"/>
      <c r="QPT137" s="23"/>
      <c r="QPU137" s="23"/>
      <c r="QPV137" s="23"/>
      <c r="QPW137" s="23"/>
      <c r="QPX137" s="23"/>
      <c r="QPY137" s="23"/>
      <c r="QPZ137" s="23"/>
      <c r="QQA137" s="23"/>
      <c r="QQB137" s="23"/>
      <c r="QQC137" s="23"/>
      <c r="QQD137" s="23"/>
      <c r="QQE137" s="23"/>
      <c r="QQF137" s="23"/>
      <c r="QQG137" s="23"/>
      <c r="QQH137" s="23"/>
      <c r="QQI137" s="23"/>
      <c r="QQJ137" s="23"/>
      <c r="QQK137" s="23"/>
      <c r="QQL137" s="23"/>
      <c r="QQM137" s="23"/>
      <c r="QQN137" s="23"/>
      <c r="QQO137" s="23"/>
      <c r="QQP137" s="23"/>
      <c r="QQQ137" s="23"/>
      <c r="QQR137" s="23"/>
      <c r="QQS137" s="23"/>
      <c r="QQT137" s="23"/>
      <c r="QQU137" s="23"/>
      <c r="QQV137" s="23"/>
      <c r="QQW137" s="23"/>
      <c r="QQX137" s="23"/>
      <c r="QQY137" s="23"/>
      <c r="QQZ137" s="23"/>
      <c r="QRA137" s="23"/>
      <c r="QRB137" s="23"/>
      <c r="QRC137" s="23"/>
      <c r="QRD137" s="23"/>
      <c r="QRE137" s="23"/>
      <c r="QRF137" s="23"/>
      <c r="QRG137" s="23"/>
      <c r="QRH137" s="23"/>
      <c r="QRI137" s="23"/>
      <c r="QRJ137" s="23"/>
      <c r="QRK137" s="23"/>
      <c r="QRL137" s="23"/>
      <c r="QRM137" s="23"/>
      <c r="QRN137" s="23"/>
      <c r="QRO137" s="23"/>
      <c r="QRP137" s="23"/>
      <c r="QRQ137" s="23"/>
      <c r="QRR137" s="23"/>
      <c r="QRS137" s="23"/>
      <c r="QRT137" s="23"/>
      <c r="QRU137" s="23"/>
      <c r="QRV137" s="23"/>
      <c r="QRW137" s="23"/>
      <c r="QRX137" s="23"/>
      <c r="QRY137" s="23"/>
      <c r="QRZ137" s="23"/>
      <c r="QSA137" s="23"/>
      <c r="QSB137" s="23"/>
      <c r="QSC137" s="23"/>
      <c r="QSD137" s="23"/>
      <c r="QSE137" s="23"/>
      <c r="QSF137" s="23"/>
      <c r="QSG137" s="23"/>
      <c r="QSH137" s="23"/>
      <c r="QSI137" s="23"/>
      <c r="QSJ137" s="23"/>
      <c r="QSK137" s="23"/>
      <c r="QSL137" s="23"/>
      <c r="QSM137" s="23"/>
      <c r="QSN137" s="23"/>
      <c r="QSO137" s="23"/>
      <c r="QSP137" s="23"/>
      <c r="QSQ137" s="23"/>
      <c r="QSR137" s="23"/>
      <c r="QSS137" s="23"/>
      <c r="QST137" s="23"/>
      <c r="QSU137" s="23"/>
      <c r="QSV137" s="23"/>
      <c r="QSW137" s="23"/>
      <c r="QSX137" s="23"/>
      <c r="QSY137" s="23"/>
      <c r="QSZ137" s="23"/>
      <c r="QTA137" s="23"/>
      <c r="QTB137" s="23"/>
      <c r="QTC137" s="23"/>
      <c r="QTD137" s="23"/>
      <c r="QTE137" s="23"/>
      <c r="QTF137" s="23"/>
      <c r="QTG137" s="23"/>
      <c r="QTH137" s="23"/>
      <c r="QTI137" s="23"/>
      <c r="QTJ137" s="23"/>
      <c r="QTK137" s="23"/>
      <c r="QTL137" s="23"/>
      <c r="QTM137" s="23"/>
      <c r="QTN137" s="23"/>
      <c r="QTO137" s="23"/>
      <c r="QTP137" s="23"/>
      <c r="QTQ137" s="23"/>
      <c r="QTR137" s="23"/>
      <c r="QTS137" s="23"/>
      <c r="QTT137" s="23"/>
      <c r="QTU137" s="23"/>
      <c r="QTV137" s="23"/>
      <c r="QTW137" s="23"/>
      <c r="QTX137" s="23"/>
      <c r="QTY137" s="23"/>
      <c r="QTZ137" s="23"/>
      <c r="QUA137" s="23"/>
      <c r="QUB137" s="23"/>
      <c r="QUC137" s="23"/>
      <c r="QUD137" s="23"/>
      <c r="QUE137" s="23"/>
      <c r="QUF137" s="23"/>
      <c r="QUG137" s="23"/>
      <c r="QUH137" s="23"/>
      <c r="QUI137" s="23"/>
      <c r="QUJ137" s="23"/>
      <c r="QUK137" s="23"/>
      <c r="QUL137" s="23"/>
      <c r="QUM137" s="23"/>
      <c r="QUN137" s="23"/>
      <c r="QUO137" s="23"/>
      <c r="QUP137" s="23"/>
      <c r="QUQ137" s="23"/>
      <c r="QUR137" s="23"/>
      <c r="QUS137" s="23"/>
      <c r="QUT137" s="23"/>
      <c r="QUU137" s="23"/>
      <c r="QUV137" s="23"/>
      <c r="QUW137" s="23"/>
      <c r="QUX137" s="23"/>
      <c r="QUY137" s="23"/>
      <c r="QUZ137" s="23"/>
      <c r="QVA137" s="23"/>
      <c r="QVB137" s="23"/>
      <c r="QVC137" s="23"/>
      <c r="QVD137" s="23"/>
      <c r="QVE137" s="23"/>
      <c r="QVF137" s="23"/>
      <c r="QVG137" s="23"/>
      <c r="QVH137" s="23"/>
      <c r="QVI137" s="23"/>
      <c r="QVJ137" s="23"/>
      <c r="QVK137" s="23"/>
      <c r="QVL137" s="23"/>
      <c r="QVM137" s="23"/>
      <c r="QVN137" s="23"/>
      <c r="QVO137" s="23"/>
      <c r="QVP137" s="23"/>
      <c r="QVQ137" s="23"/>
      <c r="QVR137" s="23"/>
      <c r="QVS137" s="23"/>
      <c r="QVT137" s="23"/>
      <c r="QVU137" s="23"/>
      <c r="QVV137" s="23"/>
      <c r="QVW137" s="23"/>
      <c r="QVX137" s="23"/>
      <c r="QVY137" s="23"/>
      <c r="QVZ137" s="23"/>
      <c r="QWA137" s="23"/>
      <c r="QWB137" s="23"/>
      <c r="QWC137" s="23"/>
      <c r="QWD137" s="23"/>
      <c r="QWE137" s="23"/>
      <c r="QWF137" s="23"/>
      <c r="QWG137" s="23"/>
      <c r="QWH137" s="23"/>
      <c r="QWI137" s="23"/>
      <c r="QWJ137" s="23"/>
      <c r="QWK137" s="23"/>
      <c r="QWL137" s="23"/>
      <c r="QWM137" s="23"/>
      <c r="QWN137" s="23"/>
      <c r="QWO137" s="23"/>
      <c r="QWP137" s="23"/>
      <c r="QWQ137" s="23"/>
      <c r="QWR137" s="23"/>
      <c r="QWS137" s="23"/>
      <c r="QWT137" s="23"/>
      <c r="QWU137" s="23"/>
      <c r="QWV137" s="23"/>
      <c r="QWW137" s="23"/>
      <c r="QWX137" s="23"/>
      <c r="QWY137" s="23"/>
      <c r="QWZ137" s="23"/>
      <c r="QXA137" s="23"/>
      <c r="QXB137" s="23"/>
      <c r="QXC137" s="23"/>
      <c r="QXD137" s="23"/>
      <c r="QXE137" s="23"/>
      <c r="QXF137" s="23"/>
      <c r="QXG137" s="23"/>
      <c r="QXH137" s="23"/>
      <c r="QXI137" s="23"/>
      <c r="QXJ137" s="23"/>
      <c r="QXK137" s="23"/>
      <c r="QXL137" s="23"/>
      <c r="QXM137" s="23"/>
      <c r="QXN137" s="23"/>
      <c r="QXO137" s="23"/>
      <c r="QXP137" s="23"/>
      <c r="QXQ137" s="23"/>
      <c r="QXR137" s="23"/>
      <c r="QXS137" s="23"/>
      <c r="QXT137" s="23"/>
      <c r="QXU137" s="23"/>
      <c r="QXV137" s="23"/>
      <c r="QXW137" s="23"/>
      <c r="QXX137" s="23"/>
      <c r="QXY137" s="23"/>
      <c r="QXZ137" s="23"/>
      <c r="QYA137" s="23"/>
      <c r="QYB137" s="23"/>
      <c r="QYC137" s="23"/>
      <c r="QYD137" s="23"/>
      <c r="QYE137" s="23"/>
      <c r="QYF137" s="23"/>
      <c r="QYG137" s="23"/>
      <c r="QYH137" s="23"/>
      <c r="QYI137" s="23"/>
      <c r="QYJ137" s="23"/>
      <c r="QYK137" s="23"/>
      <c r="QYL137" s="23"/>
      <c r="QYM137" s="23"/>
      <c r="QYN137" s="23"/>
      <c r="QYO137" s="23"/>
      <c r="QYP137" s="23"/>
      <c r="QYQ137" s="23"/>
      <c r="QYR137" s="23"/>
      <c r="QYS137" s="23"/>
      <c r="QYT137" s="23"/>
      <c r="QYU137" s="23"/>
      <c r="QYV137" s="23"/>
      <c r="QYW137" s="23"/>
      <c r="QYX137" s="23"/>
      <c r="QYY137" s="23"/>
      <c r="QYZ137" s="23"/>
      <c r="QZA137" s="23"/>
      <c r="QZB137" s="23"/>
      <c r="QZC137" s="23"/>
      <c r="QZD137" s="23"/>
      <c r="QZE137" s="23"/>
      <c r="QZF137" s="23"/>
      <c r="QZG137" s="23"/>
      <c r="QZH137" s="23"/>
      <c r="QZI137" s="23"/>
      <c r="QZJ137" s="23"/>
      <c r="QZK137" s="23"/>
      <c r="QZL137" s="23"/>
      <c r="QZM137" s="23"/>
      <c r="QZN137" s="23"/>
      <c r="QZO137" s="23"/>
      <c r="QZP137" s="23"/>
      <c r="QZQ137" s="23"/>
      <c r="QZR137" s="23"/>
      <c r="QZS137" s="23"/>
      <c r="QZT137" s="23"/>
      <c r="QZU137" s="23"/>
      <c r="QZV137" s="23"/>
      <c r="QZW137" s="23"/>
      <c r="QZX137" s="23"/>
      <c r="QZY137" s="23"/>
      <c r="QZZ137" s="23"/>
      <c r="RAA137" s="23"/>
      <c r="RAB137" s="23"/>
      <c r="RAC137" s="23"/>
      <c r="RAD137" s="23"/>
      <c r="RAE137" s="23"/>
      <c r="RAF137" s="23"/>
      <c r="RAG137" s="23"/>
      <c r="RAH137" s="23"/>
      <c r="RAI137" s="23"/>
      <c r="RAJ137" s="23"/>
      <c r="RAK137" s="23"/>
      <c r="RAL137" s="23"/>
      <c r="RAM137" s="23"/>
      <c r="RAN137" s="23"/>
      <c r="RAO137" s="23"/>
      <c r="RAP137" s="23"/>
      <c r="RAQ137" s="23"/>
      <c r="RAR137" s="23"/>
      <c r="RAS137" s="23"/>
      <c r="RAT137" s="23"/>
      <c r="RAU137" s="23"/>
      <c r="RAV137" s="23"/>
      <c r="RAW137" s="23"/>
      <c r="RAX137" s="23"/>
      <c r="RAY137" s="23"/>
      <c r="RAZ137" s="23"/>
      <c r="RBA137" s="23"/>
      <c r="RBB137" s="23"/>
      <c r="RBC137" s="23"/>
      <c r="RBD137" s="23"/>
      <c r="RBE137" s="23"/>
      <c r="RBF137" s="23"/>
      <c r="RBG137" s="23"/>
      <c r="RBH137" s="23"/>
      <c r="RBI137" s="23"/>
      <c r="RBJ137" s="23"/>
      <c r="RBK137" s="23"/>
      <c r="RBL137" s="23"/>
      <c r="RBM137" s="23"/>
      <c r="RBN137" s="23"/>
      <c r="RBO137" s="23"/>
      <c r="RBP137" s="23"/>
      <c r="RBQ137" s="23"/>
      <c r="RBR137" s="23"/>
      <c r="RBS137" s="23"/>
      <c r="RBT137" s="23"/>
      <c r="RBU137" s="23"/>
      <c r="RBV137" s="23"/>
      <c r="RBW137" s="23"/>
      <c r="RBX137" s="23"/>
      <c r="RBY137" s="23"/>
      <c r="RBZ137" s="23"/>
      <c r="RCA137" s="23"/>
      <c r="RCB137" s="23"/>
      <c r="RCC137" s="23"/>
      <c r="RCD137" s="23"/>
      <c r="RCE137" s="23"/>
      <c r="RCF137" s="23"/>
      <c r="RCG137" s="23"/>
      <c r="RCH137" s="23"/>
      <c r="RCI137" s="23"/>
      <c r="RCJ137" s="23"/>
      <c r="RCK137" s="23"/>
      <c r="RCL137" s="23"/>
      <c r="RCM137" s="23"/>
      <c r="RCN137" s="23"/>
      <c r="RCO137" s="23"/>
      <c r="RCP137" s="23"/>
      <c r="RCQ137" s="23"/>
      <c r="RCR137" s="23"/>
      <c r="RCS137" s="23"/>
      <c r="RCT137" s="23"/>
      <c r="RCU137" s="23"/>
      <c r="RCV137" s="23"/>
      <c r="RCW137" s="23"/>
      <c r="RCX137" s="23"/>
      <c r="RCY137" s="23"/>
      <c r="RCZ137" s="23"/>
      <c r="RDA137" s="23"/>
      <c r="RDB137" s="23"/>
      <c r="RDC137" s="23"/>
      <c r="RDD137" s="23"/>
      <c r="RDE137" s="23"/>
      <c r="RDF137" s="23"/>
      <c r="RDG137" s="23"/>
      <c r="RDH137" s="23"/>
      <c r="RDI137" s="23"/>
      <c r="RDJ137" s="23"/>
      <c r="RDK137" s="23"/>
      <c r="RDL137" s="23"/>
      <c r="RDM137" s="23"/>
      <c r="RDN137" s="23"/>
      <c r="RDO137" s="23"/>
      <c r="RDP137" s="23"/>
      <c r="RDQ137" s="23"/>
      <c r="RDR137" s="23"/>
      <c r="RDS137" s="23"/>
      <c r="RDT137" s="23"/>
      <c r="RDU137" s="23"/>
      <c r="RDV137" s="23"/>
      <c r="RDW137" s="23"/>
      <c r="RDX137" s="23"/>
      <c r="RDY137" s="23"/>
      <c r="RDZ137" s="23"/>
      <c r="REA137" s="23"/>
      <c r="REB137" s="23"/>
      <c r="REC137" s="23"/>
      <c r="RED137" s="23"/>
      <c r="REE137" s="23"/>
      <c r="REF137" s="23"/>
      <c r="REG137" s="23"/>
      <c r="REH137" s="23"/>
      <c r="REI137" s="23"/>
      <c r="REJ137" s="23"/>
      <c r="REK137" s="23"/>
      <c r="REL137" s="23"/>
      <c r="REM137" s="23"/>
      <c r="REN137" s="23"/>
      <c r="REO137" s="23"/>
      <c r="REP137" s="23"/>
      <c r="REQ137" s="23"/>
      <c r="RER137" s="23"/>
      <c r="RES137" s="23"/>
      <c r="RET137" s="23"/>
      <c r="REU137" s="23"/>
      <c r="REV137" s="23"/>
      <c r="REW137" s="23"/>
      <c r="REX137" s="23"/>
      <c r="REY137" s="23"/>
      <c r="REZ137" s="23"/>
      <c r="RFA137" s="23"/>
      <c r="RFB137" s="23"/>
      <c r="RFC137" s="23"/>
      <c r="RFD137" s="23"/>
      <c r="RFE137" s="23"/>
      <c r="RFF137" s="23"/>
      <c r="RFG137" s="23"/>
      <c r="RFH137" s="23"/>
      <c r="RFI137" s="23"/>
      <c r="RFJ137" s="23"/>
      <c r="RFK137" s="23"/>
      <c r="RFL137" s="23"/>
      <c r="RFM137" s="23"/>
      <c r="RFN137" s="23"/>
      <c r="RFO137" s="23"/>
      <c r="RFP137" s="23"/>
      <c r="RFQ137" s="23"/>
      <c r="RFR137" s="23"/>
      <c r="RFS137" s="23"/>
      <c r="RFT137" s="23"/>
      <c r="RFU137" s="23"/>
      <c r="RFV137" s="23"/>
      <c r="RFW137" s="23"/>
      <c r="RFX137" s="23"/>
      <c r="RFY137" s="23"/>
      <c r="RFZ137" s="23"/>
      <c r="RGA137" s="23"/>
      <c r="RGB137" s="23"/>
      <c r="RGC137" s="23"/>
      <c r="RGD137" s="23"/>
      <c r="RGE137" s="23"/>
      <c r="RGF137" s="23"/>
      <c r="RGG137" s="23"/>
      <c r="RGH137" s="23"/>
      <c r="RGI137" s="23"/>
      <c r="RGJ137" s="23"/>
      <c r="RGK137" s="23"/>
      <c r="RGL137" s="23"/>
      <c r="RGM137" s="23"/>
      <c r="RGN137" s="23"/>
      <c r="RGO137" s="23"/>
      <c r="RGP137" s="23"/>
      <c r="RGQ137" s="23"/>
      <c r="RGR137" s="23"/>
      <c r="RGS137" s="23"/>
      <c r="RGT137" s="23"/>
      <c r="RGU137" s="23"/>
      <c r="RGV137" s="23"/>
      <c r="RGW137" s="23"/>
      <c r="RGX137" s="23"/>
      <c r="RGY137" s="23"/>
      <c r="RGZ137" s="23"/>
      <c r="RHA137" s="23"/>
      <c r="RHB137" s="23"/>
      <c r="RHC137" s="23"/>
      <c r="RHD137" s="23"/>
      <c r="RHE137" s="23"/>
      <c r="RHF137" s="23"/>
      <c r="RHG137" s="23"/>
      <c r="RHH137" s="23"/>
      <c r="RHI137" s="23"/>
      <c r="RHJ137" s="23"/>
      <c r="RHK137" s="23"/>
      <c r="RHL137" s="23"/>
      <c r="RHM137" s="23"/>
      <c r="RHN137" s="23"/>
      <c r="RHO137" s="23"/>
      <c r="RHP137" s="23"/>
      <c r="RHQ137" s="23"/>
      <c r="RHR137" s="23"/>
      <c r="RHS137" s="23"/>
      <c r="RHT137" s="23"/>
      <c r="RHU137" s="23"/>
      <c r="RHV137" s="23"/>
      <c r="RHW137" s="23"/>
      <c r="RHX137" s="23"/>
      <c r="RHY137" s="23"/>
      <c r="RHZ137" s="23"/>
      <c r="RIA137" s="23"/>
      <c r="RIB137" s="23"/>
      <c r="RIC137" s="23"/>
      <c r="RID137" s="23"/>
      <c r="RIE137" s="23"/>
      <c r="RIF137" s="23"/>
      <c r="RIG137" s="23"/>
      <c r="RIH137" s="23"/>
      <c r="RII137" s="23"/>
      <c r="RIJ137" s="23"/>
      <c r="RIK137" s="23"/>
      <c r="RIL137" s="23"/>
      <c r="RIM137" s="23"/>
      <c r="RIN137" s="23"/>
      <c r="RIO137" s="23"/>
      <c r="RIP137" s="23"/>
      <c r="RIQ137" s="23"/>
      <c r="RIR137" s="23"/>
      <c r="RIS137" s="23"/>
      <c r="RIT137" s="23"/>
      <c r="RIU137" s="23"/>
      <c r="RIV137" s="23"/>
      <c r="RIW137" s="23"/>
      <c r="RIX137" s="23"/>
      <c r="RIY137" s="23"/>
      <c r="RIZ137" s="23"/>
      <c r="RJA137" s="23"/>
      <c r="RJB137" s="23"/>
      <c r="RJC137" s="23"/>
      <c r="RJD137" s="23"/>
      <c r="RJE137" s="23"/>
      <c r="RJF137" s="23"/>
      <c r="RJG137" s="23"/>
      <c r="RJH137" s="23"/>
      <c r="RJI137" s="23"/>
      <c r="RJJ137" s="23"/>
      <c r="RJK137" s="23"/>
      <c r="RJL137" s="23"/>
      <c r="RJM137" s="23"/>
      <c r="RJN137" s="23"/>
      <c r="RJO137" s="23"/>
      <c r="RJP137" s="23"/>
      <c r="RJQ137" s="23"/>
      <c r="RJR137" s="23"/>
      <c r="RJS137" s="23"/>
      <c r="RJT137" s="23"/>
      <c r="RJU137" s="23"/>
      <c r="RJV137" s="23"/>
      <c r="RJW137" s="23"/>
      <c r="RJX137" s="23"/>
      <c r="RJY137" s="23"/>
      <c r="RJZ137" s="23"/>
      <c r="RKA137" s="23"/>
      <c r="RKB137" s="23"/>
      <c r="RKC137" s="23"/>
      <c r="RKD137" s="23"/>
      <c r="RKE137" s="23"/>
      <c r="RKF137" s="23"/>
      <c r="RKG137" s="23"/>
      <c r="RKH137" s="23"/>
      <c r="RKI137" s="23"/>
      <c r="RKJ137" s="23"/>
      <c r="RKK137" s="23"/>
      <c r="RKL137" s="23"/>
      <c r="RKM137" s="23"/>
      <c r="RKN137" s="23"/>
      <c r="RKO137" s="23"/>
      <c r="RKP137" s="23"/>
      <c r="RKQ137" s="23"/>
      <c r="RKR137" s="23"/>
      <c r="RKS137" s="23"/>
      <c r="RKT137" s="23"/>
      <c r="RKU137" s="23"/>
      <c r="RKV137" s="23"/>
      <c r="RKW137" s="23"/>
      <c r="RKX137" s="23"/>
      <c r="RKY137" s="23"/>
      <c r="RKZ137" s="23"/>
      <c r="RLA137" s="23"/>
      <c r="RLB137" s="23"/>
      <c r="RLC137" s="23"/>
      <c r="RLD137" s="23"/>
      <c r="RLE137" s="23"/>
      <c r="RLF137" s="23"/>
      <c r="RLG137" s="23"/>
      <c r="RLH137" s="23"/>
      <c r="RLI137" s="23"/>
      <c r="RLJ137" s="23"/>
      <c r="RLK137" s="23"/>
      <c r="RLL137" s="23"/>
      <c r="RLM137" s="23"/>
      <c r="RLN137" s="23"/>
      <c r="RLO137" s="23"/>
      <c r="RLP137" s="23"/>
      <c r="RLQ137" s="23"/>
      <c r="RLR137" s="23"/>
      <c r="RLS137" s="23"/>
      <c r="RLT137" s="23"/>
      <c r="RLU137" s="23"/>
      <c r="RLV137" s="23"/>
      <c r="RLW137" s="23"/>
      <c r="RLX137" s="23"/>
      <c r="RLY137" s="23"/>
      <c r="RLZ137" s="23"/>
      <c r="RMA137" s="23"/>
      <c r="RMB137" s="23"/>
      <c r="RMC137" s="23"/>
      <c r="RMD137" s="23"/>
      <c r="RME137" s="23"/>
      <c r="RMF137" s="23"/>
      <c r="RMG137" s="23"/>
      <c r="RMH137" s="23"/>
      <c r="RMI137" s="23"/>
      <c r="RMJ137" s="23"/>
      <c r="RMK137" s="23"/>
      <c r="RML137" s="23"/>
      <c r="RMM137" s="23"/>
      <c r="RMN137" s="23"/>
      <c r="RMO137" s="23"/>
      <c r="RMP137" s="23"/>
      <c r="RMQ137" s="23"/>
      <c r="RMR137" s="23"/>
      <c r="RMS137" s="23"/>
      <c r="RMT137" s="23"/>
      <c r="RMU137" s="23"/>
      <c r="RMV137" s="23"/>
      <c r="RMW137" s="23"/>
      <c r="RMX137" s="23"/>
      <c r="RMY137" s="23"/>
      <c r="RMZ137" s="23"/>
      <c r="RNA137" s="23"/>
      <c r="RNB137" s="23"/>
      <c r="RNC137" s="23"/>
      <c r="RND137" s="23"/>
      <c r="RNE137" s="23"/>
      <c r="RNF137" s="23"/>
      <c r="RNG137" s="23"/>
      <c r="RNH137" s="23"/>
      <c r="RNI137" s="23"/>
      <c r="RNJ137" s="23"/>
      <c r="RNK137" s="23"/>
      <c r="RNL137" s="23"/>
      <c r="RNM137" s="23"/>
      <c r="RNN137" s="23"/>
      <c r="RNO137" s="23"/>
      <c r="RNP137" s="23"/>
      <c r="RNQ137" s="23"/>
      <c r="RNR137" s="23"/>
      <c r="RNS137" s="23"/>
      <c r="RNT137" s="23"/>
      <c r="RNU137" s="23"/>
      <c r="RNV137" s="23"/>
      <c r="RNW137" s="23"/>
      <c r="RNX137" s="23"/>
      <c r="RNY137" s="23"/>
      <c r="RNZ137" s="23"/>
      <c r="ROA137" s="23"/>
      <c r="ROB137" s="23"/>
      <c r="ROC137" s="23"/>
      <c r="ROD137" s="23"/>
      <c r="ROE137" s="23"/>
      <c r="ROF137" s="23"/>
      <c r="ROG137" s="23"/>
      <c r="ROH137" s="23"/>
      <c r="ROI137" s="23"/>
      <c r="ROJ137" s="23"/>
      <c r="ROK137" s="23"/>
      <c r="ROL137" s="23"/>
      <c r="ROM137" s="23"/>
      <c r="RON137" s="23"/>
      <c r="ROO137" s="23"/>
      <c r="ROP137" s="23"/>
      <c r="ROQ137" s="23"/>
      <c r="ROR137" s="23"/>
      <c r="ROS137" s="23"/>
      <c r="ROT137" s="23"/>
      <c r="ROU137" s="23"/>
      <c r="ROV137" s="23"/>
      <c r="ROW137" s="23"/>
      <c r="ROX137" s="23"/>
      <c r="ROY137" s="23"/>
      <c r="ROZ137" s="23"/>
      <c r="RPA137" s="23"/>
      <c r="RPB137" s="23"/>
      <c r="RPC137" s="23"/>
      <c r="RPD137" s="23"/>
      <c r="RPE137" s="23"/>
      <c r="RPF137" s="23"/>
      <c r="RPG137" s="23"/>
      <c r="RPH137" s="23"/>
      <c r="RPI137" s="23"/>
      <c r="RPJ137" s="23"/>
      <c r="RPK137" s="23"/>
      <c r="RPL137" s="23"/>
      <c r="RPM137" s="23"/>
      <c r="RPN137" s="23"/>
      <c r="RPO137" s="23"/>
      <c r="RPP137" s="23"/>
      <c r="RPQ137" s="23"/>
      <c r="RPR137" s="23"/>
      <c r="RPS137" s="23"/>
      <c r="RPT137" s="23"/>
      <c r="RPU137" s="23"/>
      <c r="RPV137" s="23"/>
      <c r="RPW137" s="23"/>
      <c r="RPX137" s="23"/>
      <c r="RPY137" s="23"/>
      <c r="RPZ137" s="23"/>
      <c r="RQA137" s="23"/>
      <c r="RQB137" s="23"/>
      <c r="RQC137" s="23"/>
      <c r="RQD137" s="23"/>
      <c r="RQE137" s="23"/>
      <c r="RQF137" s="23"/>
      <c r="RQG137" s="23"/>
      <c r="RQH137" s="23"/>
      <c r="RQI137" s="23"/>
      <c r="RQJ137" s="23"/>
      <c r="RQK137" s="23"/>
      <c r="RQL137" s="23"/>
      <c r="RQM137" s="23"/>
      <c r="RQN137" s="23"/>
      <c r="RQO137" s="23"/>
      <c r="RQP137" s="23"/>
      <c r="RQQ137" s="23"/>
      <c r="RQR137" s="23"/>
      <c r="RQS137" s="23"/>
      <c r="RQT137" s="23"/>
      <c r="RQU137" s="23"/>
      <c r="RQV137" s="23"/>
      <c r="RQW137" s="23"/>
      <c r="RQX137" s="23"/>
      <c r="RQY137" s="23"/>
      <c r="RQZ137" s="23"/>
      <c r="RRA137" s="23"/>
      <c r="RRB137" s="23"/>
      <c r="RRC137" s="23"/>
      <c r="RRD137" s="23"/>
      <c r="RRE137" s="23"/>
      <c r="RRF137" s="23"/>
      <c r="RRG137" s="23"/>
      <c r="RRH137" s="23"/>
      <c r="RRI137" s="23"/>
      <c r="RRJ137" s="23"/>
      <c r="RRK137" s="23"/>
      <c r="RRL137" s="23"/>
      <c r="RRM137" s="23"/>
      <c r="RRN137" s="23"/>
      <c r="RRO137" s="23"/>
      <c r="RRP137" s="23"/>
      <c r="RRQ137" s="23"/>
      <c r="RRR137" s="23"/>
      <c r="RRS137" s="23"/>
      <c r="RRT137" s="23"/>
      <c r="RRU137" s="23"/>
      <c r="RRV137" s="23"/>
      <c r="RRW137" s="23"/>
      <c r="RRX137" s="23"/>
      <c r="RRY137" s="23"/>
      <c r="RRZ137" s="23"/>
      <c r="RSA137" s="23"/>
      <c r="RSB137" s="23"/>
      <c r="RSC137" s="23"/>
      <c r="RSD137" s="23"/>
      <c r="RSE137" s="23"/>
      <c r="RSF137" s="23"/>
      <c r="RSG137" s="23"/>
      <c r="RSH137" s="23"/>
      <c r="RSI137" s="23"/>
      <c r="RSJ137" s="23"/>
      <c r="RSK137" s="23"/>
      <c r="RSL137" s="23"/>
      <c r="RSM137" s="23"/>
      <c r="RSN137" s="23"/>
      <c r="RSO137" s="23"/>
      <c r="RSP137" s="23"/>
      <c r="RSQ137" s="23"/>
      <c r="RSR137" s="23"/>
      <c r="RSS137" s="23"/>
      <c r="RST137" s="23"/>
      <c r="RSU137" s="23"/>
      <c r="RSV137" s="23"/>
      <c r="RSW137" s="23"/>
      <c r="RSX137" s="23"/>
      <c r="RSY137" s="23"/>
      <c r="RSZ137" s="23"/>
      <c r="RTA137" s="23"/>
      <c r="RTB137" s="23"/>
      <c r="RTC137" s="23"/>
      <c r="RTD137" s="23"/>
      <c r="RTE137" s="23"/>
      <c r="RTF137" s="23"/>
      <c r="RTG137" s="23"/>
      <c r="RTH137" s="23"/>
      <c r="RTI137" s="23"/>
      <c r="RTJ137" s="23"/>
      <c r="RTK137" s="23"/>
      <c r="RTL137" s="23"/>
      <c r="RTM137" s="23"/>
      <c r="RTN137" s="23"/>
      <c r="RTO137" s="23"/>
      <c r="RTP137" s="23"/>
      <c r="RTQ137" s="23"/>
      <c r="RTR137" s="23"/>
      <c r="RTS137" s="23"/>
      <c r="RTT137" s="23"/>
      <c r="RTU137" s="23"/>
      <c r="RTV137" s="23"/>
      <c r="RTW137" s="23"/>
      <c r="RTX137" s="23"/>
      <c r="RTY137" s="23"/>
      <c r="RTZ137" s="23"/>
      <c r="RUA137" s="23"/>
      <c r="RUB137" s="23"/>
      <c r="RUC137" s="23"/>
      <c r="RUD137" s="23"/>
      <c r="RUE137" s="23"/>
      <c r="RUF137" s="23"/>
      <c r="RUG137" s="23"/>
      <c r="RUH137" s="23"/>
      <c r="RUI137" s="23"/>
      <c r="RUJ137" s="23"/>
      <c r="RUK137" s="23"/>
      <c r="RUL137" s="23"/>
      <c r="RUM137" s="23"/>
      <c r="RUN137" s="23"/>
      <c r="RUO137" s="23"/>
      <c r="RUP137" s="23"/>
      <c r="RUQ137" s="23"/>
      <c r="RUR137" s="23"/>
      <c r="RUS137" s="23"/>
      <c r="RUT137" s="23"/>
      <c r="RUU137" s="23"/>
      <c r="RUV137" s="23"/>
      <c r="RUW137" s="23"/>
      <c r="RUX137" s="23"/>
      <c r="RUY137" s="23"/>
      <c r="RUZ137" s="23"/>
      <c r="RVA137" s="23"/>
      <c r="RVB137" s="23"/>
      <c r="RVC137" s="23"/>
      <c r="RVD137" s="23"/>
      <c r="RVE137" s="23"/>
      <c r="RVF137" s="23"/>
      <c r="RVG137" s="23"/>
      <c r="RVH137" s="23"/>
      <c r="RVI137" s="23"/>
      <c r="RVJ137" s="23"/>
      <c r="RVK137" s="23"/>
      <c r="RVL137" s="23"/>
      <c r="RVM137" s="23"/>
      <c r="RVN137" s="23"/>
      <c r="RVO137" s="23"/>
      <c r="RVP137" s="23"/>
      <c r="RVQ137" s="23"/>
      <c r="RVR137" s="23"/>
      <c r="RVS137" s="23"/>
      <c r="RVT137" s="23"/>
      <c r="RVU137" s="23"/>
      <c r="RVV137" s="23"/>
      <c r="RVW137" s="23"/>
      <c r="RVX137" s="23"/>
      <c r="RVY137" s="23"/>
      <c r="RVZ137" s="23"/>
      <c r="RWA137" s="23"/>
      <c r="RWB137" s="23"/>
      <c r="RWC137" s="23"/>
      <c r="RWD137" s="23"/>
      <c r="RWE137" s="23"/>
      <c r="RWF137" s="23"/>
      <c r="RWG137" s="23"/>
      <c r="RWH137" s="23"/>
      <c r="RWI137" s="23"/>
      <c r="RWJ137" s="23"/>
      <c r="RWK137" s="23"/>
      <c r="RWL137" s="23"/>
      <c r="RWM137" s="23"/>
      <c r="RWN137" s="23"/>
      <c r="RWO137" s="23"/>
      <c r="RWP137" s="23"/>
      <c r="RWQ137" s="23"/>
      <c r="RWR137" s="23"/>
      <c r="RWS137" s="23"/>
      <c r="RWT137" s="23"/>
      <c r="RWU137" s="23"/>
      <c r="RWV137" s="23"/>
      <c r="RWW137" s="23"/>
      <c r="RWX137" s="23"/>
      <c r="RWY137" s="23"/>
      <c r="RWZ137" s="23"/>
      <c r="RXA137" s="23"/>
      <c r="RXB137" s="23"/>
      <c r="RXC137" s="23"/>
      <c r="RXD137" s="23"/>
      <c r="RXE137" s="23"/>
      <c r="RXF137" s="23"/>
      <c r="RXG137" s="23"/>
      <c r="RXH137" s="23"/>
      <c r="RXI137" s="23"/>
      <c r="RXJ137" s="23"/>
      <c r="RXK137" s="23"/>
      <c r="RXL137" s="23"/>
      <c r="RXM137" s="23"/>
      <c r="RXN137" s="23"/>
      <c r="RXO137" s="23"/>
      <c r="RXP137" s="23"/>
      <c r="RXQ137" s="23"/>
      <c r="RXR137" s="23"/>
      <c r="RXS137" s="23"/>
      <c r="RXT137" s="23"/>
      <c r="RXU137" s="23"/>
      <c r="RXV137" s="23"/>
      <c r="RXW137" s="23"/>
      <c r="RXX137" s="23"/>
      <c r="RXY137" s="23"/>
      <c r="RXZ137" s="23"/>
      <c r="RYA137" s="23"/>
      <c r="RYB137" s="23"/>
      <c r="RYC137" s="23"/>
      <c r="RYD137" s="23"/>
      <c r="RYE137" s="23"/>
      <c r="RYF137" s="23"/>
      <c r="RYG137" s="23"/>
      <c r="RYH137" s="23"/>
      <c r="RYI137" s="23"/>
      <c r="RYJ137" s="23"/>
      <c r="RYK137" s="23"/>
      <c r="RYL137" s="23"/>
      <c r="RYM137" s="23"/>
      <c r="RYN137" s="23"/>
      <c r="RYO137" s="23"/>
      <c r="RYP137" s="23"/>
      <c r="RYQ137" s="23"/>
      <c r="RYR137" s="23"/>
      <c r="RYS137" s="23"/>
      <c r="RYT137" s="23"/>
      <c r="RYU137" s="23"/>
      <c r="RYV137" s="23"/>
      <c r="RYW137" s="23"/>
      <c r="RYX137" s="23"/>
      <c r="RYY137" s="23"/>
      <c r="RYZ137" s="23"/>
      <c r="RZA137" s="23"/>
      <c r="RZB137" s="23"/>
      <c r="RZC137" s="23"/>
      <c r="RZD137" s="23"/>
      <c r="RZE137" s="23"/>
      <c r="RZF137" s="23"/>
      <c r="RZG137" s="23"/>
      <c r="RZH137" s="23"/>
      <c r="RZI137" s="23"/>
      <c r="RZJ137" s="23"/>
      <c r="RZK137" s="23"/>
      <c r="RZL137" s="23"/>
      <c r="RZM137" s="23"/>
      <c r="RZN137" s="23"/>
      <c r="RZO137" s="23"/>
      <c r="RZP137" s="23"/>
      <c r="RZQ137" s="23"/>
      <c r="RZR137" s="23"/>
      <c r="RZS137" s="23"/>
      <c r="RZT137" s="23"/>
      <c r="RZU137" s="23"/>
      <c r="RZV137" s="23"/>
      <c r="RZW137" s="23"/>
      <c r="RZX137" s="23"/>
      <c r="RZY137" s="23"/>
      <c r="RZZ137" s="23"/>
      <c r="SAA137" s="23"/>
      <c r="SAB137" s="23"/>
      <c r="SAC137" s="23"/>
      <c r="SAD137" s="23"/>
      <c r="SAE137" s="23"/>
      <c r="SAF137" s="23"/>
      <c r="SAG137" s="23"/>
      <c r="SAH137" s="23"/>
      <c r="SAI137" s="23"/>
      <c r="SAJ137" s="23"/>
      <c r="SAK137" s="23"/>
      <c r="SAL137" s="23"/>
      <c r="SAM137" s="23"/>
      <c r="SAN137" s="23"/>
      <c r="SAO137" s="23"/>
      <c r="SAP137" s="23"/>
      <c r="SAQ137" s="23"/>
      <c r="SAR137" s="23"/>
      <c r="SAS137" s="23"/>
      <c r="SAT137" s="23"/>
      <c r="SAU137" s="23"/>
      <c r="SAV137" s="23"/>
      <c r="SAW137" s="23"/>
      <c r="SAX137" s="23"/>
      <c r="SAY137" s="23"/>
      <c r="SAZ137" s="23"/>
      <c r="SBA137" s="23"/>
      <c r="SBB137" s="23"/>
      <c r="SBC137" s="23"/>
      <c r="SBD137" s="23"/>
      <c r="SBE137" s="23"/>
      <c r="SBF137" s="23"/>
      <c r="SBG137" s="23"/>
      <c r="SBH137" s="23"/>
      <c r="SBI137" s="23"/>
      <c r="SBJ137" s="23"/>
      <c r="SBK137" s="23"/>
      <c r="SBL137" s="23"/>
      <c r="SBM137" s="23"/>
      <c r="SBN137" s="23"/>
      <c r="SBO137" s="23"/>
      <c r="SBP137" s="23"/>
      <c r="SBQ137" s="23"/>
      <c r="SBR137" s="23"/>
      <c r="SBS137" s="23"/>
      <c r="SBT137" s="23"/>
      <c r="SBU137" s="23"/>
      <c r="SBV137" s="23"/>
      <c r="SBW137" s="23"/>
      <c r="SBX137" s="23"/>
      <c r="SBY137" s="23"/>
      <c r="SBZ137" s="23"/>
      <c r="SCA137" s="23"/>
      <c r="SCB137" s="23"/>
      <c r="SCC137" s="23"/>
      <c r="SCD137" s="23"/>
      <c r="SCE137" s="23"/>
      <c r="SCF137" s="23"/>
      <c r="SCG137" s="23"/>
      <c r="SCH137" s="23"/>
      <c r="SCI137" s="23"/>
      <c r="SCJ137" s="23"/>
      <c r="SCK137" s="23"/>
      <c r="SCL137" s="23"/>
      <c r="SCM137" s="23"/>
      <c r="SCN137" s="23"/>
      <c r="SCO137" s="23"/>
      <c r="SCP137" s="23"/>
      <c r="SCQ137" s="23"/>
      <c r="SCR137" s="23"/>
      <c r="SCS137" s="23"/>
      <c r="SCT137" s="23"/>
      <c r="SCU137" s="23"/>
      <c r="SCV137" s="23"/>
      <c r="SCW137" s="23"/>
      <c r="SCX137" s="23"/>
      <c r="SCY137" s="23"/>
      <c r="SCZ137" s="23"/>
      <c r="SDA137" s="23"/>
      <c r="SDB137" s="23"/>
      <c r="SDC137" s="23"/>
      <c r="SDD137" s="23"/>
      <c r="SDE137" s="23"/>
      <c r="SDF137" s="23"/>
      <c r="SDG137" s="23"/>
      <c r="SDH137" s="23"/>
      <c r="SDI137" s="23"/>
      <c r="SDJ137" s="23"/>
      <c r="SDK137" s="23"/>
      <c r="SDL137" s="23"/>
      <c r="SDM137" s="23"/>
      <c r="SDN137" s="23"/>
      <c r="SDO137" s="23"/>
      <c r="SDP137" s="23"/>
      <c r="SDQ137" s="23"/>
      <c r="SDR137" s="23"/>
      <c r="SDS137" s="23"/>
      <c r="SDT137" s="23"/>
      <c r="SDU137" s="23"/>
      <c r="SDV137" s="23"/>
      <c r="SDW137" s="23"/>
      <c r="SDX137" s="23"/>
      <c r="SDY137" s="23"/>
      <c r="SDZ137" s="23"/>
      <c r="SEA137" s="23"/>
      <c r="SEB137" s="23"/>
      <c r="SEC137" s="23"/>
      <c r="SED137" s="23"/>
      <c r="SEE137" s="23"/>
      <c r="SEF137" s="23"/>
      <c r="SEG137" s="23"/>
      <c r="SEH137" s="23"/>
      <c r="SEI137" s="23"/>
      <c r="SEJ137" s="23"/>
      <c r="SEK137" s="23"/>
      <c r="SEL137" s="23"/>
      <c r="SEM137" s="23"/>
      <c r="SEN137" s="23"/>
      <c r="SEO137" s="23"/>
      <c r="SEP137" s="23"/>
      <c r="SEQ137" s="23"/>
      <c r="SER137" s="23"/>
      <c r="SES137" s="23"/>
      <c r="SET137" s="23"/>
      <c r="SEU137" s="23"/>
      <c r="SEV137" s="23"/>
      <c r="SEW137" s="23"/>
      <c r="SEX137" s="23"/>
      <c r="SEY137" s="23"/>
      <c r="SEZ137" s="23"/>
      <c r="SFA137" s="23"/>
      <c r="SFB137" s="23"/>
      <c r="SFC137" s="23"/>
      <c r="SFD137" s="23"/>
      <c r="SFE137" s="23"/>
      <c r="SFF137" s="23"/>
      <c r="SFG137" s="23"/>
      <c r="SFH137" s="23"/>
      <c r="SFI137" s="23"/>
      <c r="SFJ137" s="23"/>
      <c r="SFK137" s="23"/>
      <c r="SFL137" s="23"/>
      <c r="SFM137" s="23"/>
      <c r="SFN137" s="23"/>
      <c r="SFO137" s="23"/>
      <c r="SFP137" s="23"/>
      <c r="SFQ137" s="23"/>
      <c r="SFR137" s="23"/>
      <c r="SFS137" s="23"/>
      <c r="SFT137" s="23"/>
      <c r="SFU137" s="23"/>
      <c r="SFV137" s="23"/>
      <c r="SFW137" s="23"/>
      <c r="SFX137" s="23"/>
      <c r="SFY137" s="23"/>
      <c r="SFZ137" s="23"/>
      <c r="SGA137" s="23"/>
      <c r="SGB137" s="23"/>
      <c r="SGC137" s="23"/>
      <c r="SGD137" s="23"/>
      <c r="SGE137" s="23"/>
      <c r="SGF137" s="23"/>
      <c r="SGG137" s="23"/>
      <c r="SGH137" s="23"/>
      <c r="SGI137" s="23"/>
      <c r="SGJ137" s="23"/>
      <c r="SGK137" s="23"/>
      <c r="SGL137" s="23"/>
      <c r="SGM137" s="23"/>
      <c r="SGN137" s="23"/>
      <c r="SGO137" s="23"/>
      <c r="SGP137" s="23"/>
      <c r="SGQ137" s="23"/>
      <c r="SGR137" s="23"/>
      <c r="SGS137" s="23"/>
      <c r="SGT137" s="23"/>
      <c r="SGU137" s="23"/>
      <c r="SGV137" s="23"/>
      <c r="SGW137" s="23"/>
      <c r="SGX137" s="23"/>
      <c r="SGY137" s="23"/>
      <c r="SGZ137" s="23"/>
      <c r="SHA137" s="23"/>
      <c r="SHB137" s="23"/>
      <c r="SHC137" s="23"/>
      <c r="SHD137" s="23"/>
      <c r="SHE137" s="23"/>
      <c r="SHF137" s="23"/>
      <c r="SHG137" s="23"/>
      <c r="SHH137" s="23"/>
      <c r="SHI137" s="23"/>
      <c r="SHJ137" s="23"/>
      <c r="SHK137" s="23"/>
      <c r="SHL137" s="23"/>
      <c r="SHM137" s="23"/>
      <c r="SHN137" s="23"/>
      <c r="SHO137" s="23"/>
      <c r="SHP137" s="23"/>
      <c r="SHQ137" s="23"/>
      <c r="SHR137" s="23"/>
      <c r="SHS137" s="23"/>
      <c r="SHT137" s="23"/>
      <c r="SHU137" s="23"/>
      <c r="SHV137" s="23"/>
      <c r="SHW137" s="23"/>
      <c r="SHX137" s="23"/>
      <c r="SHY137" s="23"/>
      <c r="SHZ137" s="23"/>
      <c r="SIA137" s="23"/>
      <c r="SIB137" s="23"/>
      <c r="SIC137" s="23"/>
      <c r="SID137" s="23"/>
      <c r="SIE137" s="23"/>
      <c r="SIF137" s="23"/>
      <c r="SIG137" s="23"/>
      <c r="SIH137" s="23"/>
      <c r="SII137" s="23"/>
      <c r="SIJ137" s="23"/>
      <c r="SIK137" s="23"/>
      <c r="SIL137" s="23"/>
      <c r="SIM137" s="23"/>
      <c r="SIN137" s="23"/>
      <c r="SIO137" s="23"/>
      <c r="SIP137" s="23"/>
      <c r="SIQ137" s="23"/>
      <c r="SIR137" s="23"/>
      <c r="SIS137" s="23"/>
      <c r="SIT137" s="23"/>
      <c r="SIU137" s="23"/>
      <c r="SIV137" s="23"/>
      <c r="SIW137" s="23"/>
      <c r="SIX137" s="23"/>
      <c r="SIY137" s="23"/>
      <c r="SIZ137" s="23"/>
      <c r="SJA137" s="23"/>
      <c r="SJB137" s="23"/>
      <c r="SJC137" s="23"/>
      <c r="SJD137" s="23"/>
      <c r="SJE137" s="23"/>
      <c r="SJF137" s="23"/>
      <c r="SJG137" s="23"/>
      <c r="SJH137" s="23"/>
      <c r="SJI137" s="23"/>
      <c r="SJJ137" s="23"/>
      <c r="SJK137" s="23"/>
      <c r="SJL137" s="23"/>
      <c r="SJM137" s="23"/>
      <c r="SJN137" s="23"/>
      <c r="SJO137" s="23"/>
      <c r="SJP137" s="23"/>
      <c r="SJQ137" s="23"/>
      <c r="SJR137" s="23"/>
      <c r="SJS137" s="23"/>
      <c r="SJT137" s="23"/>
      <c r="SJU137" s="23"/>
      <c r="SJV137" s="23"/>
      <c r="SJW137" s="23"/>
      <c r="SJX137" s="23"/>
      <c r="SJY137" s="23"/>
      <c r="SJZ137" s="23"/>
      <c r="SKA137" s="23"/>
      <c r="SKB137" s="23"/>
      <c r="SKC137" s="23"/>
      <c r="SKD137" s="23"/>
      <c r="SKE137" s="23"/>
      <c r="SKF137" s="23"/>
      <c r="SKG137" s="23"/>
      <c r="SKH137" s="23"/>
      <c r="SKI137" s="23"/>
      <c r="SKJ137" s="23"/>
      <c r="SKK137" s="23"/>
      <c r="SKL137" s="23"/>
      <c r="SKM137" s="23"/>
      <c r="SKN137" s="23"/>
      <c r="SKO137" s="23"/>
      <c r="SKP137" s="23"/>
      <c r="SKQ137" s="23"/>
      <c r="SKR137" s="23"/>
      <c r="SKS137" s="23"/>
      <c r="SKT137" s="23"/>
      <c r="SKU137" s="23"/>
      <c r="SKV137" s="23"/>
      <c r="SKW137" s="23"/>
      <c r="SKX137" s="23"/>
      <c r="SKY137" s="23"/>
      <c r="SKZ137" s="23"/>
      <c r="SLA137" s="23"/>
      <c r="SLB137" s="23"/>
      <c r="SLC137" s="23"/>
      <c r="SLD137" s="23"/>
      <c r="SLE137" s="23"/>
      <c r="SLF137" s="23"/>
      <c r="SLG137" s="23"/>
      <c r="SLH137" s="23"/>
      <c r="SLI137" s="23"/>
      <c r="SLJ137" s="23"/>
      <c r="SLK137" s="23"/>
      <c r="SLL137" s="23"/>
      <c r="SLM137" s="23"/>
      <c r="SLN137" s="23"/>
      <c r="SLO137" s="23"/>
      <c r="SLP137" s="23"/>
      <c r="SLQ137" s="23"/>
      <c r="SLR137" s="23"/>
      <c r="SLS137" s="23"/>
      <c r="SLT137" s="23"/>
      <c r="SLU137" s="23"/>
      <c r="SLV137" s="23"/>
      <c r="SLW137" s="23"/>
      <c r="SLX137" s="23"/>
      <c r="SLY137" s="23"/>
      <c r="SLZ137" s="23"/>
      <c r="SMA137" s="23"/>
      <c r="SMB137" s="23"/>
      <c r="SMC137" s="23"/>
      <c r="SMD137" s="23"/>
      <c r="SME137" s="23"/>
      <c r="SMF137" s="23"/>
      <c r="SMG137" s="23"/>
      <c r="SMH137" s="23"/>
      <c r="SMI137" s="23"/>
      <c r="SMJ137" s="23"/>
      <c r="SMK137" s="23"/>
      <c r="SML137" s="23"/>
      <c r="SMM137" s="23"/>
      <c r="SMN137" s="23"/>
      <c r="SMO137" s="23"/>
      <c r="SMP137" s="23"/>
      <c r="SMQ137" s="23"/>
      <c r="SMR137" s="23"/>
      <c r="SMS137" s="23"/>
      <c r="SMT137" s="23"/>
      <c r="SMU137" s="23"/>
      <c r="SMV137" s="23"/>
      <c r="SMW137" s="23"/>
      <c r="SMX137" s="23"/>
      <c r="SMY137" s="23"/>
      <c r="SMZ137" s="23"/>
      <c r="SNA137" s="23"/>
      <c r="SNB137" s="23"/>
      <c r="SNC137" s="23"/>
      <c r="SND137" s="23"/>
      <c r="SNE137" s="23"/>
      <c r="SNF137" s="23"/>
      <c r="SNG137" s="23"/>
      <c r="SNH137" s="23"/>
      <c r="SNI137" s="23"/>
      <c r="SNJ137" s="23"/>
      <c r="SNK137" s="23"/>
      <c r="SNL137" s="23"/>
      <c r="SNM137" s="23"/>
      <c r="SNN137" s="23"/>
      <c r="SNO137" s="23"/>
      <c r="SNP137" s="23"/>
      <c r="SNQ137" s="23"/>
      <c r="SNR137" s="23"/>
      <c r="SNS137" s="23"/>
      <c r="SNT137" s="23"/>
      <c r="SNU137" s="23"/>
      <c r="SNV137" s="23"/>
      <c r="SNW137" s="23"/>
      <c r="SNX137" s="23"/>
      <c r="SNY137" s="23"/>
      <c r="SNZ137" s="23"/>
      <c r="SOA137" s="23"/>
      <c r="SOB137" s="23"/>
      <c r="SOC137" s="23"/>
      <c r="SOD137" s="23"/>
      <c r="SOE137" s="23"/>
      <c r="SOF137" s="23"/>
      <c r="SOG137" s="23"/>
      <c r="SOH137" s="23"/>
      <c r="SOI137" s="23"/>
      <c r="SOJ137" s="23"/>
      <c r="SOK137" s="23"/>
      <c r="SOL137" s="23"/>
      <c r="SOM137" s="23"/>
      <c r="SON137" s="23"/>
      <c r="SOO137" s="23"/>
      <c r="SOP137" s="23"/>
      <c r="SOQ137" s="23"/>
      <c r="SOR137" s="23"/>
      <c r="SOS137" s="23"/>
      <c r="SOT137" s="23"/>
      <c r="SOU137" s="23"/>
      <c r="SOV137" s="23"/>
      <c r="SOW137" s="23"/>
      <c r="SOX137" s="23"/>
      <c r="SOY137" s="23"/>
      <c r="SOZ137" s="23"/>
      <c r="SPA137" s="23"/>
      <c r="SPB137" s="23"/>
      <c r="SPC137" s="23"/>
      <c r="SPD137" s="23"/>
      <c r="SPE137" s="23"/>
      <c r="SPF137" s="23"/>
      <c r="SPG137" s="23"/>
      <c r="SPH137" s="23"/>
      <c r="SPI137" s="23"/>
      <c r="SPJ137" s="23"/>
      <c r="SPK137" s="23"/>
      <c r="SPL137" s="23"/>
      <c r="SPM137" s="23"/>
      <c r="SPN137" s="23"/>
      <c r="SPO137" s="23"/>
      <c r="SPP137" s="23"/>
      <c r="SPQ137" s="23"/>
      <c r="SPR137" s="23"/>
      <c r="SPS137" s="23"/>
      <c r="SPT137" s="23"/>
      <c r="SPU137" s="23"/>
      <c r="SPV137" s="23"/>
      <c r="SPW137" s="23"/>
      <c r="SPX137" s="23"/>
      <c r="SPY137" s="23"/>
      <c r="SPZ137" s="23"/>
      <c r="SQA137" s="23"/>
      <c r="SQB137" s="23"/>
      <c r="SQC137" s="23"/>
      <c r="SQD137" s="23"/>
      <c r="SQE137" s="23"/>
      <c r="SQF137" s="23"/>
      <c r="SQG137" s="23"/>
      <c r="SQH137" s="23"/>
      <c r="SQI137" s="23"/>
      <c r="SQJ137" s="23"/>
      <c r="SQK137" s="23"/>
      <c r="SQL137" s="23"/>
      <c r="SQM137" s="23"/>
      <c r="SQN137" s="23"/>
      <c r="SQO137" s="23"/>
      <c r="SQP137" s="23"/>
      <c r="SQQ137" s="23"/>
      <c r="SQR137" s="23"/>
      <c r="SQS137" s="23"/>
      <c r="SQT137" s="23"/>
      <c r="SQU137" s="23"/>
      <c r="SQV137" s="23"/>
      <c r="SQW137" s="23"/>
      <c r="SQX137" s="23"/>
      <c r="SQY137" s="23"/>
      <c r="SQZ137" s="23"/>
      <c r="SRA137" s="23"/>
      <c r="SRB137" s="23"/>
      <c r="SRC137" s="23"/>
      <c r="SRD137" s="23"/>
      <c r="SRE137" s="23"/>
      <c r="SRF137" s="23"/>
      <c r="SRG137" s="23"/>
      <c r="SRH137" s="23"/>
      <c r="SRI137" s="23"/>
      <c r="SRJ137" s="23"/>
      <c r="SRK137" s="23"/>
      <c r="SRL137" s="23"/>
      <c r="SRM137" s="23"/>
      <c r="SRN137" s="23"/>
      <c r="SRO137" s="23"/>
      <c r="SRP137" s="23"/>
      <c r="SRQ137" s="23"/>
      <c r="SRR137" s="23"/>
      <c r="SRS137" s="23"/>
      <c r="SRT137" s="23"/>
      <c r="SRU137" s="23"/>
      <c r="SRV137" s="23"/>
      <c r="SRW137" s="23"/>
      <c r="SRX137" s="23"/>
      <c r="SRY137" s="23"/>
      <c r="SRZ137" s="23"/>
      <c r="SSA137" s="23"/>
      <c r="SSB137" s="23"/>
      <c r="SSC137" s="23"/>
      <c r="SSD137" s="23"/>
      <c r="SSE137" s="23"/>
      <c r="SSF137" s="23"/>
      <c r="SSG137" s="23"/>
      <c r="SSH137" s="23"/>
      <c r="SSI137" s="23"/>
      <c r="SSJ137" s="23"/>
      <c r="SSK137" s="23"/>
      <c r="SSL137" s="23"/>
      <c r="SSM137" s="23"/>
      <c r="SSN137" s="23"/>
      <c r="SSO137" s="23"/>
      <c r="SSP137" s="23"/>
      <c r="SSQ137" s="23"/>
      <c r="SSR137" s="23"/>
      <c r="SSS137" s="23"/>
      <c r="SST137" s="23"/>
      <c r="SSU137" s="23"/>
      <c r="SSV137" s="23"/>
      <c r="SSW137" s="23"/>
      <c r="SSX137" s="23"/>
      <c r="SSY137" s="23"/>
      <c r="SSZ137" s="23"/>
      <c r="STA137" s="23"/>
      <c r="STB137" s="23"/>
      <c r="STC137" s="23"/>
      <c r="STD137" s="23"/>
      <c r="STE137" s="23"/>
      <c r="STF137" s="23"/>
      <c r="STG137" s="23"/>
      <c r="STH137" s="23"/>
      <c r="STI137" s="23"/>
      <c r="STJ137" s="23"/>
      <c r="STK137" s="23"/>
      <c r="STL137" s="23"/>
      <c r="STM137" s="23"/>
      <c r="STN137" s="23"/>
      <c r="STO137" s="23"/>
      <c r="STP137" s="23"/>
      <c r="STQ137" s="23"/>
      <c r="STR137" s="23"/>
      <c r="STS137" s="23"/>
      <c r="STT137" s="23"/>
      <c r="STU137" s="23"/>
      <c r="STV137" s="23"/>
      <c r="STW137" s="23"/>
      <c r="STX137" s="23"/>
      <c r="STY137" s="23"/>
      <c r="STZ137" s="23"/>
      <c r="SUA137" s="23"/>
      <c r="SUB137" s="23"/>
      <c r="SUC137" s="23"/>
      <c r="SUD137" s="23"/>
      <c r="SUE137" s="23"/>
      <c r="SUF137" s="23"/>
      <c r="SUG137" s="23"/>
      <c r="SUH137" s="23"/>
      <c r="SUI137" s="23"/>
      <c r="SUJ137" s="23"/>
      <c r="SUK137" s="23"/>
      <c r="SUL137" s="23"/>
      <c r="SUM137" s="23"/>
      <c r="SUN137" s="23"/>
      <c r="SUO137" s="23"/>
      <c r="SUP137" s="23"/>
      <c r="SUQ137" s="23"/>
      <c r="SUR137" s="23"/>
      <c r="SUS137" s="23"/>
      <c r="SUT137" s="23"/>
      <c r="SUU137" s="23"/>
      <c r="SUV137" s="23"/>
      <c r="SUW137" s="23"/>
      <c r="SUX137" s="23"/>
      <c r="SUY137" s="23"/>
      <c r="SUZ137" s="23"/>
      <c r="SVA137" s="23"/>
      <c r="SVB137" s="23"/>
      <c r="SVC137" s="23"/>
      <c r="SVD137" s="23"/>
      <c r="SVE137" s="23"/>
      <c r="SVF137" s="23"/>
      <c r="SVG137" s="23"/>
      <c r="SVH137" s="23"/>
      <c r="SVI137" s="23"/>
      <c r="SVJ137" s="23"/>
      <c r="SVK137" s="23"/>
      <c r="SVL137" s="23"/>
      <c r="SVM137" s="23"/>
      <c r="SVN137" s="23"/>
      <c r="SVO137" s="23"/>
      <c r="SVP137" s="23"/>
      <c r="SVQ137" s="23"/>
      <c r="SVR137" s="23"/>
      <c r="SVS137" s="23"/>
      <c r="SVT137" s="23"/>
      <c r="SVU137" s="23"/>
      <c r="SVV137" s="23"/>
      <c r="SVW137" s="23"/>
      <c r="SVX137" s="23"/>
      <c r="SVY137" s="23"/>
      <c r="SVZ137" s="23"/>
      <c r="SWA137" s="23"/>
      <c r="SWB137" s="23"/>
      <c r="SWC137" s="23"/>
      <c r="SWD137" s="23"/>
      <c r="SWE137" s="23"/>
      <c r="SWF137" s="23"/>
      <c r="SWG137" s="23"/>
      <c r="SWH137" s="23"/>
      <c r="SWI137" s="23"/>
      <c r="SWJ137" s="23"/>
      <c r="SWK137" s="23"/>
      <c r="SWL137" s="23"/>
      <c r="SWM137" s="23"/>
      <c r="SWN137" s="23"/>
      <c r="SWO137" s="23"/>
      <c r="SWP137" s="23"/>
      <c r="SWQ137" s="23"/>
      <c r="SWR137" s="23"/>
      <c r="SWS137" s="23"/>
      <c r="SWT137" s="23"/>
      <c r="SWU137" s="23"/>
      <c r="SWV137" s="23"/>
      <c r="SWW137" s="23"/>
      <c r="SWX137" s="23"/>
      <c r="SWY137" s="23"/>
      <c r="SWZ137" s="23"/>
      <c r="SXA137" s="23"/>
      <c r="SXB137" s="23"/>
      <c r="SXC137" s="23"/>
      <c r="SXD137" s="23"/>
      <c r="SXE137" s="23"/>
      <c r="SXF137" s="23"/>
      <c r="SXG137" s="23"/>
      <c r="SXH137" s="23"/>
      <c r="SXI137" s="23"/>
      <c r="SXJ137" s="23"/>
      <c r="SXK137" s="23"/>
      <c r="SXL137" s="23"/>
      <c r="SXM137" s="23"/>
      <c r="SXN137" s="23"/>
      <c r="SXO137" s="23"/>
      <c r="SXP137" s="23"/>
      <c r="SXQ137" s="23"/>
      <c r="SXR137" s="23"/>
      <c r="SXS137" s="23"/>
      <c r="SXT137" s="23"/>
      <c r="SXU137" s="23"/>
      <c r="SXV137" s="23"/>
      <c r="SXW137" s="23"/>
      <c r="SXX137" s="23"/>
      <c r="SXY137" s="23"/>
      <c r="SXZ137" s="23"/>
      <c r="SYA137" s="23"/>
      <c r="SYB137" s="23"/>
      <c r="SYC137" s="23"/>
      <c r="SYD137" s="23"/>
      <c r="SYE137" s="23"/>
      <c r="SYF137" s="23"/>
      <c r="SYG137" s="23"/>
      <c r="SYH137" s="23"/>
      <c r="SYI137" s="23"/>
      <c r="SYJ137" s="23"/>
      <c r="SYK137" s="23"/>
      <c r="SYL137" s="23"/>
      <c r="SYM137" s="23"/>
      <c r="SYN137" s="23"/>
      <c r="SYO137" s="23"/>
      <c r="SYP137" s="23"/>
      <c r="SYQ137" s="23"/>
      <c r="SYR137" s="23"/>
      <c r="SYS137" s="23"/>
      <c r="SYT137" s="23"/>
      <c r="SYU137" s="23"/>
      <c r="SYV137" s="23"/>
      <c r="SYW137" s="23"/>
      <c r="SYX137" s="23"/>
      <c r="SYY137" s="23"/>
      <c r="SYZ137" s="23"/>
      <c r="SZA137" s="23"/>
      <c r="SZB137" s="23"/>
      <c r="SZC137" s="23"/>
      <c r="SZD137" s="23"/>
      <c r="SZE137" s="23"/>
      <c r="SZF137" s="23"/>
      <c r="SZG137" s="23"/>
      <c r="SZH137" s="23"/>
      <c r="SZI137" s="23"/>
      <c r="SZJ137" s="23"/>
      <c r="SZK137" s="23"/>
      <c r="SZL137" s="23"/>
      <c r="SZM137" s="23"/>
      <c r="SZN137" s="23"/>
      <c r="SZO137" s="23"/>
      <c r="SZP137" s="23"/>
      <c r="SZQ137" s="23"/>
      <c r="SZR137" s="23"/>
      <c r="SZS137" s="23"/>
      <c r="SZT137" s="23"/>
      <c r="SZU137" s="23"/>
      <c r="SZV137" s="23"/>
      <c r="SZW137" s="23"/>
      <c r="SZX137" s="23"/>
      <c r="SZY137" s="23"/>
      <c r="SZZ137" s="23"/>
      <c r="TAA137" s="23"/>
      <c r="TAB137" s="23"/>
      <c r="TAC137" s="23"/>
      <c r="TAD137" s="23"/>
      <c r="TAE137" s="23"/>
      <c r="TAF137" s="23"/>
      <c r="TAG137" s="23"/>
      <c r="TAH137" s="23"/>
      <c r="TAI137" s="23"/>
      <c r="TAJ137" s="23"/>
      <c r="TAK137" s="23"/>
      <c r="TAL137" s="23"/>
      <c r="TAM137" s="23"/>
      <c r="TAN137" s="23"/>
      <c r="TAO137" s="23"/>
      <c r="TAP137" s="23"/>
      <c r="TAQ137" s="23"/>
      <c r="TAR137" s="23"/>
      <c r="TAS137" s="23"/>
      <c r="TAT137" s="23"/>
      <c r="TAU137" s="23"/>
      <c r="TAV137" s="23"/>
      <c r="TAW137" s="23"/>
      <c r="TAX137" s="23"/>
      <c r="TAY137" s="23"/>
      <c r="TAZ137" s="23"/>
      <c r="TBA137" s="23"/>
      <c r="TBB137" s="23"/>
      <c r="TBC137" s="23"/>
      <c r="TBD137" s="23"/>
      <c r="TBE137" s="23"/>
      <c r="TBF137" s="23"/>
      <c r="TBG137" s="23"/>
      <c r="TBH137" s="23"/>
      <c r="TBI137" s="23"/>
      <c r="TBJ137" s="23"/>
      <c r="TBK137" s="23"/>
      <c r="TBL137" s="23"/>
      <c r="TBM137" s="23"/>
      <c r="TBN137" s="23"/>
      <c r="TBO137" s="23"/>
      <c r="TBP137" s="23"/>
      <c r="TBQ137" s="23"/>
      <c r="TBR137" s="23"/>
      <c r="TBS137" s="23"/>
      <c r="TBT137" s="23"/>
      <c r="TBU137" s="23"/>
      <c r="TBV137" s="23"/>
      <c r="TBW137" s="23"/>
      <c r="TBX137" s="23"/>
      <c r="TBY137" s="23"/>
      <c r="TBZ137" s="23"/>
      <c r="TCA137" s="23"/>
      <c r="TCB137" s="23"/>
      <c r="TCC137" s="23"/>
      <c r="TCD137" s="23"/>
      <c r="TCE137" s="23"/>
      <c r="TCF137" s="23"/>
      <c r="TCG137" s="23"/>
      <c r="TCH137" s="23"/>
      <c r="TCI137" s="23"/>
      <c r="TCJ137" s="23"/>
      <c r="TCK137" s="23"/>
      <c r="TCL137" s="23"/>
      <c r="TCM137" s="23"/>
      <c r="TCN137" s="23"/>
      <c r="TCO137" s="23"/>
      <c r="TCP137" s="23"/>
      <c r="TCQ137" s="23"/>
      <c r="TCR137" s="23"/>
      <c r="TCS137" s="23"/>
      <c r="TCT137" s="23"/>
      <c r="TCU137" s="23"/>
      <c r="TCV137" s="23"/>
      <c r="TCW137" s="23"/>
      <c r="TCX137" s="23"/>
      <c r="TCY137" s="23"/>
      <c r="TCZ137" s="23"/>
      <c r="TDA137" s="23"/>
      <c r="TDB137" s="23"/>
      <c r="TDC137" s="23"/>
      <c r="TDD137" s="23"/>
      <c r="TDE137" s="23"/>
      <c r="TDF137" s="23"/>
      <c r="TDG137" s="23"/>
      <c r="TDH137" s="23"/>
      <c r="TDI137" s="23"/>
      <c r="TDJ137" s="23"/>
      <c r="TDK137" s="23"/>
      <c r="TDL137" s="23"/>
      <c r="TDM137" s="23"/>
      <c r="TDN137" s="23"/>
      <c r="TDO137" s="23"/>
      <c r="TDP137" s="23"/>
      <c r="TDQ137" s="23"/>
      <c r="TDR137" s="23"/>
      <c r="TDS137" s="23"/>
      <c r="TDT137" s="23"/>
      <c r="TDU137" s="23"/>
      <c r="TDV137" s="23"/>
      <c r="TDW137" s="23"/>
      <c r="TDX137" s="23"/>
      <c r="TDY137" s="23"/>
      <c r="TDZ137" s="23"/>
      <c r="TEA137" s="23"/>
      <c r="TEB137" s="23"/>
      <c r="TEC137" s="23"/>
      <c r="TED137" s="23"/>
      <c r="TEE137" s="23"/>
      <c r="TEF137" s="23"/>
      <c r="TEG137" s="23"/>
      <c r="TEH137" s="23"/>
      <c r="TEI137" s="23"/>
      <c r="TEJ137" s="23"/>
      <c r="TEK137" s="23"/>
      <c r="TEL137" s="23"/>
      <c r="TEM137" s="23"/>
      <c r="TEN137" s="23"/>
      <c r="TEO137" s="23"/>
      <c r="TEP137" s="23"/>
      <c r="TEQ137" s="23"/>
      <c r="TER137" s="23"/>
      <c r="TES137" s="23"/>
      <c r="TET137" s="23"/>
      <c r="TEU137" s="23"/>
      <c r="TEV137" s="23"/>
      <c r="TEW137" s="23"/>
      <c r="TEX137" s="23"/>
      <c r="TEY137" s="23"/>
      <c r="TEZ137" s="23"/>
      <c r="TFA137" s="23"/>
      <c r="TFB137" s="23"/>
      <c r="TFC137" s="23"/>
      <c r="TFD137" s="23"/>
      <c r="TFE137" s="23"/>
      <c r="TFF137" s="23"/>
      <c r="TFG137" s="23"/>
      <c r="TFH137" s="23"/>
      <c r="TFI137" s="23"/>
      <c r="TFJ137" s="23"/>
      <c r="TFK137" s="23"/>
      <c r="TFL137" s="23"/>
      <c r="TFM137" s="23"/>
      <c r="TFN137" s="23"/>
      <c r="TFO137" s="23"/>
      <c r="TFP137" s="23"/>
      <c r="TFQ137" s="23"/>
      <c r="TFR137" s="23"/>
      <c r="TFS137" s="23"/>
      <c r="TFT137" s="23"/>
      <c r="TFU137" s="23"/>
      <c r="TFV137" s="23"/>
      <c r="TFW137" s="23"/>
      <c r="TFX137" s="23"/>
      <c r="TFY137" s="23"/>
      <c r="TFZ137" s="23"/>
      <c r="TGA137" s="23"/>
      <c r="TGB137" s="23"/>
      <c r="TGC137" s="23"/>
      <c r="TGD137" s="23"/>
      <c r="TGE137" s="23"/>
      <c r="TGF137" s="23"/>
      <c r="TGG137" s="23"/>
      <c r="TGH137" s="23"/>
      <c r="TGI137" s="23"/>
      <c r="TGJ137" s="23"/>
      <c r="TGK137" s="23"/>
      <c r="TGL137" s="23"/>
      <c r="TGM137" s="23"/>
      <c r="TGN137" s="23"/>
      <c r="TGO137" s="23"/>
      <c r="TGP137" s="23"/>
      <c r="TGQ137" s="23"/>
      <c r="TGR137" s="23"/>
      <c r="TGS137" s="23"/>
      <c r="TGT137" s="23"/>
      <c r="TGU137" s="23"/>
      <c r="TGV137" s="23"/>
      <c r="TGW137" s="23"/>
      <c r="TGX137" s="23"/>
      <c r="TGY137" s="23"/>
      <c r="TGZ137" s="23"/>
      <c r="THA137" s="23"/>
      <c r="THB137" s="23"/>
      <c r="THC137" s="23"/>
      <c r="THD137" s="23"/>
      <c r="THE137" s="23"/>
      <c r="THF137" s="23"/>
      <c r="THG137" s="23"/>
      <c r="THH137" s="23"/>
      <c r="THI137" s="23"/>
      <c r="THJ137" s="23"/>
      <c r="THK137" s="23"/>
      <c r="THL137" s="23"/>
      <c r="THM137" s="23"/>
      <c r="THN137" s="23"/>
      <c r="THO137" s="23"/>
      <c r="THP137" s="23"/>
      <c r="THQ137" s="23"/>
      <c r="THR137" s="23"/>
      <c r="THS137" s="23"/>
      <c r="THT137" s="23"/>
      <c r="THU137" s="23"/>
      <c r="THV137" s="23"/>
      <c r="THW137" s="23"/>
      <c r="THX137" s="23"/>
      <c r="THY137" s="23"/>
      <c r="THZ137" s="23"/>
      <c r="TIA137" s="23"/>
      <c r="TIB137" s="23"/>
      <c r="TIC137" s="23"/>
      <c r="TID137" s="23"/>
      <c r="TIE137" s="23"/>
      <c r="TIF137" s="23"/>
      <c r="TIG137" s="23"/>
      <c r="TIH137" s="23"/>
      <c r="TII137" s="23"/>
      <c r="TIJ137" s="23"/>
      <c r="TIK137" s="23"/>
      <c r="TIL137" s="23"/>
      <c r="TIM137" s="23"/>
      <c r="TIN137" s="23"/>
      <c r="TIO137" s="23"/>
      <c r="TIP137" s="23"/>
      <c r="TIQ137" s="23"/>
      <c r="TIR137" s="23"/>
      <c r="TIS137" s="23"/>
      <c r="TIT137" s="23"/>
      <c r="TIU137" s="23"/>
      <c r="TIV137" s="23"/>
      <c r="TIW137" s="23"/>
      <c r="TIX137" s="23"/>
      <c r="TIY137" s="23"/>
      <c r="TIZ137" s="23"/>
      <c r="TJA137" s="23"/>
      <c r="TJB137" s="23"/>
      <c r="TJC137" s="23"/>
      <c r="TJD137" s="23"/>
      <c r="TJE137" s="23"/>
      <c r="TJF137" s="23"/>
      <c r="TJG137" s="23"/>
      <c r="TJH137" s="23"/>
      <c r="TJI137" s="23"/>
      <c r="TJJ137" s="23"/>
      <c r="TJK137" s="23"/>
      <c r="TJL137" s="23"/>
      <c r="TJM137" s="23"/>
      <c r="TJN137" s="23"/>
      <c r="TJO137" s="23"/>
      <c r="TJP137" s="23"/>
      <c r="TJQ137" s="23"/>
      <c r="TJR137" s="23"/>
      <c r="TJS137" s="23"/>
      <c r="TJT137" s="23"/>
      <c r="TJU137" s="23"/>
      <c r="TJV137" s="23"/>
      <c r="TJW137" s="23"/>
      <c r="TJX137" s="23"/>
      <c r="TJY137" s="23"/>
      <c r="TJZ137" s="23"/>
      <c r="TKA137" s="23"/>
      <c r="TKB137" s="23"/>
      <c r="TKC137" s="23"/>
      <c r="TKD137" s="23"/>
      <c r="TKE137" s="23"/>
      <c r="TKF137" s="23"/>
      <c r="TKG137" s="23"/>
      <c r="TKH137" s="23"/>
      <c r="TKI137" s="23"/>
      <c r="TKJ137" s="23"/>
      <c r="TKK137" s="23"/>
      <c r="TKL137" s="23"/>
      <c r="TKM137" s="23"/>
      <c r="TKN137" s="23"/>
      <c r="TKO137" s="23"/>
      <c r="TKP137" s="23"/>
      <c r="TKQ137" s="23"/>
      <c r="TKR137" s="23"/>
      <c r="TKS137" s="23"/>
      <c r="TKT137" s="23"/>
      <c r="TKU137" s="23"/>
      <c r="TKV137" s="23"/>
      <c r="TKW137" s="23"/>
      <c r="TKX137" s="23"/>
      <c r="TKY137" s="23"/>
      <c r="TKZ137" s="23"/>
      <c r="TLA137" s="23"/>
      <c r="TLB137" s="23"/>
      <c r="TLC137" s="23"/>
      <c r="TLD137" s="23"/>
      <c r="TLE137" s="23"/>
      <c r="TLF137" s="23"/>
      <c r="TLG137" s="23"/>
      <c r="TLH137" s="23"/>
      <c r="TLI137" s="23"/>
      <c r="TLJ137" s="23"/>
      <c r="TLK137" s="23"/>
      <c r="TLL137" s="23"/>
      <c r="TLM137" s="23"/>
      <c r="TLN137" s="23"/>
      <c r="TLO137" s="23"/>
      <c r="TLP137" s="23"/>
      <c r="TLQ137" s="23"/>
      <c r="TLR137" s="23"/>
      <c r="TLS137" s="23"/>
      <c r="TLT137" s="23"/>
      <c r="TLU137" s="23"/>
      <c r="TLV137" s="23"/>
      <c r="TLW137" s="23"/>
      <c r="TLX137" s="23"/>
      <c r="TLY137" s="23"/>
      <c r="TLZ137" s="23"/>
      <c r="TMA137" s="23"/>
      <c r="TMB137" s="23"/>
      <c r="TMC137" s="23"/>
      <c r="TMD137" s="23"/>
      <c r="TME137" s="23"/>
      <c r="TMF137" s="23"/>
      <c r="TMG137" s="23"/>
      <c r="TMH137" s="23"/>
      <c r="TMI137" s="23"/>
      <c r="TMJ137" s="23"/>
      <c r="TMK137" s="23"/>
      <c r="TML137" s="23"/>
      <c r="TMM137" s="23"/>
      <c r="TMN137" s="23"/>
      <c r="TMO137" s="23"/>
      <c r="TMP137" s="23"/>
      <c r="TMQ137" s="23"/>
      <c r="TMR137" s="23"/>
      <c r="TMS137" s="23"/>
      <c r="TMT137" s="23"/>
      <c r="TMU137" s="23"/>
      <c r="TMV137" s="23"/>
      <c r="TMW137" s="23"/>
      <c r="TMX137" s="23"/>
      <c r="TMY137" s="23"/>
      <c r="TMZ137" s="23"/>
      <c r="TNA137" s="23"/>
      <c r="TNB137" s="23"/>
      <c r="TNC137" s="23"/>
      <c r="TND137" s="23"/>
      <c r="TNE137" s="23"/>
      <c r="TNF137" s="23"/>
      <c r="TNG137" s="23"/>
      <c r="TNH137" s="23"/>
      <c r="TNI137" s="23"/>
      <c r="TNJ137" s="23"/>
      <c r="TNK137" s="23"/>
      <c r="TNL137" s="23"/>
      <c r="TNM137" s="23"/>
      <c r="TNN137" s="23"/>
      <c r="TNO137" s="23"/>
      <c r="TNP137" s="23"/>
      <c r="TNQ137" s="23"/>
      <c r="TNR137" s="23"/>
      <c r="TNS137" s="23"/>
      <c r="TNT137" s="23"/>
      <c r="TNU137" s="23"/>
      <c r="TNV137" s="23"/>
      <c r="TNW137" s="23"/>
      <c r="TNX137" s="23"/>
      <c r="TNY137" s="23"/>
      <c r="TNZ137" s="23"/>
      <c r="TOA137" s="23"/>
      <c r="TOB137" s="23"/>
      <c r="TOC137" s="23"/>
      <c r="TOD137" s="23"/>
      <c r="TOE137" s="23"/>
      <c r="TOF137" s="23"/>
      <c r="TOG137" s="23"/>
      <c r="TOH137" s="23"/>
      <c r="TOI137" s="23"/>
      <c r="TOJ137" s="23"/>
      <c r="TOK137" s="23"/>
      <c r="TOL137" s="23"/>
      <c r="TOM137" s="23"/>
      <c r="TON137" s="23"/>
      <c r="TOO137" s="23"/>
      <c r="TOP137" s="23"/>
      <c r="TOQ137" s="23"/>
      <c r="TOR137" s="23"/>
      <c r="TOS137" s="23"/>
      <c r="TOT137" s="23"/>
      <c r="TOU137" s="23"/>
      <c r="TOV137" s="23"/>
      <c r="TOW137" s="23"/>
      <c r="TOX137" s="23"/>
      <c r="TOY137" s="23"/>
      <c r="TOZ137" s="23"/>
      <c r="TPA137" s="23"/>
      <c r="TPB137" s="23"/>
      <c r="TPC137" s="23"/>
      <c r="TPD137" s="23"/>
      <c r="TPE137" s="23"/>
      <c r="TPF137" s="23"/>
      <c r="TPG137" s="23"/>
      <c r="TPH137" s="23"/>
      <c r="TPI137" s="23"/>
      <c r="TPJ137" s="23"/>
      <c r="TPK137" s="23"/>
      <c r="TPL137" s="23"/>
      <c r="TPM137" s="23"/>
      <c r="TPN137" s="23"/>
      <c r="TPO137" s="23"/>
      <c r="TPP137" s="23"/>
      <c r="TPQ137" s="23"/>
      <c r="TPR137" s="23"/>
      <c r="TPS137" s="23"/>
      <c r="TPT137" s="23"/>
      <c r="TPU137" s="23"/>
      <c r="TPV137" s="23"/>
      <c r="TPW137" s="23"/>
      <c r="TPX137" s="23"/>
      <c r="TPY137" s="23"/>
      <c r="TPZ137" s="23"/>
      <c r="TQA137" s="23"/>
      <c r="TQB137" s="23"/>
      <c r="TQC137" s="23"/>
      <c r="TQD137" s="23"/>
      <c r="TQE137" s="23"/>
      <c r="TQF137" s="23"/>
      <c r="TQG137" s="23"/>
      <c r="TQH137" s="23"/>
      <c r="TQI137" s="23"/>
      <c r="TQJ137" s="23"/>
      <c r="TQK137" s="23"/>
      <c r="TQL137" s="23"/>
      <c r="TQM137" s="23"/>
      <c r="TQN137" s="23"/>
      <c r="TQO137" s="23"/>
      <c r="TQP137" s="23"/>
      <c r="TQQ137" s="23"/>
      <c r="TQR137" s="23"/>
      <c r="TQS137" s="23"/>
      <c r="TQT137" s="23"/>
      <c r="TQU137" s="23"/>
      <c r="TQV137" s="23"/>
      <c r="TQW137" s="23"/>
      <c r="TQX137" s="23"/>
      <c r="TQY137" s="23"/>
      <c r="TQZ137" s="23"/>
      <c r="TRA137" s="23"/>
      <c r="TRB137" s="23"/>
      <c r="TRC137" s="23"/>
      <c r="TRD137" s="23"/>
      <c r="TRE137" s="23"/>
      <c r="TRF137" s="23"/>
      <c r="TRG137" s="23"/>
      <c r="TRH137" s="23"/>
      <c r="TRI137" s="23"/>
      <c r="TRJ137" s="23"/>
      <c r="TRK137" s="23"/>
      <c r="TRL137" s="23"/>
      <c r="TRM137" s="23"/>
      <c r="TRN137" s="23"/>
      <c r="TRO137" s="23"/>
      <c r="TRP137" s="23"/>
      <c r="TRQ137" s="23"/>
      <c r="TRR137" s="23"/>
      <c r="TRS137" s="23"/>
      <c r="TRT137" s="23"/>
      <c r="TRU137" s="23"/>
      <c r="TRV137" s="23"/>
      <c r="TRW137" s="23"/>
      <c r="TRX137" s="23"/>
      <c r="TRY137" s="23"/>
      <c r="TRZ137" s="23"/>
      <c r="TSA137" s="23"/>
      <c r="TSB137" s="23"/>
      <c r="TSC137" s="23"/>
      <c r="TSD137" s="23"/>
      <c r="TSE137" s="23"/>
      <c r="TSF137" s="23"/>
      <c r="TSG137" s="23"/>
      <c r="TSH137" s="23"/>
      <c r="TSI137" s="23"/>
      <c r="TSJ137" s="23"/>
      <c r="TSK137" s="23"/>
      <c r="TSL137" s="23"/>
      <c r="TSM137" s="23"/>
      <c r="TSN137" s="23"/>
      <c r="TSO137" s="23"/>
      <c r="TSP137" s="23"/>
      <c r="TSQ137" s="23"/>
      <c r="TSR137" s="23"/>
      <c r="TSS137" s="23"/>
      <c r="TST137" s="23"/>
      <c r="TSU137" s="23"/>
      <c r="TSV137" s="23"/>
      <c r="TSW137" s="23"/>
      <c r="TSX137" s="23"/>
      <c r="TSY137" s="23"/>
      <c r="TSZ137" s="23"/>
      <c r="TTA137" s="23"/>
      <c r="TTB137" s="23"/>
      <c r="TTC137" s="23"/>
      <c r="TTD137" s="23"/>
      <c r="TTE137" s="23"/>
      <c r="TTF137" s="23"/>
      <c r="TTG137" s="23"/>
      <c r="TTH137" s="23"/>
      <c r="TTI137" s="23"/>
      <c r="TTJ137" s="23"/>
      <c r="TTK137" s="23"/>
      <c r="TTL137" s="23"/>
      <c r="TTM137" s="23"/>
      <c r="TTN137" s="23"/>
      <c r="TTO137" s="23"/>
      <c r="TTP137" s="23"/>
      <c r="TTQ137" s="23"/>
      <c r="TTR137" s="23"/>
      <c r="TTS137" s="23"/>
      <c r="TTT137" s="23"/>
      <c r="TTU137" s="23"/>
      <c r="TTV137" s="23"/>
      <c r="TTW137" s="23"/>
      <c r="TTX137" s="23"/>
      <c r="TTY137" s="23"/>
      <c r="TTZ137" s="23"/>
      <c r="TUA137" s="23"/>
      <c r="TUB137" s="23"/>
      <c r="TUC137" s="23"/>
      <c r="TUD137" s="23"/>
      <c r="TUE137" s="23"/>
      <c r="TUF137" s="23"/>
      <c r="TUG137" s="23"/>
      <c r="TUH137" s="23"/>
      <c r="TUI137" s="23"/>
      <c r="TUJ137" s="23"/>
      <c r="TUK137" s="23"/>
      <c r="TUL137" s="23"/>
      <c r="TUM137" s="23"/>
      <c r="TUN137" s="23"/>
      <c r="TUO137" s="23"/>
      <c r="TUP137" s="23"/>
      <c r="TUQ137" s="23"/>
      <c r="TUR137" s="23"/>
      <c r="TUS137" s="23"/>
      <c r="TUT137" s="23"/>
      <c r="TUU137" s="23"/>
      <c r="TUV137" s="23"/>
      <c r="TUW137" s="23"/>
      <c r="TUX137" s="23"/>
      <c r="TUY137" s="23"/>
      <c r="TUZ137" s="23"/>
      <c r="TVA137" s="23"/>
      <c r="TVB137" s="23"/>
      <c r="TVC137" s="23"/>
      <c r="TVD137" s="23"/>
      <c r="TVE137" s="23"/>
      <c r="TVF137" s="23"/>
      <c r="TVG137" s="23"/>
      <c r="TVH137" s="23"/>
      <c r="TVI137" s="23"/>
      <c r="TVJ137" s="23"/>
      <c r="TVK137" s="23"/>
      <c r="TVL137" s="23"/>
      <c r="TVM137" s="23"/>
      <c r="TVN137" s="23"/>
      <c r="TVO137" s="23"/>
      <c r="TVP137" s="23"/>
      <c r="TVQ137" s="23"/>
      <c r="TVR137" s="23"/>
      <c r="TVS137" s="23"/>
      <c r="TVT137" s="23"/>
      <c r="TVU137" s="23"/>
      <c r="TVV137" s="23"/>
      <c r="TVW137" s="23"/>
      <c r="TVX137" s="23"/>
      <c r="TVY137" s="23"/>
      <c r="TVZ137" s="23"/>
      <c r="TWA137" s="23"/>
      <c r="TWB137" s="23"/>
      <c r="TWC137" s="23"/>
      <c r="TWD137" s="23"/>
      <c r="TWE137" s="23"/>
      <c r="TWF137" s="23"/>
      <c r="TWG137" s="23"/>
      <c r="TWH137" s="23"/>
      <c r="TWI137" s="23"/>
      <c r="TWJ137" s="23"/>
      <c r="TWK137" s="23"/>
      <c r="TWL137" s="23"/>
      <c r="TWM137" s="23"/>
      <c r="TWN137" s="23"/>
      <c r="TWO137" s="23"/>
      <c r="TWP137" s="23"/>
      <c r="TWQ137" s="23"/>
      <c r="TWR137" s="23"/>
      <c r="TWS137" s="23"/>
      <c r="TWT137" s="23"/>
      <c r="TWU137" s="23"/>
      <c r="TWV137" s="23"/>
      <c r="TWW137" s="23"/>
      <c r="TWX137" s="23"/>
      <c r="TWY137" s="23"/>
      <c r="TWZ137" s="23"/>
      <c r="TXA137" s="23"/>
      <c r="TXB137" s="23"/>
      <c r="TXC137" s="23"/>
      <c r="TXD137" s="23"/>
      <c r="TXE137" s="23"/>
      <c r="TXF137" s="23"/>
      <c r="TXG137" s="23"/>
      <c r="TXH137" s="23"/>
      <c r="TXI137" s="23"/>
      <c r="TXJ137" s="23"/>
      <c r="TXK137" s="23"/>
      <c r="TXL137" s="23"/>
      <c r="TXM137" s="23"/>
      <c r="TXN137" s="23"/>
      <c r="TXO137" s="23"/>
      <c r="TXP137" s="23"/>
      <c r="TXQ137" s="23"/>
      <c r="TXR137" s="23"/>
      <c r="TXS137" s="23"/>
      <c r="TXT137" s="23"/>
      <c r="TXU137" s="23"/>
      <c r="TXV137" s="23"/>
      <c r="TXW137" s="23"/>
      <c r="TXX137" s="23"/>
      <c r="TXY137" s="23"/>
      <c r="TXZ137" s="23"/>
      <c r="TYA137" s="23"/>
      <c r="TYB137" s="23"/>
      <c r="TYC137" s="23"/>
      <c r="TYD137" s="23"/>
      <c r="TYE137" s="23"/>
      <c r="TYF137" s="23"/>
      <c r="TYG137" s="23"/>
      <c r="TYH137" s="23"/>
      <c r="TYI137" s="23"/>
      <c r="TYJ137" s="23"/>
      <c r="TYK137" s="23"/>
      <c r="TYL137" s="23"/>
      <c r="TYM137" s="23"/>
      <c r="TYN137" s="23"/>
      <c r="TYO137" s="23"/>
      <c r="TYP137" s="23"/>
      <c r="TYQ137" s="23"/>
      <c r="TYR137" s="23"/>
      <c r="TYS137" s="23"/>
      <c r="TYT137" s="23"/>
      <c r="TYU137" s="23"/>
      <c r="TYV137" s="23"/>
      <c r="TYW137" s="23"/>
      <c r="TYX137" s="23"/>
      <c r="TYY137" s="23"/>
      <c r="TYZ137" s="23"/>
      <c r="TZA137" s="23"/>
      <c r="TZB137" s="23"/>
      <c r="TZC137" s="23"/>
      <c r="TZD137" s="23"/>
      <c r="TZE137" s="23"/>
      <c r="TZF137" s="23"/>
      <c r="TZG137" s="23"/>
      <c r="TZH137" s="23"/>
      <c r="TZI137" s="23"/>
      <c r="TZJ137" s="23"/>
      <c r="TZK137" s="23"/>
      <c r="TZL137" s="23"/>
      <c r="TZM137" s="23"/>
      <c r="TZN137" s="23"/>
      <c r="TZO137" s="23"/>
      <c r="TZP137" s="23"/>
      <c r="TZQ137" s="23"/>
      <c r="TZR137" s="23"/>
      <c r="TZS137" s="23"/>
      <c r="TZT137" s="23"/>
      <c r="TZU137" s="23"/>
      <c r="TZV137" s="23"/>
      <c r="TZW137" s="23"/>
      <c r="TZX137" s="23"/>
      <c r="TZY137" s="23"/>
      <c r="TZZ137" s="23"/>
      <c r="UAA137" s="23"/>
      <c r="UAB137" s="23"/>
      <c r="UAC137" s="23"/>
      <c r="UAD137" s="23"/>
      <c r="UAE137" s="23"/>
      <c r="UAF137" s="23"/>
      <c r="UAG137" s="23"/>
      <c r="UAH137" s="23"/>
      <c r="UAI137" s="23"/>
      <c r="UAJ137" s="23"/>
      <c r="UAK137" s="23"/>
      <c r="UAL137" s="23"/>
      <c r="UAM137" s="23"/>
      <c r="UAN137" s="23"/>
      <c r="UAO137" s="23"/>
      <c r="UAP137" s="23"/>
      <c r="UAQ137" s="23"/>
      <c r="UAR137" s="23"/>
      <c r="UAS137" s="23"/>
      <c r="UAT137" s="23"/>
      <c r="UAU137" s="23"/>
      <c r="UAV137" s="23"/>
      <c r="UAW137" s="23"/>
      <c r="UAX137" s="23"/>
      <c r="UAY137" s="23"/>
      <c r="UAZ137" s="23"/>
      <c r="UBA137" s="23"/>
      <c r="UBB137" s="23"/>
      <c r="UBC137" s="23"/>
      <c r="UBD137" s="23"/>
      <c r="UBE137" s="23"/>
      <c r="UBF137" s="23"/>
      <c r="UBG137" s="23"/>
      <c r="UBH137" s="23"/>
      <c r="UBI137" s="23"/>
      <c r="UBJ137" s="23"/>
      <c r="UBK137" s="23"/>
      <c r="UBL137" s="23"/>
      <c r="UBM137" s="23"/>
      <c r="UBN137" s="23"/>
      <c r="UBO137" s="23"/>
      <c r="UBP137" s="23"/>
      <c r="UBQ137" s="23"/>
      <c r="UBR137" s="23"/>
      <c r="UBS137" s="23"/>
      <c r="UBT137" s="23"/>
      <c r="UBU137" s="23"/>
      <c r="UBV137" s="23"/>
      <c r="UBW137" s="23"/>
      <c r="UBX137" s="23"/>
      <c r="UBY137" s="23"/>
      <c r="UBZ137" s="23"/>
      <c r="UCA137" s="23"/>
      <c r="UCB137" s="23"/>
      <c r="UCC137" s="23"/>
      <c r="UCD137" s="23"/>
      <c r="UCE137" s="23"/>
      <c r="UCF137" s="23"/>
      <c r="UCG137" s="23"/>
      <c r="UCH137" s="23"/>
      <c r="UCI137" s="23"/>
      <c r="UCJ137" s="23"/>
      <c r="UCK137" s="23"/>
      <c r="UCL137" s="23"/>
      <c r="UCM137" s="23"/>
      <c r="UCN137" s="23"/>
      <c r="UCO137" s="23"/>
      <c r="UCP137" s="23"/>
      <c r="UCQ137" s="23"/>
      <c r="UCR137" s="23"/>
      <c r="UCS137" s="23"/>
      <c r="UCT137" s="23"/>
      <c r="UCU137" s="23"/>
      <c r="UCV137" s="23"/>
      <c r="UCW137" s="23"/>
      <c r="UCX137" s="23"/>
      <c r="UCY137" s="23"/>
      <c r="UCZ137" s="23"/>
      <c r="UDA137" s="23"/>
      <c r="UDB137" s="23"/>
      <c r="UDC137" s="23"/>
      <c r="UDD137" s="23"/>
      <c r="UDE137" s="23"/>
      <c r="UDF137" s="23"/>
      <c r="UDG137" s="23"/>
      <c r="UDH137" s="23"/>
      <c r="UDI137" s="23"/>
      <c r="UDJ137" s="23"/>
      <c r="UDK137" s="23"/>
      <c r="UDL137" s="23"/>
      <c r="UDM137" s="23"/>
      <c r="UDN137" s="23"/>
      <c r="UDO137" s="23"/>
      <c r="UDP137" s="23"/>
      <c r="UDQ137" s="23"/>
      <c r="UDR137" s="23"/>
      <c r="UDS137" s="23"/>
      <c r="UDT137" s="23"/>
      <c r="UDU137" s="23"/>
      <c r="UDV137" s="23"/>
      <c r="UDW137" s="23"/>
      <c r="UDX137" s="23"/>
      <c r="UDY137" s="23"/>
      <c r="UDZ137" s="23"/>
      <c r="UEA137" s="23"/>
      <c r="UEB137" s="23"/>
      <c r="UEC137" s="23"/>
      <c r="UED137" s="23"/>
      <c r="UEE137" s="23"/>
      <c r="UEF137" s="23"/>
      <c r="UEG137" s="23"/>
      <c r="UEH137" s="23"/>
      <c r="UEI137" s="23"/>
      <c r="UEJ137" s="23"/>
      <c r="UEK137" s="23"/>
      <c r="UEL137" s="23"/>
      <c r="UEM137" s="23"/>
      <c r="UEN137" s="23"/>
      <c r="UEO137" s="23"/>
      <c r="UEP137" s="23"/>
      <c r="UEQ137" s="23"/>
      <c r="UER137" s="23"/>
      <c r="UES137" s="23"/>
      <c r="UET137" s="23"/>
      <c r="UEU137" s="23"/>
      <c r="UEV137" s="23"/>
      <c r="UEW137" s="23"/>
      <c r="UEX137" s="23"/>
      <c r="UEY137" s="23"/>
      <c r="UEZ137" s="23"/>
      <c r="UFA137" s="23"/>
      <c r="UFB137" s="23"/>
      <c r="UFC137" s="23"/>
      <c r="UFD137" s="23"/>
      <c r="UFE137" s="23"/>
      <c r="UFF137" s="23"/>
      <c r="UFG137" s="23"/>
      <c r="UFH137" s="23"/>
      <c r="UFI137" s="23"/>
      <c r="UFJ137" s="23"/>
      <c r="UFK137" s="23"/>
      <c r="UFL137" s="23"/>
      <c r="UFM137" s="23"/>
      <c r="UFN137" s="23"/>
      <c r="UFO137" s="23"/>
      <c r="UFP137" s="23"/>
      <c r="UFQ137" s="23"/>
      <c r="UFR137" s="23"/>
      <c r="UFS137" s="23"/>
      <c r="UFT137" s="23"/>
      <c r="UFU137" s="23"/>
      <c r="UFV137" s="23"/>
      <c r="UFW137" s="23"/>
      <c r="UFX137" s="23"/>
      <c r="UFY137" s="23"/>
      <c r="UFZ137" s="23"/>
      <c r="UGA137" s="23"/>
      <c r="UGB137" s="23"/>
      <c r="UGC137" s="23"/>
      <c r="UGD137" s="23"/>
      <c r="UGE137" s="23"/>
      <c r="UGF137" s="23"/>
      <c r="UGG137" s="23"/>
      <c r="UGH137" s="23"/>
      <c r="UGI137" s="23"/>
      <c r="UGJ137" s="23"/>
      <c r="UGK137" s="23"/>
      <c r="UGL137" s="23"/>
      <c r="UGM137" s="23"/>
      <c r="UGN137" s="23"/>
      <c r="UGO137" s="23"/>
      <c r="UGP137" s="23"/>
      <c r="UGQ137" s="23"/>
      <c r="UGR137" s="23"/>
      <c r="UGS137" s="23"/>
      <c r="UGT137" s="23"/>
      <c r="UGU137" s="23"/>
      <c r="UGV137" s="23"/>
      <c r="UGW137" s="23"/>
      <c r="UGX137" s="23"/>
      <c r="UGY137" s="23"/>
      <c r="UGZ137" s="23"/>
      <c r="UHA137" s="23"/>
      <c r="UHB137" s="23"/>
      <c r="UHC137" s="23"/>
      <c r="UHD137" s="23"/>
      <c r="UHE137" s="23"/>
      <c r="UHF137" s="23"/>
      <c r="UHG137" s="23"/>
      <c r="UHH137" s="23"/>
      <c r="UHI137" s="23"/>
      <c r="UHJ137" s="23"/>
      <c r="UHK137" s="23"/>
      <c r="UHL137" s="23"/>
      <c r="UHM137" s="23"/>
      <c r="UHN137" s="23"/>
      <c r="UHO137" s="23"/>
      <c r="UHP137" s="23"/>
      <c r="UHQ137" s="23"/>
      <c r="UHR137" s="23"/>
      <c r="UHS137" s="23"/>
      <c r="UHT137" s="23"/>
      <c r="UHU137" s="23"/>
      <c r="UHV137" s="23"/>
      <c r="UHW137" s="23"/>
      <c r="UHX137" s="23"/>
      <c r="UHY137" s="23"/>
      <c r="UHZ137" s="23"/>
      <c r="UIA137" s="23"/>
      <c r="UIB137" s="23"/>
      <c r="UIC137" s="23"/>
      <c r="UID137" s="23"/>
      <c r="UIE137" s="23"/>
      <c r="UIF137" s="23"/>
      <c r="UIG137" s="23"/>
      <c r="UIH137" s="23"/>
      <c r="UII137" s="23"/>
      <c r="UIJ137" s="23"/>
      <c r="UIK137" s="23"/>
      <c r="UIL137" s="23"/>
      <c r="UIM137" s="23"/>
      <c r="UIN137" s="23"/>
      <c r="UIO137" s="23"/>
      <c r="UIP137" s="23"/>
      <c r="UIQ137" s="23"/>
      <c r="UIR137" s="23"/>
      <c r="UIS137" s="23"/>
      <c r="UIT137" s="23"/>
      <c r="UIU137" s="23"/>
      <c r="UIV137" s="23"/>
      <c r="UIW137" s="23"/>
      <c r="UIX137" s="23"/>
      <c r="UIY137" s="23"/>
      <c r="UIZ137" s="23"/>
      <c r="UJA137" s="23"/>
      <c r="UJB137" s="23"/>
      <c r="UJC137" s="23"/>
      <c r="UJD137" s="23"/>
      <c r="UJE137" s="23"/>
      <c r="UJF137" s="23"/>
      <c r="UJG137" s="23"/>
      <c r="UJH137" s="23"/>
      <c r="UJI137" s="23"/>
      <c r="UJJ137" s="23"/>
      <c r="UJK137" s="23"/>
      <c r="UJL137" s="23"/>
      <c r="UJM137" s="23"/>
      <c r="UJN137" s="23"/>
      <c r="UJO137" s="23"/>
      <c r="UJP137" s="23"/>
      <c r="UJQ137" s="23"/>
      <c r="UJR137" s="23"/>
      <c r="UJS137" s="23"/>
      <c r="UJT137" s="23"/>
      <c r="UJU137" s="23"/>
      <c r="UJV137" s="23"/>
      <c r="UJW137" s="23"/>
      <c r="UJX137" s="23"/>
      <c r="UJY137" s="23"/>
      <c r="UJZ137" s="23"/>
      <c r="UKA137" s="23"/>
      <c r="UKB137" s="23"/>
      <c r="UKC137" s="23"/>
      <c r="UKD137" s="23"/>
      <c r="UKE137" s="23"/>
      <c r="UKF137" s="23"/>
      <c r="UKG137" s="23"/>
      <c r="UKH137" s="23"/>
      <c r="UKI137" s="23"/>
      <c r="UKJ137" s="23"/>
      <c r="UKK137" s="23"/>
      <c r="UKL137" s="23"/>
      <c r="UKM137" s="23"/>
      <c r="UKN137" s="23"/>
      <c r="UKO137" s="23"/>
      <c r="UKP137" s="23"/>
      <c r="UKQ137" s="23"/>
      <c r="UKR137" s="23"/>
      <c r="UKS137" s="23"/>
      <c r="UKT137" s="23"/>
      <c r="UKU137" s="23"/>
      <c r="UKV137" s="23"/>
      <c r="UKW137" s="23"/>
      <c r="UKX137" s="23"/>
      <c r="UKY137" s="23"/>
      <c r="UKZ137" s="23"/>
      <c r="ULA137" s="23"/>
      <c r="ULB137" s="23"/>
      <c r="ULC137" s="23"/>
      <c r="ULD137" s="23"/>
      <c r="ULE137" s="23"/>
      <c r="ULF137" s="23"/>
      <c r="ULG137" s="23"/>
      <c r="ULH137" s="23"/>
      <c r="ULI137" s="23"/>
      <c r="ULJ137" s="23"/>
      <c r="ULK137" s="23"/>
      <c r="ULL137" s="23"/>
      <c r="ULM137" s="23"/>
      <c r="ULN137" s="23"/>
      <c r="ULO137" s="23"/>
      <c r="ULP137" s="23"/>
      <c r="ULQ137" s="23"/>
      <c r="ULR137" s="23"/>
      <c r="ULS137" s="23"/>
      <c r="ULT137" s="23"/>
      <c r="ULU137" s="23"/>
      <c r="ULV137" s="23"/>
      <c r="ULW137" s="23"/>
      <c r="ULX137" s="23"/>
      <c r="ULY137" s="23"/>
      <c r="ULZ137" s="23"/>
      <c r="UMA137" s="23"/>
      <c r="UMB137" s="23"/>
      <c r="UMC137" s="23"/>
      <c r="UMD137" s="23"/>
      <c r="UME137" s="23"/>
      <c r="UMF137" s="23"/>
      <c r="UMG137" s="23"/>
      <c r="UMH137" s="23"/>
      <c r="UMI137" s="23"/>
      <c r="UMJ137" s="23"/>
      <c r="UMK137" s="23"/>
      <c r="UML137" s="23"/>
      <c r="UMM137" s="23"/>
      <c r="UMN137" s="23"/>
      <c r="UMO137" s="23"/>
      <c r="UMP137" s="23"/>
      <c r="UMQ137" s="23"/>
      <c r="UMR137" s="23"/>
      <c r="UMS137" s="23"/>
      <c r="UMT137" s="23"/>
      <c r="UMU137" s="23"/>
      <c r="UMV137" s="23"/>
      <c r="UMW137" s="23"/>
      <c r="UMX137" s="23"/>
      <c r="UMY137" s="23"/>
      <c r="UMZ137" s="23"/>
      <c r="UNA137" s="23"/>
      <c r="UNB137" s="23"/>
      <c r="UNC137" s="23"/>
      <c r="UND137" s="23"/>
      <c r="UNE137" s="23"/>
      <c r="UNF137" s="23"/>
      <c r="UNG137" s="23"/>
      <c r="UNH137" s="23"/>
      <c r="UNI137" s="23"/>
      <c r="UNJ137" s="23"/>
      <c r="UNK137" s="23"/>
      <c r="UNL137" s="23"/>
      <c r="UNM137" s="23"/>
      <c r="UNN137" s="23"/>
      <c r="UNO137" s="23"/>
      <c r="UNP137" s="23"/>
      <c r="UNQ137" s="23"/>
      <c r="UNR137" s="23"/>
      <c r="UNS137" s="23"/>
      <c r="UNT137" s="23"/>
      <c r="UNU137" s="23"/>
      <c r="UNV137" s="23"/>
      <c r="UNW137" s="23"/>
      <c r="UNX137" s="23"/>
      <c r="UNY137" s="23"/>
      <c r="UNZ137" s="23"/>
      <c r="UOA137" s="23"/>
      <c r="UOB137" s="23"/>
      <c r="UOC137" s="23"/>
      <c r="UOD137" s="23"/>
      <c r="UOE137" s="23"/>
      <c r="UOF137" s="23"/>
      <c r="UOG137" s="23"/>
      <c r="UOH137" s="23"/>
      <c r="UOI137" s="23"/>
      <c r="UOJ137" s="23"/>
      <c r="UOK137" s="23"/>
      <c r="UOL137" s="23"/>
      <c r="UOM137" s="23"/>
      <c r="UON137" s="23"/>
      <c r="UOO137" s="23"/>
      <c r="UOP137" s="23"/>
      <c r="UOQ137" s="23"/>
      <c r="UOR137" s="23"/>
      <c r="UOS137" s="23"/>
      <c r="UOT137" s="23"/>
      <c r="UOU137" s="23"/>
      <c r="UOV137" s="23"/>
      <c r="UOW137" s="23"/>
      <c r="UOX137" s="23"/>
      <c r="UOY137" s="23"/>
      <c r="UOZ137" s="23"/>
      <c r="UPA137" s="23"/>
      <c r="UPB137" s="23"/>
      <c r="UPC137" s="23"/>
      <c r="UPD137" s="23"/>
      <c r="UPE137" s="23"/>
      <c r="UPF137" s="23"/>
      <c r="UPG137" s="23"/>
      <c r="UPH137" s="23"/>
      <c r="UPI137" s="23"/>
      <c r="UPJ137" s="23"/>
      <c r="UPK137" s="23"/>
      <c r="UPL137" s="23"/>
      <c r="UPM137" s="23"/>
      <c r="UPN137" s="23"/>
      <c r="UPO137" s="23"/>
      <c r="UPP137" s="23"/>
      <c r="UPQ137" s="23"/>
      <c r="UPR137" s="23"/>
      <c r="UPS137" s="23"/>
      <c r="UPT137" s="23"/>
      <c r="UPU137" s="23"/>
      <c r="UPV137" s="23"/>
      <c r="UPW137" s="23"/>
      <c r="UPX137" s="23"/>
      <c r="UPY137" s="23"/>
      <c r="UPZ137" s="23"/>
      <c r="UQA137" s="23"/>
      <c r="UQB137" s="23"/>
      <c r="UQC137" s="23"/>
      <c r="UQD137" s="23"/>
      <c r="UQE137" s="23"/>
      <c r="UQF137" s="23"/>
      <c r="UQG137" s="23"/>
      <c r="UQH137" s="23"/>
      <c r="UQI137" s="23"/>
      <c r="UQJ137" s="23"/>
      <c r="UQK137" s="23"/>
      <c r="UQL137" s="23"/>
      <c r="UQM137" s="23"/>
      <c r="UQN137" s="23"/>
      <c r="UQO137" s="23"/>
      <c r="UQP137" s="23"/>
      <c r="UQQ137" s="23"/>
      <c r="UQR137" s="23"/>
      <c r="UQS137" s="23"/>
      <c r="UQT137" s="23"/>
      <c r="UQU137" s="23"/>
      <c r="UQV137" s="23"/>
      <c r="UQW137" s="23"/>
      <c r="UQX137" s="23"/>
      <c r="UQY137" s="23"/>
      <c r="UQZ137" s="23"/>
      <c r="URA137" s="23"/>
      <c r="URB137" s="23"/>
      <c r="URC137" s="23"/>
      <c r="URD137" s="23"/>
      <c r="URE137" s="23"/>
      <c r="URF137" s="23"/>
      <c r="URG137" s="23"/>
      <c r="URH137" s="23"/>
      <c r="URI137" s="23"/>
      <c r="URJ137" s="23"/>
      <c r="URK137" s="23"/>
      <c r="URL137" s="23"/>
      <c r="URM137" s="23"/>
      <c r="URN137" s="23"/>
      <c r="URO137" s="23"/>
      <c r="URP137" s="23"/>
      <c r="URQ137" s="23"/>
      <c r="URR137" s="23"/>
      <c r="URS137" s="23"/>
      <c r="URT137" s="23"/>
      <c r="URU137" s="23"/>
      <c r="URV137" s="23"/>
      <c r="URW137" s="23"/>
      <c r="URX137" s="23"/>
      <c r="URY137" s="23"/>
      <c r="URZ137" s="23"/>
      <c r="USA137" s="23"/>
      <c r="USB137" s="23"/>
      <c r="USC137" s="23"/>
      <c r="USD137" s="23"/>
      <c r="USE137" s="23"/>
      <c r="USF137" s="23"/>
      <c r="USG137" s="23"/>
      <c r="USH137" s="23"/>
      <c r="USI137" s="23"/>
      <c r="USJ137" s="23"/>
      <c r="USK137" s="23"/>
      <c r="USL137" s="23"/>
      <c r="USM137" s="23"/>
      <c r="USN137" s="23"/>
      <c r="USO137" s="23"/>
      <c r="USP137" s="23"/>
      <c r="USQ137" s="23"/>
      <c r="USR137" s="23"/>
      <c r="USS137" s="23"/>
      <c r="UST137" s="23"/>
      <c r="USU137" s="23"/>
      <c r="USV137" s="23"/>
      <c r="USW137" s="23"/>
      <c r="USX137" s="23"/>
      <c r="USY137" s="23"/>
      <c r="USZ137" s="23"/>
      <c r="UTA137" s="23"/>
      <c r="UTB137" s="23"/>
      <c r="UTC137" s="23"/>
      <c r="UTD137" s="23"/>
      <c r="UTE137" s="23"/>
      <c r="UTF137" s="23"/>
      <c r="UTG137" s="23"/>
      <c r="UTH137" s="23"/>
      <c r="UTI137" s="23"/>
      <c r="UTJ137" s="23"/>
      <c r="UTK137" s="23"/>
      <c r="UTL137" s="23"/>
      <c r="UTM137" s="23"/>
      <c r="UTN137" s="23"/>
      <c r="UTO137" s="23"/>
      <c r="UTP137" s="23"/>
      <c r="UTQ137" s="23"/>
      <c r="UTR137" s="23"/>
      <c r="UTS137" s="23"/>
      <c r="UTT137" s="23"/>
      <c r="UTU137" s="23"/>
      <c r="UTV137" s="23"/>
      <c r="UTW137" s="23"/>
      <c r="UTX137" s="23"/>
      <c r="UTY137" s="23"/>
      <c r="UTZ137" s="23"/>
      <c r="UUA137" s="23"/>
      <c r="UUB137" s="23"/>
      <c r="UUC137" s="23"/>
      <c r="UUD137" s="23"/>
      <c r="UUE137" s="23"/>
      <c r="UUF137" s="23"/>
      <c r="UUG137" s="23"/>
      <c r="UUH137" s="23"/>
      <c r="UUI137" s="23"/>
      <c r="UUJ137" s="23"/>
      <c r="UUK137" s="23"/>
      <c r="UUL137" s="23"/>
      <c r="UUM137" s="23"/>
      <c r="UUN137" s="23"/>
      <c r="UUO137" s="23"/>
      <c r="UUP137" s="23"/>
      <c r="UUQ137" s="23"/>
      <c r="UUR137" s="23"/>
      <c r="UUS137" s="23"/>
      <c r="UUT137" s="23"/>
      <c r="UUU137" s="23"/>
      <c r="UUV137" s="23"/>
      <c r="UUW137" s="23"/>
      <c r="UUX137" s="23"/>
      <c r="UUY137" s="23"/>
      <c r="UUZ137" s="23"/>
      <c r="UVA137" s="23"/>
      <c r="UVB137" s="23"/>
      <c r="UVC137" s="23"/>
      <c r="UVD137" s="23"/>
      <c r="UVE137" s="23"/>
      <c r="UVF137" s="23"/>
      <c r="UVG137" s="23"/>
      <c r="UVH137" s="23"/>
      <c r="UVI137" s="23"/>
      <c r="UVJ137" s="23"/>
      <c r="UVK137" s="23"/>
      <c r="UVL137" s="23"/>
      <c r="UVM137" s="23"/>
      <c r="UVN137" s="23"/>
      <c r="UVO137" s="23"/>
      <c r="UVP137" s="23"/>
      <c r="UVQ137" s="23"/>
      <c r="UVR137" s="23"/>
      <c r="UVS137" s="23"/>
      <c r="UVT137" s="23"/>
      <c r="UVU137" s="23"/>
      <c r="UVV137" s="23"/>
      <c r="UVW137" s="23"/>
      <c r="UVX137" s="23"/>
      <c r="UVY137" s="23"/>
      <c r="UVZ137" s="23"/>
      <c r="UWA137" s="23"/>
      <c r="UWB137" s="23"/>
      <c r="UWC137" s="23"/>
      <c r="UWD137" s="23"/>
      <c r="UWE137" s="23"/>
      <c r="UWF137" s="23"/>
      <c r="UWG137" s="23"/>
      <c r="UWH137" s="23"/>
      <c r="UWI137" s="23"/>
      <c r="UWJ137" s="23"/>
      <c r="UWK137" s="23"/>
      <c r="UWL137" s="23"/>
      <c r="UWM137" s="23"/>
      <c r="UWN137" s="23"/>
      <c r="UWO137" s="23"/>
      <c r="UWP137" s="23"/>
      <c r="UWQ137" s="23"/>
      <c r="UWR137" s="23"/>
      <c r="UWS137" s="23"/>
      <c r="UWT137" s="23"/>
      <c r="UWU137" s="23"/>
      <c r="UWV137" s="23"/>
      <c r="UWW137" s="23"/>
      <c r="UWX137" s="23"/>
      <c r="UWY137" s="23"/>
      <c r="UWZ137" s="23"/>
      <c r="UXA137" s="23"/>
      <c r="UXB137" s="23"/>
      <c r="UXC137" s="23"/>
      <c r="UXD137" s="23"/>
      <c r="UXE137" s="23"/>
      <c r="UXF137" s="23"/>
      <c r="UXG137" s="23"/>
      <c r="UXH137" s="23"/>
      <c r="UXI137" s="23"/>
      <c r="UXJ137" s="23"/>
      <c r="UXK137" s="23"/>
      <c r="UXL137" s="23"/>
      <c r="UXM137" s="23"/>
      <c r="UXN137" s="23"/>
      <c r="UXO137" s="23"/>
      <c r="UXP137" s="23"/>
      <c r="UXQ137" s="23"/>
      <c r="UXR137" s="23"/>
      <c r="UXS137" s="23"/>
      <c r="UXT137" s="23"/>
      <c r="UXU137" s="23"/>
      <c r="UXV137" s="23"/>
      <c r="UXW137" s="23"/>
      <c r="UXX137" s="23"/>
      <c r="UXY137" s="23"/>
      <c r="UXZ137" s="23"/>
      <c r="UYA137" s="23"/>
      <c r="UYB137" s="23"/>
      <c r="UYC137" s="23"/>
      <c r="UYD137" s="23"/>
      <c r="UYE137" s="23"/>
      <c r="UYF137" s="23"/>
      <c r="UYG137" s="23"/>
      <c r="UYH137" s="23"/>
      <c r="UYI137" s="23"/>
      <c r="UYJ137" s="23"/>
      <c r="UYK137" s="23"/>
      <c r="UYL137" s="23"/>
      <c r="UYM137" s="23"/>
      <c r="UYN137" s="23"/>
      <c r="UYO137" s="23"/>
      <c r="UYP137" s="23"/>
      <c r="UYQ137" s="23"/>
      <c r="UYR137" s="23"/>
      <c r="UYS137" s="23"/>
      <c r="UYT137" s="23"/>
      <c r="UYU137" s="23"/>
      <c r="UYV137" s="23"/>
      <c r="UYW137" s="23"/>
      <c r="UYX137" s="23"/>
      <c r="UYY137" s="23"/>
      <c r="UYZ137" s="23"/>
      <c r="UZA137" s="23"/>
      <c r="UZB137" s="23"/>
      <c r="UZC137" s="23"/>
      <c r="UZD137" s="23"/>
      <c r="UZE137" s="23"/>
      <c r="UZF137" s="23"/>
      <c r="UZG137" s="23"/>
      <c r="UZH137" s="23"/>
      <c r="UZI137" s="23"/>
      <c r="UZJ137" s="23"/>
      <c r="UZK137" s="23"/>
      <c r="UZL137" s="23"/>
      <c r="UZM137" s="23"/>
      <c r="UZN137" s="23"/>
      <c r="UZO137" s="23"/>
      <c r="UZP137" s="23"/>
      <c r="UZQ137" s="23"/>
      <c r="UZR137" s="23"/>
      <c r="UZS137" s="23"/>
      <c r="UZT137" s="23"/>
      <c r="UZU137" s="23"/>
      <c r="UZV137" s="23"/>
      <c r="UZW137" s="23"/>
      <c r="UZX137" s="23"/>
      <c r="UZY137" s="23"/>
      <c r="UZZ137" s="23"/>
      <c r="VAA137" s="23"/>
      <c r="VAB137" s="23"/>
      <c r="VAC137" s="23"/>
      <c r="VAD137" s="23"/>
      <c r="VAE137" s="23"/>
      <c r="VAF137" s="23"/>
      <c r="VAG137" s="23"/>
      <c r="VAH137" s="23"/>
      <c r="VAI137" s="23"/>
      <c r="VAJ137" s="23"/>
      <c r="VAK137" s="23"/>
      <c r="VAL137" s="23"/>
      <c r="VAM137" s="23"/>
      <c r="VAN137" s="23"/>
      <c r="VAO137" s="23"/>
      <c r="VAP137" s="23"/>
      <c r="VAQ137" s="23"/>
      <c r="VAR137" s="23"/>
      <c r="VAS137" s="23"/>
      <c r="VAT137" s="23"/>
      <c r="VAU137" s="23"/>
      <c r="VAV137" s="23"/>
      <c r="VAW137" s="23"/>
      <c r="VAX137" s="23"/>
      <c r="VAY137" s="23"/>
      <c r="VAZ137" s="23"/>
      <c r="VBA137" s="23"/>
      <c r="VBB137" s="23"/>
      <c r="VBC137" s="23"/>
      <c r="VBD137" s="23"/>
      <c r="VBE137" s="23"/>
      <c r="VBF137" s="23"/>
      <c r="VBG137" s="23"/>
      <c r="VBH137" s="23"/>
      <c r="VBI137" s="23"/>
      <c r="VBJ137" s="23"/>
      <c r="VBK137" s="23"/>
      <c r="VBL137" s="23"/>
      <c r="VBM137" s="23"/>
      <c r="VBN137" s="23"/>
      <c r="VBO137" s="23"/>
      <c r="VBP137" s="23"/>
      <c r="VBQ137" s="23"/>
      <c r="VBR137" s="23"/>
      <c r="VBS137" s="23"/>
      <c r="VBT137" s="23"/>
      <c r="VBU137" s="23"/>
      <c r="VBV137" s="23"/>
      <c r="VBW137" s="23"/>
      <c r="VBX137" s="23"/>
      <c r="VBY137" s="23"/>
      <c r="VBZ137" s="23"/>
      <c r="VCA137" s="23"/>
      <c r="VCB137" s="23"/>
      <c r="VCC137" s="23"/>
      <c r="VCD137" s="23"/>
      <c r="VCE137" s="23"/>
      <c r="VCF137" s="23"/>
      <c r="VCG137" s="23"/>
      <c r="VCH137" s="23"/>
      <c r="VCI137" s="23"/>
      <c r="VCJ137" s="23"/>
      <c r="VCK137" s="23"/>
      <c r="VCL137" s="23"/>
      <c r="VCM137" s="23"/>
      <c r="VCN137" s="23"/>
      <c r="VCO137" s="23"/>
      <c r="VCP137" s="23"/>
      <c r="VCQ137" s="23"/>
      <c r="VCR137" s="23"/>
      <c r="VCS137" s="23"/>
      <c r="VCT137" s="23"/>
      <c r="VCU137" s="23"/>
      <c r="VCV137" s="23"/>
      <c r="VCW137" s="23"/>
      <c r="VCX137" s="23"/>
      <c r="VCY137" s="23"/>
      <c r="VCZ137" s="23"/>
      <c r="VDA137" s="23"/>
      <c r="VDB137" s="23"/>
      <c r="VDC137" s="23"/>
      <c r="VDD137" s="23"/>
      <c r="VDE137" s="23"/>
      <c r="VDF137" s="23"/>
      <c r="VDG137" s="23"/>
      <c r="VDH137" s="23"/>
      <c r="VDI137" s="23"/>
      <c r="VDJ137" s="23"/>
      <c r="VDK137" s="23"/>
      <c r="VDL137" s="23"/>
      <c r="VDM137" s="23"/>
      <c r="VDN137" s="23"/>
      <c r="VDO137" s="23"/>
      <c r="VDP137" s="23"/>
      <c r="VDQ137" s="23"/>
      <c r="VDR137" s="23"/>
      <c r="VDS137" s="23"/>
      <c r="VDT137" s="23"/>
      <c r="VDU137" s="23"/>
      <c r="VDV137" s="23"/>
      <c r="VDW137" s="23"/>
      <c r="VDX137" s="23"/>
      <c r="VDY137" s="23"/>
      <c r="VDZ137" s="23"/>
      <c r="VEA137" s="23"/>
      <c r="VEB137" s="23"/>
      <c r="VEC137" s="23"/>
      <c r="VED137" s="23"/>
      <c r="VEE137" s="23"/>
      <c r="VEF137" s="23"/>
      <c r="VEG137" s="23"/>
      <c r="VEH137" s="23"/>
      <c r="VEI137" s="23"/>
      <c r="VEJ137" s="23"/>
      <c r="VEK137" s="23"/>
      <c r="VEL137" s="23"/>
      <c r="VEM137" s="23"/>
      <c r="VEN137" s="23"/>
      <c r="VEO137" s="23"/>
      <c r="VEP137" s="23"/>
      <c r="VEQ137" s="23"/>
      <c r="VER137" s="23"/>
      <c r="VES137" s="23"/>
      <c r="VET137" s="23"/>
      <c r="VEU137" s="23"/>
      <c r="VEV137" s="23"/>
      <c r="VEW137" s="23"/>
      <c r="VEX137" s="23"/>
      <c r="VEY137" s="23"/>
      <c r="VEZ137" s="23"/>
      <c r="VFA137" s="23"/>
      <c r="VFB137" s="23"/>
      <c r="VFC137" s="23"/>
      <c r="VFD137" s="23"/>
      <c r="VFE137" s="23"/>
      <c r="VFF137" s="23"/>
      <c r="VFG137" s="23"/>
      <c r="VFH137" s="23"/>
      <c r="VFI137" s="23"/>
      <c r="VFJ137" s="23"/>
      <c r="VFK137" s="23"/>
      <c r="VFL137" s="23"/>
      <c r="VFM137" s="23"/>
      <c r="VFN137" s="23"/>
      <c r="VFO137" s="23"/>
      <c r="VFP137" s="23"/>
      <c r="VFQ137" s="23"/>
      <c r="VFR137" s="23"/>
      <c r="VFS137" s="23"/>
      <c r="VFT137" s="23"/>
      <c r="VFU137" s="23"/>
      <c r="VFV137" s="23"/>
      <c r="VFW137" s="23"/>
      <c r="VFX137" s="23"/>
      <c r="VFY137" s="23"/>
      <c r="VFZ137" s="23"/>
      <c r="VGA137" s="23"/>
      <c r="VGB137" s="23"/>
      <c r="VGC137" s="23"/>
      <c r="VGD137" s="23"/>
      <c r="VGE137" s="23"/>
      <c r="VGF137" s="23"/>
      <c r="VGG137" s="23"/>
      <c r="VGH137" s="23"/>
      <c r="VGI137" s="23"/>
      <c r="VGJ137" s="23"/>
      <c r="VGK137" s="23"/>
      <c r="VGL137" s="23"/>
      <c r="VGM137" s="23"/>
      <c r="VGN137" s="23"/>
      <c r="VGO137" s="23"/>
      <c r="VGP137" s="23"/>
      <c r="VGQ137" s="23"/>
      <c r="VGR137" s="23"/>
      <c r="VGS137" s="23"/>
      <c r="VGT137" s="23"/>
      <c r="VGU137" s="23"/>
      <c r="VGV137" s="23"/>
      <c r="VGW137" s="23"/>
      <c r="VGX137" s="23"/>
      <c r="VGY137" s="23"/>
      <c r="VGZ137" s="23"/>
      <c r="VHA137" s="23"/>
      <c r="VHB137" s="23"/>
      <c r="VHC137" s="23"/>
      <c r="VHD137" s="23"/>
      <c r="VHE137" s="23"/>
      <c r="VHF137" s="23"/>
      <c r="VHG137" s="23"/>
      <c r="VHH137" s="23"/>
      <c r="VHI137" s="23"/>
      <c r="VHJ137" s="23"/>
      <c r="VHK137" s="23"/>
      <c r="VHL137" s="23"/>
      <c r="VHM137" s="23"/>
      <c r="VHN137" s="23"/>
      <c r="VHO137" s="23"/>
      <c r="VHP137" s="23"/>
      <c r="VHQ137" s="23"/>
      <c r="VHR137" s="23"/>
      <c r="VHS137" s="23"/>
      <c r="VHT137" s="23"/>
      <c r="VHU137" s="23"/>
      <c r="VHV137" s="23"/>
      <c r="VHW137" s="23"/>
      <c r="VHX137" s="23"/>
      <c r="VHY137" s="23"/>
      <c r="VHZ137" s="23"/>
      <c r="VIA137" s="23"/>
      <c r="VIB137" s="23"/>
      <c r="VIC137" s="23"/>
      <c r="VID137" s="23"/>
      <c r="VIE137" s="23"/>
      <c r="VIF137" s="23"/>
      <c r="VIG137" s="23"/>
      <c r="VIH137" s="23"/>
      <c r="VII137" s="23"/>
      <c r="VIJ137" s="23"/>
      <c r="VIK137" s="23"/>
      <c r="VIL137" s="23"/>
      <c r="VIM137" s="23"/>
      <c r="VIN137" s="23"/>
      <c r="VIO137" s="23"/>
      <c r="VIP137" s="23"/>
      <c r="VIQ137" s="23"/>
      <c r="VIR137" s="23"/>
      <c r="VIS137" s="23"/>
      <c r="VIT137" s="23"/>
      <c r="VIU137" s="23"/>
      <c r="VIV137" s="23"/>
      <c r="VIW137" s="23"/>
      <c r="VIX137" s="23"/>
      <c r="VIY137" s="23"/>
      <c r="VIZ137" s="23"/>
      <c r="VJA137" s="23"/>
      <c r="VJB137" s="23"/>
      <c r="VJC137" s="23"/>
      <c r="VJD137" s="23"/>
      <c r="VJE137" s="23"/>
      <c r="VJF137" s="23"/>
      <c r="VJG137" s="23"/>
      <c r="VJH137" s="23"/>
      <c r="VJI137" s="23"/>
      <c r="VJJ137" s="23"/>
      <c r="VJK137" s="23"/>
      <c r="VJL137" s="23"/>
      <c r="VJM137" s="23"/>
      <c r="VJN137" s="23"/>
      <c r="VJO137" s="23"/>
      <c r="VJP137" s="23"/>
      <c r="VJQ137" s="23"/>
      <c r="VJR137" s="23"/>
      <c r="VJS137" s="23"/>
      <c r="VJT137" s="23"/>
      <c r="VJU137" s="23"/>
      <c r="VJV137" s="23"/>
      <c r="VJW137" s="23"/>
      <c r="VJX137" s="23"/>
      <c r="VJY137" s="23"/>
      <c r="VJZ137" s="23"/>
      <c r="VKA137" s="23"/>
      <c r="VKB137" s="23"/>
      <c r="VKC137" s="23"/>
      <c r="VKD137" s="23"/>
      <c r="VKE137" s="23"/>
      <c r="VKF137" s="23"/>
      <c r="VKG137" s="23"/>
      <c r="VKH137" s="23"/>
      <c r="VKI137" s="23"/>
      <c r="VKJ137" s="23"/>
      <c r="VKK137" s="23"/>
      <c r="VKL137" s="23"/>
      <c r="VKM137" s="23"/>
      <c r="VKN137" s="23"/>
      <c r="VKO137" s="23"/>
      <c r="VKP137" s="23"/>
      <c r="VKQ137" s="23"/>
      <c r="VKR137" s="23"/>
      <c r="VKS137" s="23"/>
      <c r="VKT137" s="23"/>
      <c r="VKU137" s="23"/>
      <c r="VKV137" s="23"/>
      <c r="VKW137" s="23"/>
      <c r="VKX137" s="23"/>
      <c r="VKY137" s="23"/>
      <c r="VKZ137" s="23"/>
      <c r="VLA137" s="23"/>
      <c r="VLB137" s="23"/>
      <c r="VLC137" s="23"/>
      <c r="VLD137" s="23"/>
      <c r="VLE137" s="23"/>
      <c r="VLF137" s="23"/>
      <c r="VLG137" s="23"/>
      <c r="VLH137" s="23"/>
      <c r="VLI137" s="23"/>
      <c r="VLJ137" s="23"/>
      <c r="VLK137" s="23"/>
      <c r="VLL137" s="23"/>
      <c r="VLM137" s="23"/>
      <c r="VLN137" s="23"/>
      <c r="VLO137" s="23"/>
      <c r="VLP137" s="23"/>
      <c r="VLQ137" s="23"/>
      <c r="VLR137" s="23"/>
      <c r="VLS137" s="23"/>
      <c r="VLT137" s="23"/>
      <c r="VLU137" s="23"/>
      <c r="VLV137" s="23"/>
      <c r="VLW137" s="23"/>
      <c r="VLX137" s="23"/>
      <c r="VLY137" s="23"/>
      <c r="VLZ137" s="23"/>
      <c r="VMA137" s="23"/>
      <c r="VMB137" s="23"/>
      <c r="VMC137" s="23"/>
      <c r="VMD137" s="23"/>
      <c r="VME137" s="23"/>
      <c r="VMF137" s="23"/>
      <c r="VMG137" s="23"/>
      <c r="VMH137" s="23"/>
      <c r="VMI137" s="23"/>
      <c r="VMJ137" s="23"/>
      <c r="VMK137" s="23"/>
      <c r="VML137" s="23"/>
      <c r="VMM137" s="23"/>
      <c r="VMN137" s="23"/>
      <c r="VMO137" s="23"/>
      <c r="VMP137" s="23"/>
      <c r="VMQ137" s="23"/>
      <c r="VMR137" s="23"/>
      <c r="VMS137" s="23"/>
      <c r="VMT137" s="23"/>
      <c r="VMU137" s="23"/>
      <c r="VMV137" s="23"/>
      <c r="VMW137" s="23"/>
      <c r="VMX137" s="23"/>
      <c r="VMY137" s="23"/>
      <c r="VMZ137" s="23"/>
      <c r="VNA137" s="23"/>
      <c r="VNB137" s="23"/>
      <c r="VNC137" s="23"/>
      <c r="VND137" s="23"/>
      <c r="VNE137" s="23"/>
      <c r="VNF137" s="23"/>
      <c r="VNG137" s="23"/>
      <c r="VNH137" s="23"/>
      <c r="VNI137" s="23"/>
      <c r="VNJ137" s="23"/>
      <c r="VNK137" s="23"/>
      <c r="VNL137" s="23"/>
      <c r="VNM137" s="23"/>
      <c r="VNN137" s="23"/>
      <c r="VNO137" s="23"/>
      <c r="VNP137" s="23"/>
      <c r="VNQ137" s="23"/>
      <c r="VNR137" s="23"/>
      <c r="VNS137" s="23"/>
      <c r="VNT137" s="23"/>
      <c r="VNU137" s="23"/>
      <c r="VNV137" s="23"/>
      <c r="VNW137" s="23"/>
      <c r="VNX137" s="23"/>
      <c r="VNY137" s="23"/>
      <c r="VNZ137" s="23"/>
      <c r="VOA137" s="23"/>
      <c r="VOB137" s="23"/>
      <c r="VOC137" s="23"/>
      <c r="VOD137" s="23"/>
      <c r="VOE137" s="23"/>
      <c r="VOF137" s="23"/>
      <c r="VOG137" s="23"/>
      <c r="VOH137" s="23"/>
      <c r="VOI137" s="23"/>
      <c r="VOJ137" s="23"/>
      <c r="VOK137" s="23"/>
      <c r="VOL137" s="23"/>
      <c r="VOM137" s="23"/>
      <c r="VON137" s="23"/>
      <c r="VOO137" s="23"/>
      <c r="VOP137" s="23"/>
      <c r="VOQ137" s="23"/>
      <c r="VOR137" s="23"/>
      <c r="VOS137" s="23"/>
      <c r="VOT137" s="23"/>
      <c r="VOU137" s="23"/>
      <c r="VOV137" s="23"/>
      <c r="VOW137" s="23"/>
      <c r="VOX137" s="23"/>
      <c r="VOY137" s="23"/>
      <c r="VOZ137" s="23"/>
      <c r="VPA137" s="23"/>
      <c r="VPB137" s="23"/>
      <c r="VPC137" s="23"/>
      <c r="VPD137" s="23"/>
      <c r="VPE137" s="23"/>
      <c r="VPF137" s="23"/>
      <c r="VPG137" s="23"/>
      <c r="VPH137" s="23"/>
      <c r="VPI137" s="23"/>
      <c r="VPJ137" s="23"/>
      <c r="VPK137" s="23"/>
      <c r="VPL137" s="23"/>
      <c r="VPM137" s="23"/>
      <c r="VPN137" s="23"/>
      <c r="VPO137" s="23"/>
      <c r="VPP137" s="23"/>
      <c r="VPQ137" s="23"/>
      <c r="VPR137" s="23"/>
      <c r="VPS137" s="23"/>
      <c r="VPT137" s="23"/>
      <c r="VPU137" s="23"/>
      <c r="VPV137" s="23"/>
      <c r="VPW137" s="23"/>
      <c r="VPX137" s="23"/>
      <c r="VPY137" s="23"/>
      <c r="VPZ137" s="23"/>
      <c r="VQA137" s="23"/>
      <c r="VQB137" s="23"/>
      <c r="VQC137" s="23"/>
      <c r="VQD137" s="23"/>
      <c r="VQE137" s="23"/>
      <c r="VQF137" s="23"/>
      <c r="VQG137" s="23"/>
      <c r="VQH137" s="23"/>
      <c r="VQI137" s="23"/>
      <c r="VQJ137" s="23"/>
      <c r="VQK137" s="23"/>
      <c r="VQL137" s="23"/>
      <c r="VQM137" s="23"/>
      <c r="VQN137" s="23"/>
      <c r="VQO137" s="23"/>
      <c r="VQP137" s="23"/>
      <c r="VQQ137" s="23"/>
      <c r="VQR137" s="23"/>
      <c r="VQS137" s="23"/>
      <c r="VQT137" s="23"/>
      <c r="VQU137" s="23"/>
      <c r="VQV137" s="23"/>
      <c r="VQW137" s="23"/>
      <c r="VQX137" s="23"/>
      <c r="VQY137" s="23"/>
      <c r="VQZ137" s="23"/>
      <c r="VRA137" s="23"/>
      <c r="VRB137" s="23"/>
      <c r="VRC137" s="23"/>
      <c r="VRD137" s="23"/>
      <c r="VRE137" s="23"/>
      <c r="VRF137" s="23"/>
      <c r="VRG137" s="23"/>
      <c r="VRH137" s="23"/>
      <c r="VRI137" s="23"/>
      <c r="VRJ137" s="23"/>
      <c r="VRK137" s="23"/>
      <c r="VRL137" s="23"/>
      <c r="VRM137" s="23"/>
      <c r="VRN137" s="23"/>
      <c r="VRO137" s="23"/>
      <c r="VRP137" s="23"/>
      <c r="VRQ137" s="23"/>
      <c r="VRR137" s="23"/>
      <c r="VRS137" s="23"/>
      <c r="VRT137" s="23"/>
      <c r="VRU137" s="23"/>
      <c r="VRV137" s="23"/>
      <c r="VRW137" s="23"/>
      <c r="VRX137" s="23"/>
      <c r="VRY137" s="23"/>
      <c r="VRZ137" s="23"/>
      <c r="VSA137" s="23"/>
      <c r="VSB137" s="23"/>
      <c r="VSC137" s="23"/>
      <c r="VSD137" s="23"/>
      <c r="VSE137" s="23"/>
      <c r="VSF137" s="23"/>
      <c r="VSG137" s="23"/>
      <c r="VSH137" s="23"/>
      <c r="VSI137" s="23"/>
      <c r="VSJ137" s="23"/>
      <c r="VSK137" s="23"/>
      <c r="VSL137" s="23"/>
      <c r="VSM137" s="23"/>
      <c r="VSN137" s="23"/>
      <c r="VSO137" s="23"/>
      <c r="VSP137" s="23"/>
      <c r="VSQ137" s="23"/>
      <c r="VSR137" s="23"/>
      <c r="VSS137" s="23"/>
      <c r="VST137" s="23"/>
      <c r="VSU137" s="23"/>
      <c r="VSV137" s="23"/>
      <c r="VSW137" s="23"/>
      <c r="VSX137" s="23"/>
      <c r="VSY137" s="23"/>
      <c r="VSZ137" s="23"/>
      <c r="VTA137" s="23"/>
      <c r="VTB137" s="23"/>
      <c r="VTC137" s="23"/>
      <c r="VTD137" s="23"/>
      <c r="VTE137" s="23"/>
      <c r="VTF137" s="23"/>
      <c r="VTG137" s="23"/>
      <c r="VTH137" s="23"/>
      <c r="VTI137" s="23"/>
      <c r="VTJ137" s="23"/>
      <c r="VTK137" s="23"/>
      <c r="VTL137" s="23"/>
      <c r="VTM137" s="23"/>
      <c r="VTN137" s="23"/>
      <c r="VTO137" s="23"/>
      <c r="VTP137" s="23"/>
      <c r="VTQ137" s="23"/>
      <c r="VTR137" s="23"/>
      <c r="VTS137" s="23"/>
      <c r="VTT137" s="23"/>
      <c r="VTU137" s="23"/>
      <c r="VTV137" s="23"/>
      <c r="VTW137" s="23"/>
      <c r="VTX137" s="23"/>
      <c r="VTY137" s="23"/>
      <c r="VTZ137" s="23"/>
      <c r="VUA137" s="23"/>
      <c r="VUB137" s="23"/>
      <c r="VUC137" s="23"/>
      <c r="VUD137" s="23"/>
      <c r="VUE137" s="23"/>
      <c r="VUF137" s="23"/>
      <c r="VUG137" s="23"/>
      <c r="VUH137" s="23"/>
      <c r="VUI137" s="23"/>
      <c r="VUJ137" s="23"/>
      <c r="VUK137" s="23"/>
      <c r="VUL137" s="23"/>
      <c r="VUM137" s="23"/>
      <c r="VUN137" s="23"/>
      <c r="VUO137" s="23"/>
      <c r="VUP137" s="23"/>
      <c r="VUQ137" s="23"/>
      <c r="VUR137" s="23"/>
      <c r="VUS137" s="23"/>
      <c r="VUT137" s="23"/>
      <c r="VUU137" s="23"/>
      <c r="VUV137" s="23"/>
      <c r="VUW137" s="23"/>
      <c r="VUX137" s="23"/>
      <c r="VUY137" s="23"/>
      <c r="VUZ137" s="23"/>
      <c r="VVA137" s="23"/>
      <c r="VVB137" s="23"/>
      <c r="VVC137" s="23"/>
      <c r="VVD137" s="23"/>
      <c r="VVE137" s="23"/>
      <c r="VVF137" s="23"/>
      <c r="VVG137" s="23"/>
      <c r="VVH137" s="23"/>
      <c r="VVI137" s="23"/>
      <c r="VVJ137" s="23"/>
      <c r="VVK137" s="23"/>
      <c r="VVL137" s="23"/>
      <c r="VVM137" s="23"/>
      <c r="VVN137" s="23"/>
      <c r="VVO137" s="23"/>
      <c r="VVP137" s="23"/>
      <c r="VVQ137" s="23"/>
      <c r="VVR137" s="23"/>
      <c r="VVS137" s="23"/>
      <c r="VVT137" s="23"/>
      <c r="VVU137" s="23"/>
      <c r="VVV137" s="23"/>
      <c r="VVW137" s="23"/>
      <c r="VVX137" s="23"/>
      <c r="VVY137" s="23"/>
      <c r="VVZ137" s="23"/>
      <c r="VWA137" s="23"/>
      <c r="VWB137" s="23"/>
      <c r="VWC137" s="23"/>
      <c r="VWD137" s="23"/>
      <c r="VWE137" s="23"/>
      <c r="VWF137" s="23"/>
      <c r="VWG137" s="23"/>
      <c r="VWH137" s="23"/>
      <c r="VWI137" s="23"/>
      <c r="VWJ137" s="23"/>
      <c r="VWK137" s="23"/>
      <c r="VWL137" s="23"/>
      <c r="VWM137" s="23"/>
      <c r="VWN137" s="23"/>
      <c r="VWO137" s="23"/>
      <c r="VWP137" s="23"/>
      <c r="VWQ137" s="23"/>
      <c r="VWR137" s="23"/>
      <c r="VWS137" s="23"/>
      <c r="VWT137" s="23"/>
      <c r="VWU137" s="23"/>
      <c r="VWV137" s="23"/>
      <c r="VWW137" s="23"/>
      <c r="VWX137" s="23"/>
      <c r="VWY137" s="23"/>
      <c r="VWZ137" s="23"/>
      <c r="VXA137" s="23"/>
      <c r="VXB137" s="23"/>
      <c r="VXC137" s="23"/>
      <c r="VXD137" s="23"/>
      <c r="VXE137" s="23"/>
      <c r="VXF137" s="23"/>
      <c r="VXG137" s="23"/>
      <c r="VXH137" s="23"/>
      <c r="VXI137" s="23"/>
      <c r="VXJ137" s="23"/>
      <c r="VXK137" s="23"/>
      <c r="VXL137" s="23"/>
      <c r="VXM137" s="23"/>
      <c r="VXN137" s="23"/>
      <c r="VXO137" s="23"/>
      <c r="VXP137" s="23"/>
      <c r="VXQ137" s="23"/>
      <c r="VXR137" s="23"/>
      <c r="VXS137" s="23"/>
      <c r="VXT137" s="23"/>
      <c r="VXU137" s="23"/>
      <c r="VXV137" s="23"/>
      <c r="VXW137" s="23"/>
      <c r="VXX137" s="23"/>
      <c r="VXY137" s="23"/>
      <c r="VXZ137" s="23"/>
      <c r="VYA137" s="23"/>
      <c r="VYB137" s="23"/>
      <c r="VYC137" s="23"/>
      <c r="VYD137" s="23"/>
      <c r="VYE137" s="23"/>
      <c r="VYF137" s="23"/>
      <c r="VYG137" s="23"/>
      <c r="VYH137" s="23"/>
      <c r="VYI137" s="23"/>
      <c r="VYJ137" s="23"/>
      <c r="VYK137" s="23"/>
      <c r="VYL137" s="23"/>
      <c r="VYM137" s="23"/>
      <c r="VYN137" s="23"/>
      <c r="VYO137" s="23"/>
      <c r="VYP137" s="23"/>
      <c r="VYQ137" s="23"/>
      <c r="VYR137" s="23"/>
      <c r="VYS137" s="23"/>
      <c r="VYT137" s="23"/>
      <c r="VYU137" s="23"/>
      <c r="VYV137" s="23"/>
      <c r="VYW137" s="23"/>
      <c r="VYX137" s="23"/>
      <c r="VYY137" s="23"/>
      <c r="VYZ137" s="23"/>
      <c r="VZA137" s="23"/>
      <c r="VZB137" s="23"/>
      <c r="VZC137" s="23"/>
      <c r="VZD137" s="23"/>
      <c r="VZE137" s="23"/>
      <c r="VZF137" s="23"/>
      <c r="VZG137" s="23"/>
      <c r="VZH137" s="23"/>
      <c r="VZI137" s="23"/>
      <c r="VZJ137" s="23"/>
      <c r="VZK137" s="23"/>
      <c r="VZL137" s="23"/>
      <c r="VZM137" s="23"/>
      <c r="VZN137" s="23"/>
      <c r="VZO137" s="23"/>
      <c r="VZP137" s="23"/>
      <c r="VZQ137" s="23"/>
      <c r="VZR137" s="23"/>
      <c r="VZS137" s="23"/>
      <c r="VZT137" s="23"/>
      <c r="VZU137" s="23"/>
      <c r="VZV137" s="23"/>
      <c r="VZW137" s="23"/>
      <c r="VZX137" s="23"/>
      <c r="VZY137" s="23"/>
      <c r="VZZ137" s="23"/>
      <c r="WAA137" s="23"/>
      <c r="WAB137" s="23"/>
      <c r="WAC137" s="23"/>
      <c r="WAD137" s="23"/>
      <c r="WAE137" s="23"/>
      <c r="WAF137" s="23"/>
      <c r="WAG137" s="23"/>
      <c r="WAH137" s="23"/>
      <c r="WAI137" s="23"/>
      <c r="WAJ137" s="23"/>
      <c r="WAK137" s="23"/>
      <c r="WAL137" s="23"/>
      <c r="WAM137" s="23"/>
      <c r="WAN137" s="23"/>
      <c r="WAO137" s="23"/>
      <c r="WAP137" s="23"/>
      <c r="WAQ137" s="23"/>
      <c r="WAR137" s="23"/>
      <c r="WAS137" s="23"/>
      <c r="WAT137" s="23"/>
      <c r="WAU137" s="23"/>
      <c r="WAV137" s="23"/>
      <c r="WAW137" s="23"/>
      <c r="WAX137" s="23"/>
      <c r="WAY137" s="23"/>
      <c r="WAZ137" s="23"/>
      <c r="WBA137" s="23"/>
      <c r="WBB137" s="23"/>
      <c r="WBC137" s="23"/>
      <c r="WBD137" s="23"/>
      <c r="WBE137" s="23"/>
      <c r="WBF137" s="23"/>
      <c r="WBG137" s="23"/>
      <c r="WBH137" s="23"/>
      <c r="WBI137" s="23"/>
      <c r="WBJ137" s="23"/>
      <c r="WBK137" s="23"/>
      <c r="WBL137" s="23"/>
      <c r="WBM137" s="23"/>
      <c r="WBN137" s="23"/>
      <c r="WBO137" s="23"/>
      <c r="WBP137" s="23"/>
      <c r="WBQ137" s="23"/>
      <c r="WBR137" s="23"/>
      <c r="WBS137" s="23"/>
      <c r="WBT137" s="23"/>
      <c r="WBU137" s="23"/>
      <c r="WBV137" s="23"/>
      <c r="WBW137" s="23"/>
      <c r="WBX137" s="23"/>
      <c r="WBY137" s="23"/>
      <c r="WBZ137" s="23"/>
      <c r="WCA137" s="23"/>
      <c r="WCB137" s="23"/>
      <c r="WCC137" s="23"/>
      <c r="WCD137" s="23"/>
      <c r="WCE137" s="23"/>
      <c r="WCF137" s="23"/>
      <c r="WCG137" s="23"/>
      <c r="WCH137" s="23"/>
      <c r="WCI137" s="23"/>
      <c r="WCJ137" s="23"/>
      <c r="WCK137" s="23"/>
      <c r="WCL137" s="23"/>
      <c r="WCM137" s="23"/>
      <c r="WCN137" s="23"/>
      <c r="WCO137" s="23"/>
      <c r="WCP137" s="23"/>
      <c r="WCQ137" s="23"/>
      <c r="WCR137" s="23"/>
      <c r="WCS137" s="23"/>
      <c r="WCT137" s="23"/>
      <c r="WCU137" s="23"/>
      <c r="WCV137" s="23"/>
      <c r="WCW137" s="23"/>
      <c r="WCX137" s="23"/>
      <c r="WCY137" s="23"/>
      <c r="WCZ137" s="23"/>
      <c r="WDA137" s="23"/>
      <c r="WDB137" s="23"/>
      <c r="WDC137" s="23"/>
      <c r="WDD137" s="23"/>
      <c r="WDE137" s="23"/>
      <c r="WDF137" s="23"/>
      <c r="WDG137" s="23"/>
      <c r="WDH137" s="23"/>
      <c r="WDI137" s="23"/>
      <c r="WDJ137" s="23"/>
      <c r="WDK137" s="23"/>
      <c r="WDL137" s="23"/>
      <c r="WDM137" s="23"/>
      <c r="WDN137" s="23"/>
      <c r="WDO137" s="23"/>
      <c r="WDP137" s="23"/>
      <c r="WDQ137" s="23"/>
      <c r="WDR137" s="23"/>
      <c r="WDS137" s="23"/>
      <c r="WDT137" s="23"/>
      <c r="WDU137" s="23"/>
      <c r="WDV137" s="23"/>
      <c r="WDW137" s="23"/>
      <c r="WDX137" s="23"/>
      <c r="WDY137" s="23"/>
      <c r="WDZ137" s="23"/>
      <c r="WEA137" s="23"/>
      <c r="WEB137" s="23"/>
      <c r="WEC137" s="23"/>
      <c r="WED137" s="23"/>
      <c r="WEE137" s="23"/>
      <c r="WEF137" s="23"/>
      <c r="WEG137" s="23"/>
      <c r="WEH137" s="23"/>
      <c r="WEI137" s="23"/>
      <c r="WEJ137" s="23"/>
      <c r="WEK137" s="23"/>
      <c r="WEL137" s="23"/>
      <c r="WEM137" s="23"/>
      <c r="WEN137" s="23"/>
      <c r="WEO137" s="23"/>
      <c r="WEP137" s="23"/>
      <c r="WEQ137" s="23"/>
      <c r="WER137" s="23"/>
      <c r="WES137" s="23"/>
      <c r="WET137" s="23"/>
      <c r="WEU137" s="23"/>
      <c r="WEV137" s="23"/>
      <c r="WEW137" s="23"/>
      <c r="WEX137" s="23"/>
      <c r="WEY137" s="23"/>
      <c r="WEZ137" s="23"/>
      <c r="WFA137" s="23"/>
      <c r="WFB137" s="23"/>
      <c r="WFC137" s="23"/>
      <c r="WFD137" s="23"/>
      <c r="WFE137" s="23"/>
      <c r="WFF137" s="23"/>
      <c r="WFG137" s="23"/>
      <c r="WFH137" s="23"/>
      <c r="WFI137" s="23"/>
      <c r="WFJ137" s="23"/>
      <c r="WFK137" s="23"/>
      <c r="WFL137" s="23"/>
      <c r="WFM137" s="23"/>
      <c r="WFN137" s="23"/>
      <c r="WFO137" s="23"/>
      <c r="WFP137" s="23"/>
      <c r="WFQ137" s="23"/>
      <c r="WFR137" s="23"/>
      <c r="WFS137" s="23"/>
      <c r="WFT137" s="23"/>
      <c r="WFU137" s="23"/>
      <c r="WFV137" s="23"/>
      <c r="WFW137" s="23"/>
      <c r="WFX137" s="23"/>
      <c r="WFY137" s="23"/>
      <c r="WFZ137" s="23"/>
      <c r="WGA137" s="23"/>
      <c r="WGB137" s="23"/>
      <c r="WGC137" s="23"/>
      <c r="WGD137" s="23"/>
      <c r="WGE137" s="23"/>
      <c r="WGF137" s="23"/>
      <c r="WGG137" s="23"/>
      <c r="WGH137" s="23"/>
      <c r="WGI137" s="23"/>
      <c r="WGJ137" s="23"/>
      <c r="WGK137" s="23"/>
      <c r="WGL137" s="23"/>
      <c r="WGM137" s="23"/>
      <c r="WGN137" s="23"/>
      <c r="WGO137" s="23"/>
      <c r="WGP137" s="23"/>
      <c r="WGQ137" s="23"/>
      <c r="WGR137" s="23"/>
      <c r="WGS137" s="23"/>
      <c r="WGT137" s="23"/>
      <c r="WGU137" s="23"/>
      <c r="WGV137" s="23"/>
      <c r="WGW137" s="23"/>
      <c r="WGX137" s="23"/>
      <c r="WGY137" s="23"/>
      <c r="WGZ137" s="23"/>
      <c r="WHA137" s="23"/>
      <c r="WHB137" s="23"/>
      <c r="WHC137" s="23"/>
      <c r="WHD137" s="23"/>
      <c r="WHE137" s="23"/>
      <c r="WHF137" s="23"/>
      <c r="WHG137" s="23"/>
      <c r="WHH137" s="23"/>
      <c r="WHI137" s="23"/>
      <c r="WHJ137" s="23"/>
      <c r="WHK137" s="23"/>
      <c r="WHL137" s="23"/>
      <c r="WHM137" s="23"/>
      <c r="WHN137" s="23"/>
      <c r="WHO137" s="23"/>
      <c r="WHP137" s="23"/>
      <c r="WHQ137" s="23"/>
      <c r="WHR137" s="23"/>
      <c r="WHS137" s="23"/>
      <c r="WHT137" s="23"/>
      <c r="WHU137" s="23"/>
      <c r="WHV137" s="23"/>
      <c r="WHW137" s="23"/>
      <c r="WHX137" s="23"/>
      <c r="WHY137" s="23"/>
      <c r="WHZ137" s="23"/>
      <c r="WIA137" s="23"/>
      <c r="WIB137" s="23"/>
      <c r="WIC137" s="23"/>
      <c r="WID137" s="23"/>
      <c r="WIE137" s="23"/>
      <c r="WIF137" s="23"/>
      <c r="WIG137" s="23"/>
      <c r="WIH137" s="23"/>
      <c r="WII137" s="23"/>
      <c r="WIJ137" s="23"/>
      <c r="WIK137" s="23"/>
      <c r="WIL137" s="23"/>
      <c r="WIM137" s="23"/>
      <c r="WIN137" s="23"/>
      <c r="WIO137" s="23"/>
      <c r="WIP137" s="23"/>
      <c r="WIQ137" s="23"/>
      <c r="WIR137" s="23"/>
      <c r="WIS137" s="23"/>
      <c r="WIT137" s="23"/>
      <c r="WIU137" s="23"/>
      <c r="WIV137" s="23"/>
      <c r="WIW137" s="23"/>
      <c r="WIX137" s="23"/>
      <c r="WIY137" s="23"/>
      <c r="WIZ137" s="23"/>
      <c r="WJA137" s="23"/>
      <c r="WJB137" s="23"/>
      <c r="WJC137" s="23"/>
      <c r="WJD137" s="23"/>
      <c r="WJE137" s="23"/>
      <c r="WJF137" s="23"/>
      <c r="WJG137" s="23"/>
      <c r="WJH137" s="23"/>
      <c r="WJI137" s="23"/>
      <c r="WJJ137" s="23"/>
      <c r="WJK137" s="23"/>
      <c r="WJL137" s="23"/>
      <c r="WJM137" s="23"/>
      <c r="WJN137" s="23"/>
      <c r="WJO137" s="23"/>
      <c r="WJP137" s="23"/>
      <c r="WJQ137" s="23"/>
      <c r="WJR137" s="23"/>
      <c r="WJS137" s="23"/>
      <c r="WJT137" s="23"/>
      <c r="WJU137" s="23"/>
      <c r="WJV137" s="23"/>
      <c r="WJW137" s="23"/>
      <c r="WJX137" s="23"/>
      <c r="WJY137" s="23"/>
      <c r="WJZ137" s="23"/>
      <c r="WKA137" s="23"/>
      <c r="WKB137" s="23"/>
      <c r="WKC137" s="23"/>
      <c r="WKD137" s="23"/>
      <c r="WKE137" s="23"/>
      <c r="WKF137" s="23"/>
      <c r="WKG137" s="23"/>
      <c r="WKH137" s="23"/>
      <c r="WKI137" s="23"/>
      <c r="WKJ137" s="23"/>
      <c r="WKK137" s="23"/>
      <c r="WKL137" s="23"/>
      <c r="WKM137" s="23"/>
      <c r="WKN137" s="23"/>
      <c r="WKO137" s="23"/>
      <c r="WKP137" s="23"/>
      <c r="WKQ137" s="23"/>
      <c r="WKR137" s="23"/>
      <c r="WKS137" s="23"/>
      <c r="WKT137" s="23"/>
      <c r="WKU137" s="23"/>
      <c r="WKV137" s="23"/>
      <c r="WKW137" s="23"/>
      <c r="WKX137" s="23"/>
      <c r="WKY137" s="23"/>
      <c r="WKZ137" s="23"/>
      <c r="WLA137" s="23"/>
      <c r="WLB137" s="23"/>
      <c r="WLC137" s="23"/>
      <c r="WLD137" s="23"/>
      <c r="WLE137" s="23"/>
      <c r="WLF137" s="23"/>
      <c r="WLG137" s="23"/>
      <c r="WLH137" s="23"/>
      <c r="WLI137" s="23"/>
      <c r="WLJ137" s="23"/>
      <c r="WLK137" s="23"/>
      <c r="WLL137" s="23"/>
      <c r="WLM137" s="23"/>
      <c r="WLN137" s="23"/>
      <c r="WLO137" s="23"/>
      <c r="WLP137" s="23"/>
      <c r="WLQ137" s="23"/>
      <c r="WLR137" s="23"/>
      <c r="WLS137" s="23"/>
      <c r="WLT137" s="23"/>
      <c r="WLU137" s="23"/>
      <c r="WLV137" s="23"/>
      <c r="WLW137" s="23"/>
      <c r="WLX137" s="23"/>
      <c r="WLY137" s="23"/>
      <c r="WLZ137" s="23"/>
      <c r="WMA137" s="23"/>
      <c r="WMB137" s="23"/>
      <c r="WMC137" s="23"/>
      <c r="WMD137" s="23"/>
      <c r="WME137" s="23"/>
      <c r="WMF137" s="23"/>
      <c r="WMG137" s="23"/>
      <c r="WMH137" s="23"/>
      <c r="WMI137" s="23"/>
      <c r="WMJ137" s="23"/>
      <c r="WMK137" s="23"/>
      <c r="WML137" s="23"/>
      <c r="WMM137" s="23"/>
      <c r="WMN137" s="23"/>
      <c r="WMO137" s="23"/>
      <c r="WMP137" s="23"/>
      <c r="WMQ137" s="23"/>
      <c r="WMR137" s="23"/>
      <c r="WMS137" s="23"/>
      <c r="WMT137" s="23"/>
      <c r="WMU137" s="23"/>
      <c r="WMV137" s="23"/>
      <c r="WMW137" s="23"/>
      <c r="WMX137" s="23"/>
      <c r="WMY137" s="23"/>
      <c r="WMZ137" s="23"/>
      <c r="WNA137" s="23"/>
      <c r="WNB137" s="23"/>
      <c r="WNC137" s="23"/>
      <c r="WND137" s="23"/>
      <c r="WNE137" s="23"/>
      <c r="WNF137" s="23"/>
      <c r="WNG137" s="23"/>
      <c r="WNH137" s="23"/>
      <c r="WNI137" s="23"/>
      <c r="WNJ137" s="23"/>
      <c r="WNK137" s="23"/>
      <c r="WNL137" s="23"/>
      <c r="WNM137" s="23"/>
      <c r="WNN137" s="23"/>
      <c r="WNO137" s="23"/>
      <c r="WNP137" s="23"/>
      <c r="WNQ137" s="23"/>
      <c r="WNR137" s="23"/>
      <c r="WNS137" s="23"/>
      <c r="WNT137" s="23"/>
      <c r="WNU137" s="23"/>
      <c r="WNV137" s="23"/>
      <c r="WNW137" s="23"/>
      <c r="WNX137" s="23"/>
      <c r="WNY137" s="23"/>
      <c r="WNZ137" s="23"/>
      <c r="WOA137" s="23"/>
      <c r="WOB137" s="23"/>
      <c r="WOC137" s="23"/>
      <c r="WOD137" s="23"/>
      <c r="WOE137" s="23"/>
      <c r="WOF137" s="23"/>
      <c r="WOG137" s="23"/>
      <c r="WOH137" s="23"/>
      <c r="WOI137" s="23"/>
      <c r="WOJ137" s="23"/>
      <c r="WOK137" s="23"/>
      <c r="WOL137" s="23"/>
      <c r="WOM137" s="23"/>
      <c r="WON137" s="23"/>
      <c r="WOO137" s="23"/>
      <c r="WOP137" s="23"/>
      <c r="WOQ137" s="23"/>
      <c r="WOR137" s="23"/>
      <c r="WOS137" s="23"/>
      <c r="WOT137" s="23"/>
      <c r="WOU137" s="23"/>
      <c r="WOV137" s="23"/>
      <c r="WOW137" s="23"/>
      <c r="WOX137" s="23"/>
      <c r="WOY137" s="23"/>
      <c r="WOZ137" s="23"/>
      <c r="WPA137" s="23"/>
      <c r="WPB137" s="23"/>
      <c r="WPC137" s="23"/>
      <c r="WPD137" s="23"/>
      <c r="WPE137" s="23"/>
      <c r="WPF137" s="23"/>
      <c r="WPG137" s="23"/>
      <c r="WPH137" s="23"/>
      <c r="WPI137" s="23"/>
      <c r="WPJ137" s="23"/>
      <c r="WPK137" s="23"/>
      <c r="WPL137" s="23"/>
      <c r="WPM137" s="23"/>
      <c r="WPN137" s="23"/>
      <c r="WPO137" s="23"/>
      <c r="WPP137" s="23"/>
      <c r="WPQ137" s="23"/>
      <c r="WPR137" s="23"/>
      <c r="WPS137" s="23"/>
      <c r="WPT137" s="23"/>
      <c r="WPU137" s="23"/>
      <c r="WPV137" s="23"/>
      <c r="WPW137" s="23"/>
      <c r="WPX137" s="23"/>
      <c r="WPY137" s="23"/>
      <c r="WPZ137" s="23"/>
      <c r="WQA137" s="23"/>
      <c r="WQB137" s="23"/>
      <c r="WQC137" s="23"/>
      <c r="WQD137" s="23"/>
      <c r="WQE137" s="23"/>
      <c r="WQF137" s="23"/>
      <c r="WQG137" s="23"/>
      <c r="WQH137" s="23"/>
      <c r="WQI137" s="23"/>
      <c r="WQJ137" s="23"/>
      <c r="WQK137" s="23"/>
      <c r="WQL137" s="23"/>
      <c r="WQM137" s="23"/>
      <c r="WQN137" s="23"/>
      <c r="WQO137" s="23"/>
      <c r="WQP137" s="23"/>
      <c r="WQQ137" s="23"/>
      <c r="WQR137" s="23"/>
      <c r="WQS137" s="23"/>
      <c r="WQT137" s="23"/>
      <c r="WQU137" s="23"/>
      <c r="WQV137" s="23"/>
      <c r="WQW137" s="23"/>
      <c r="WQX137" s="23"/>
      <c r="WQY137" s="23"/>
      <c r="WQZ137" s="23"/>
      <c r="WRA137" s="23"/>
      <c r="WRB137" s="23"/>
      <c r="WRC137" s="23"/>
      <c r="WRD137" s="23"/>
      <c r="WRE137" s="23"/>
      <c r="WRF137" s="23"/>
      <c r="WRG137" s="23"/>
      <c r="WRH137" s="23"/>
      <c r="WRI137" s="23"/>
      <c r="WRJ137" s="23"/>
      <c r="WRK137" s="23"/>
      <c r="WRL137" s="23"/>
      <c r="WRM137" s="23"/>
      <c r="WRN137" s="23"/>
      <c r="WRO137" s="23"/>
      <c r="WRP137" s="23"/>
      <c r="WRQ137" s="23"/>
      <c r="WRR137" s="23"/>
      <c r="WRS137" s="23"/>
      <c r="WRT137" s="23"/>
      <c r="WRU137" s="23"/>
      <c r="WRV137" s="23"/>
      <c r="WRW137" s="23"/>
      <c r="WRX137" s="23"/>
      <c r="WRY137" s="23"/>
      <c r="WRZ137" s="23"/>
      <c r="WSA137" s="23"/>
      <c r="WSB137" s="23"/>
      <c r="WSC137" s="23"/>
      <c r="WSD137" s="23"/>
      <c r="WSE137" s="23"/>
      <c r="WSF137" s="23"/>
      <c r="WSG137" s="23"/>
      <c r="WSH137" s="23"/>
      <c r="WSI137" s="23"/>
      <c r="WSJ137" s="23"/>
      <c r="WSK137" s="23"/>
      <c r="WSL137" s="23"/>
      <c r="WSM137" s="23"/>
      <c r="WSN137" s="23"/>
      <c r="WSO137" s="23"/>
      <c r="WSP137" s="23"/>
      <c r="WSQ137" s="23"/>
      <c r="WSR137" s="23"/>
      <c r="WSS137" s="23"/>
      <c r="WST137" s="23"/>
      <c r="WSU137" s="23"/>
      <c r="WSV137" s="23"/>
      <c r="WSW137" s="23"/>
      <c r="WSX137" s="23"/>
      <c r="WSY137" s="23"/>
      <c r="WSZ137" s="23"/>
      <c r="WTA137" s="23"/>
      <c r="WTB137" s="23"/>
      <c r="WTC137" s="23"/>
      <c r="WTD137" s="23"/>
      <c r="WTE137" s="23"/>
      <c r="WTF137" s="23"/>
      <c r="WTG137" s="23"/>
      <c r="WTH137" s="23"/>
      <c r="WTI137" s="23"/>
      <c r="WTJ137" s="23"/>
      <c r="WTK137" s="23"/>
      <c r="WTL137" s="23"/>
      <c r="WTM137" s="23"/>
      <c r="WTN137" s="23"/>
      <c r="WTO137" s="23"/>
      <c r="WTP137" s="23"/>
      <c r="WTQ137" s="23"/>
      <c r="WTR137" s="23"/>
      <c r="WTS137" s="23"/>
      <c r="WTT137" s="23"/>
      <c r="WTU137" s="23"/>
      <c r="WTV137" s="23"/>
      <c r="WTW137" s="23"/>
      <c r="WTX137" s="23"/>
      <c r="WTY137" s="23"/>
      <c r="WTZ137" s="23"/>
      <c r="WUA137" s="23"/>
      <c r="WUB137" s="23"/>
      <c r="WUC137" s="23"/>
      <c r="WUD137" s="23"/>
      <c r="WUE137" s="23"/>
      <c r="WUF137" s="23"/>
      <c r="WUG137" s="23"/>
      <c r="WUH137" s="23"/>
      <c r="WUI137" s="23"/>
      <c r="WUJ137" s="23"/>
      <c r="WUK137" s="23"/>
      <c r="WUL137" s="23"/>
      <c r="WUM137" s="23"/>
      <c r="WUN137" s="23"/>
      <c r="WUO137" s="23"/>
      <c r="WUP137" s="23"/>
      <c r="WUQ137" s="23"/>
      <c r="WUR137" s="23"/>
      <c r="WUS137" s="23"/>
      <c r="WUT137" s="23"/>
      <c r="WUU137" s="23"/>
      <c r="WUV137" s="23"/>
      <c r="WUW137" s="23"/>
      <c r="WUX137" s="23"/>
      <c r="WUY137" s="23"/>
      <c r="WUZ137" s="23"/>
      <c r="WVA137" s="23"/>
      <c r="WVB137" s="23"/>
      <c r="WVC137" s="23"/>
      <c r="WVD137" s="23"/>
      <c r="WVE137" s="23"/>
      <c r="WVF137" s="23"/>
      <c r="WVG137" s="23"/>
      <c r="WVH137" s="23"/>
      <c r="WVI137" s="23"/>
      <c r="WVJ137" s="23"/>
      <c r="WVK137" s="23"/>
      <c r="WVL137" s="23"/>
      <c r="WVM137" s="23"/>
      <c r="WVN137" s="23"/>
      <c r="WVO137" s="23"/>
      <c r="WVP137" s="23"/>
      <c r="WVQ137" s="23"/>
      <c r="WVR137" s="23"/>
      <c r="WVS137" s="23"/>
      <c r="WVT137" s="23"/>
      <c r="WVU137" s="23"/>
      <c r="WVV137" s="23"/>
      <c r="WVW137" s="23"/>
      <c r="WVX137" s="23"/>
      <c r="WVY137" s="23"/>
      <c r="WVZ137" s="23"/>
      <c r="WWA137" s="23"/>
      <c r="WWB137" s="23"/>
      <c r="WWC137" s="23"/>
      <c r="WWD137" s="23"/>
      <c r="WWE137" s="23"/>
      <c r="WWF137" s="23"/>
      <c r="WWG137" s="23"/>
      <c r="WWH137" s="23"/>
      <c r="WWI137" s="23"/>
      <c r="WWJ137" s="23"/>
      <c r="WWK137" s="23"/>
      <c r="WWL137" s="23"/>
      <c r="WWM137" s="23"/>
      <c r="WWN137" s="23"/>
      <c r="WWO137" s="23"/>
      <c r="WWP137" s="23"/>
      <c r="WWQ137" s="23"/>
      <c r="WWR137" s="23"/>
      <c r="WWS137" s="23"/>
      <c r="WWT137" s="23"/>
      <c r="WWU137" s="23"/>
      <c r="WWV137" s="23"/>
      <c r="WWW137" s="23"/>
      <c r="WWX137" s="23"/>
      <c r="WWY137" s="23"/>
      <c r="WWZ137" s="23"/>
      <c r="WXA137" s="23"/>
      <c r="WXB137" s="23"/>
      <c r="WXC137" s="23"/>
      <c r="WXD137" s="23"/>
      <c r="WXE137" s="23"/>
      <c r="WXF137" s="23"/>
      <c r="WXG137" s="23"/>
      <c r="WXH137" s="23"/>
      <c r="WXI137" s="23"/>
      <c r="WXJ137" s="23"/>
      <c r="WXK137" s="23"/>
      <c r="WXL137" s="23"/>
      <c r="WXM137" s="23"/>
      <c r="WXN137" s="23"/>
      <c r="WXO137" s="23"/>
      <c r="WXP137" s="23"/>
      <c r="WXQ137" s="23"/>
      <c r="WXR137" s="23"/>
      <c r="WXS137" s="23"/>
      <c r="WXT137" s="23"/>
      <c r="WXU137" s="23"/>
      <c r="WXV137" s="23"/>
      <c r="WXW137" s="23"/>
      <c r="WXX137" s="23"/>
      <c r="WXY137" s="23"/>
      <c r="WXZ137" s="23"/>
      <c r="WYA137" s="23"/>
      <c r="WYB137" s="23"/>
      <c r="WYC137" s="23"/>
      <c r="WYD137" s="23"/>
      <c r="WYE137" s="23"/>
      <c r="WYF137" s="23"/>
      <c r="WYG137" s="23"/>
      <c r="WYH137" s="23"/>
      <c r="WYI137" s="23"/>
      <c r="WYJ137" s="23"/>
      <c r="WYK137" s="23"/>
      <c r="WYL137" s="23"/>
      <c r="WYM137" s="23"/>
      <c r="WYN137" s="23"/>
      <c r="WYO137" s="23"/>
      <c r="WYP137" s="23"/>
      <c r="WYQ137" s="23"/>
      <c r="WYR137" s="23"/>
      <c r="WYS137" s="23"/>
      <c r="WYT137" s="23"/>
      <c r="WYU137" s="23"/>
      <c r="WYV137" s="23"/>
      <c r="WYW137" s="23"/>
      <c r="WYX137" s="23"/>
      <c r="WYY137" s="23"/>
      <c r="WYZ137" s="23"/>
      <c r="WZA137" s="23"/>
      <c r="WZB137" s="23"/>
      <c r="WZC137" s="23"/>
      <c r="WZD137" s="23"/>
      <c r="WZE137" s="23"/>
      <c r="WZF137" s="23"/>
      <c r="WZG137" s="23"/>
      <c r="WZH137" s="23"/>
      <c r="WZI137" s="23"/>
      <c r="WZJ137" s="23"/>
      <c r="WZK137" s="23"/>
      <c r="WZL137" s="23"/>
      <c r="WZM137" s="23"/>
      <c r="WZN137" s="23"/>
      <c r="WZO137" s="23"/>
      <c r="WZP137" s="23"/>
      <c r="WZQ137" s="23"/>
      <c r="WZR137" s="23"/>
      <c r="WZS137" s="23"/>
      <c r="WZT137" s="23"/>
      <c r="WZU137" s="23"/>
      <c r="WZV137" s="23"/>
      <c r="WZW137" s="23"/>
      <c r="WZX137" s="23"/>
      <c r="WZY137" s="23"/>
      <c r="WZZ137" s="23"/>
      <c r="XAA137" s="23"/>
      <c r="XAB137" s="23"/>
      <c r="XAC137" s="23"/>
      <c r="XAD137" s="23"/>
      <c r="XAE137" s="23"/>
      <c r="XAF137" s="23"/>
      <c r="XAG137" s="23"/>
      <c r="XAH137" s="23"/>
      <c r="XAI137" s="23"/>
      <c r="XAJ137" s="23"/>
      <c r="XAK137" s="23"/>
      <c r="XAL137" s="23"/>
      <c r="XAM137" s="23"/>
      <c r="XAN137" s="23"/>
      <c r="XAO137" s="23"/>
      <c r="XAP137" s="23"/>
      <c r="XAQ137" s="23"/>
      <c r="XAR137" s="23"/>
      <c r="XAS137" s="23"/>
      <c r="XAT137" s="23"/>
      <c r="XAU137" s="23"/>
      <c r="XAV137" s="23"/>
      <c r="XAW137" s="23"/>
      <c r="XAX137" s="23"/>
      <c r="XAY137" s="23"/>
      <c r="XAZ137" s="23"/>
      <c r="XBA137" s="23"/>
      <c r="XBB137" s="23"/>
      <c r="XBC137" s="23"/>
      <c r="XBD137" s="23"/>
      <c r="XBE137" s="23"/>
      <c r="XBF137" s="23"/>
      <c r="XBG137" s="23"/>
      <c r="XBH137" s="23"/>
      <c r="XBI137" s="23"/>
      <c r="XBJ137" s="23"/>
      <c r="XBK137" s="23"/>
      <c r="XBL137" s="23"/>
      <c r="XBM137" s="23"/>
      <c r="XBN137" s="23"/>
      <c r="XBO137" s="23"/>
      <c r="XBP137" s="23"/>
      <c r="XBQ137" s="23"/>
      <c r="XBR137" s="23"/>
      <c r="XBS137" s="23"/>
      <c r="XBT137" s="23"/>
      <c r="XBU137" s="23"/>
      <c r="XBV137" s="23"/>
      <c r="XBW137" s="23"/>
      <c r="XBX137" s="23"/>
      <c r="XBY137" s="23"/>
      <c r="XBZ137" s="23"/>
      <c r="XCA137" s="23"/>
      <c r="XCB137" s="23"/>
      <c r="XCC137" s="23"/>
      <c r="XCD137" s="23"/>
      <c r="XCE137" s="23"/>
      <c r="XCF137" s="23"/>
      <c r="XCG137" s="23"/>
      <c r="XCH137" s="23"/>
      <c r="XCI137" s="23"/>
      <c r="XCJ137" s="23"/>
      <c r="XCK137" s="23"/>
      <c r="XCL137" s="23"/>
      <c r="XCM137" s="23"/>
      <c r="XCN137" s="23"/>
      <c r="XCO137" s="23"/>
      <c r="XCP137" s="23"/>
      <c r="XCQ137" s="23"/>
      <c r="XCR137" s="23"/>
      <c r="XCS137" s="23"/>
      <c r="XCT137" s="23"/>
      <c r="XCU137" s="23"/>
      <c r="XCV137" s="23"/>
      <c r="XCW137" s="23"/>
      <c r="XCX137" s="23"/>
      <c r="XCY137" s="23"/>
      <c r="XCZ137" s="23"/>
      <c r="XDA137" s="23"/>
      <c r="XDB137" s="23"/>
      <c r="XDC137" s="23"/>
      <c r="XDD137" s="23"/>
      <c r="XDE137" s="23"/>
      <c r="XDF137" s="23"/>
      <c r="XDG137" s="23"/>
      <c r="XDH137" s="23"/>
      <c r="XDI137" s="23"/>
      <c r="XDJ137" s="23"/>
      <c r="XDK137" s="23"/>
      <c r="XDL137" s="23"/>
      <c r="XDM137" s="23"/>
      <c r="XDN137" s="23"/>
      <c r="XDO137" s="23"/>
      <c r="XDP137" s="23"/>
      <c r="XDQ137" s="23"/>
      <c r="XDR137" s="23"/>
      <c r="XDS137" s="23"/>
      <c r="XDT137" s="23"/>
      <c r="XDU137" s="23"/>
      <c r="XDV137" s="23"/>
      <c r="XDW137" s="23"/>
      <c r="XDX137" s="23"/>
      <c r="XDY137" s="23"/>
      <c r="XDZ137" s="23"/>
      <c r="XEA137" s="23"/>
      <c r="XEB137" s="23"/>
      <c r="XEC137" s="23"/>
      <c r="XED137" s="23"/>
      <c r="XEE137" s="23"/>
      <c r="XEF137" s="23"/>
      <c r="XEG137" s="23"/>
      <c r="XEH137" s="23"/>
      <c r="XEI137" s="23"/>
      <c r="XEJ137" s="23"/>
      <c r="XEK137" s="23"/>
      <c r="XEL137" s="23"/>
      <c r="XEM137" s="23"/>
      <c r="XEN137" s="23"/>
      <c r="XEO137" s="23"/>
      <c r="XEP137" s="23"/>
      <c r="XEQ137" s="23"/>
    </row>
    <row r="138" spans="1:16371" s="22" customFormat="1" ht="32.4" x14ac:dyDescent="0.2">
      <c r="A138" s="4" t="s">
        <v>403</v>
      </c>
      <c r="B138" s="4" t="s">
        <v>410</v>
      </c>
      <c r="C138" s="4" t="s">
        <v>411</v>
      </c>
      <c r="D138" s="4" t="s">
        <v>412</v>
      </c>
      <c r="E138" s="4"/>
      <c r="F138" s="23"/>
      <c r="G138" s="23"/>
      <c r="H138" s="23"/>
      <c r="I138" s="23"/>
      <c r="J138" s="23"/>
      <c r="K138" s="23"/>
      <c r="L138" s="23"/>
      <c r="M138" s="23"/>
      <c r="N138" s="23"/>
      <c r="O138" s="23"/>
      <c r="P138" s="23"/>
      <c r="Q138" s="23"/>
      <c r="R138" s="23"/>
      <c r="S138" s="23"/>
      <c r="T138" s="23"/>
      <c r="U138" s="23"/>
      <c r="V138" s="23"/>
      <c r="W138" s="23"/>
      <c r="X138" s="23"/>
      <c r="Y138" s="23"/>
      <c r="Z138" s="23"/>
      <c r="AA138" s="23"/>
      <c r="AB138" s="23"/>
      <c r="AC138" s="23"/>
      <c r="AD138" s="23"/>
      <c r="AE138" s="23"/>
      <c r="AF138" s="23"/>
      <c r="AG138" s="23"/>
      <c r="AH138" s="23"/>
      <c r="AI138" s="23"/>
      <c r="AJ138" s="23"/>
      <c r="AK138" s="23"/>
      <c r="AL138" s="23"/>
      <c r="AM138" s="23"/>
      <c r="AN138" s="23"/>
      <c r="AO138" s="23"/>
      <c r="AP138" s="23"/>
      <c r="AQ138" s="23"/>
      <c r="AR138" s="23"/>
      <c r="AS138" s="23"/>
      <c r="AT138" s="23"/>
      <c r="AU138" s="23"/>
      <c r="AV138" s="23"/>
      <c r="AW138" s="23"/>
      <c r="AX138" s="23"/>
      <c r="AY138" s="23"/>
      <c r="AZ138" s="23"/>
      <c r="BA138" s="23"/>
      <c r="BB138" s="23"/>
      <c r="BC138" s="23"/>
      <c r="BD138" s="23"/>
      <c r="BE138" s="23"/>
      <c r="BF138" s="23"/>
      <c r="BG138" s="23"/>
      <c r="BH138" s="23"/>
      <c r="BI138" s="23"/>
      <c r="BJ138" s="23"/>
      <c r="BK138" s="23"/>
      <c r="BL138" s="23"/>
      <c r="BM138" s="23"/>
      <c r="BN138" s="23"/>
      <c r="BO138" s="23"/>
      <c r="BP138" s="23"/>
      <c r="BQ138" s="23"/>
      <c r="BR138" s="23"/>
      <c r="BS138" s="23"/>
      <c r="BT138" s="23"/>
      <c r="BU138" s="23"/>
      <c r="BV138" s="23"/>
      <c r="BW138" s="23"/>
      <c r="BX138" s="23"/>
      <c r="BY138" s="23"/>
      <c r="BZ138" s="23"/>
      <c r="CA138" s="23"/>
      <c r="CB138" s="23"/>
      <c r="CC138" s="23"/>
      <c r="CD138" s="23"/>
      <c r="CE138" s="23"/>
      <c r="CF138" s="23"/>
      <c r="CG138" s="23"/>
      <c r="CH138" s="23"/>
      <c r="CI138" s="23"/>
      <c r="CJ138" s="23"/>
      <c r="CK138" s="23"/>
      <c r="CL138" s="23"/>
      <c r="CM138" s="23"/>
      <c r="CN138" s="23"/>
      <c r="CO138" s="23"/>
      <c r="CP138" s="23"/>
      <c r="CQ138" s="23"/>
      <c r="CR138" s="23"/>
      <c r="CS138" s="23"/>
      <c r="CT138" s="23"/>
      <c r="CU138" s="23"/>
      <c r="CV138" s="23"/>
      <c r="CW138" s="23"/>
      <c r="CX138" s="23"/>
      <c r="CY138" s="23"/>
      <c r="CZ138" s="23"/>
      <c r="DA138" s="23"/>
      <c r="DB138" s="23"/>
      <c r="DC138" s="23"/>
      <c r="DD138" s="23"/>
      <c r="DE138" s="23"/>
      <c r="DF138" s="23"/>
      <c r="DG138" s="23"/>
      <c r="DH138" s="23"/>
      <c r="DI138" s="23"/>
      <c r="DJ138" s="23"/>
      <c r="DK138" s="23"/>
      <c r="DL138" s="23"/>
      <c r="DM138" s="23"/>
      <c r="DN138" s="23"/>
      <c r="DO138" s="23"/>
      <c r="DP138" s="23"/>
      <c r="DQ138" s="23"/>
      <c r="DR138" s="23"/>
      <c r="DS138" s="23"/>
      <c r="DT138" s="23"/>
      <c r="DU138" s="23"/>
      <c r="DV138" s="23"/>
      <c r="DW138" s="23"/>
      <c r="DX138" s="23"/>
      <c r="DY138" s="23"/>
      <c r="DZ138" s="23"/>
      <c r="EA138" s="23"/>
      <c r="EB138" s="23"/>
      <c r="EC138" s="23"/>
      <c r="ED138" s="23"/>
      <c r="EE138" s="23"/>
      <c r="EF138" s="23"/>
      <c r="EG138" s="23"/>
      <c r="EH138" s="23"/>
      <c r="EI138" s="23"/>
      <c r="EJ138" s="23"/>
      <c r="EK138" s="23"/>
      <c r="EL138" s="23"/>
      <c r="EM138" s="23"/>
      <c r="EN138" s="23"/>
      <c r="EO138" s="23"/>
      <c r="EP138" s="23"/>
      <c r="EQ138" s="23"/>
      <c r="ER138" s="23"/>
      <c r="ES138" s="23"/>
      <c r="ET138" s="23"/>
      <c r="EU138" s="23"/>
      <c r="EV138" s="23"/>
      <c r="EW138" s="23"/>
      <c r="EX138" s="23"/>
      <c r="EY138" s="23"/>
      <c r="EZ138" s="23"/>
      <c r="FA138" s="23"/>
      <c r="FB138" s="23"/>
      <c r="FC138" s="23"/>
      <c r="FD138" s="23"/>
      <c r="FE138" s="23"/>
      <c r="FF138" s="23"/>
      <c r="FG138" s="23"/>
      <c r="FH138" s="23"/>
      <c r="FI138" s="23"/>
      <c r="FJ138" s="23"/>
      <c r="FK138" s="23"/>
      <c r="FL138" s="23"/>
      <c r="FM138" s="23"/>
      <c r="FN138" s="23"/>
      <c r="FO138" s="23"/>
      <c r="FP138" s="23"/>
      <c r="FQ138" s="23"/>
      <c r="FR138" s="23"/>
      <c r="FS138" s="23"/>
      <c r="FT138" s="23"/>
      <c r="FU138" s="23"/>
      <c r="FV138" s="23"/>
      <c r="FW138" s="23"/>
      <c r="FX138" s="23"/>
      <c r="FY138" s="23"/>
      <c r="FZ138" s="23"/>
      <c r="GA138" s="23"/>
      <c r="GB138" s="23"/>
      <c r="GC138" s="23"/>
      <c r="GD138" s="23"/>
      <c r="GE138" s="23"/>
      <c r="GF138" s="23"/>
      <c r="GG138" s="23"/>
      <c r="GH138" s="23"/>
      <c r="GI138" s="23"/>
      <c r="GJ138" s="23"/>
      <c r="GK138" s="23"/>
      <c r="GL138" s="23"/>
      <c r="GM138" s="23"/>
      <c r="GN138" s="23"/>
      <c r="GO138" s="23"/>
      <c r="GP138" s="23"/>
      <c r="GQ138" s="23"/>
      <c r="GR138" s="23"/>
      <c r="GS138" s="23"/>
      <c r="GT138" s="23"/>
      <c r="GU138" s="23"/>
      <c r="GV138" s="23"/>
      <c r="GW138" s="23"/>
      <c r="GX138" s="23"/>
      <c r="GY138" s="23"/>
      <c r="GZ138" s="23"/>
      <c r="HA138" s="23"/>
      <c r="HB138" s="23"/>
      <c r="HC138" s="23"/>
      <c r="HD138" s="23"/>
      <c r="HE138" s="23"/>
      <c r="HF138" s="23"/>
      <c r="HG138" s="23"/>
      <c r="HH138" s="23"/>
      <c r="HI138" s="23"/>
      <c r="HJ138" s="23"/>
      <c r="HK138" s="23"/>
      <c r="HL138" s="23"/>
      <c r="HM138" s="23"/>
      <c r="HN138" s="23"/>
      <c r="HO138" s="23"/>
      <c r="HP138" s="23"/>
      <c r="HQ138" s="23"/>
      <c r="HR138" s="23"/>
      <c r="HS138" s="23"/>
      <c r="HT138" s="23"/>
      <c r="HU138" s="23"/>
      <c r="HV138" s="23"/>
      <c r="HW138" s="23"/>
      <c r="HX138" s="23"/>
      <c r="HY138" s="23"/>
      <c r="HZ138" s="23"/>
      <c r="IA138" s="23"/>
      <c r="IB138" s="23"/>
      <c r="IC138" s="23"/>
      <c r="ID138" s="23"/>
      <c r="IE138" s="23"/>
      <c r="IF138" s="23"/>
      <c r="IG138" s="23"/>
      <c r="IH138" s="23"/>
      <c r="II138" s="23"/>
      <c r="IJ138" s="23"/>
      <c r="IK138" s="23"/>
      <c r="IL138" s="23"/>
      <c r="IM138" s="23"/>
      <c r="IN138" s="23"/>
      <c r="IO138" s="23"/>
      <c r="IP138" s="23"/>
      <c r="IQ138" s="23"/>
      <c r="IR138" s="23"/>
      <c r="IS138" s="23"/>
      <c r="IT138" s="23"/>
      <c r="IU138" s="23"/>
      <c r="IV138" s="23"/>
      <c r="IW138" s="23"/>
      <c r="IX138" s="23"/>
      <c r="IY138" s="23"/>
      <c r="IZ138" s="23"/>
      <c r="JA138" s="23"/>
      <c r="JB138" s="23"/>
      <c r="JC138" s="23"/>
      <c r="JD138" s="23"/>
      <c r="JE138" s="23"/>
      <c r="JF138" s="23"/>
      <c r="JG138" s="23"/>
      <c r="JH138" s="23"/>
      <c r="JI138" s="23"/>
      <c r="JJ138" s="23"/>
      <c r="JK138" s="23"/>
      <c r="JL138" s="23"/>
      <c r="JM138" s="23"/>
      <c r="JN138" s="23"/>
      <c r="JO138" s="23"/>
      <c r="JP138" s="23"/>
      <c r="JQ138" s="23"/>
      <c r="JR138" s="23"/>
      <c r="JS138" s="23"/>
      <c r="JT138" s="23"/>
      <c r="JU138" s="23"/>
      <c r="JV138" s="23"/>
      <c r="JW138" s="23"/>
      <c r="JX138" s="23"/>
      <c r="JY138" s="23"/>
      <c r="JZ138" s="23"/>
      <c r="KA138" s="23"/>
      <c r="KB138" s="23"/>
      <c r="KC138" s="23"/>
      <c r="KD138" s="23"/>
      <c r="KE138" s="23"/>
      <c r="KF138" s="23"/>
      <c r="KG138" s="23"/>
      <c r="KH138" s="23"/>
      <c r="KI138" s="23"/>
      <c r="KJ138" s="23"/>
      <c r="KK138" s="23"/>
      <c r="KL138" s="23"/>
      <c r="KM138" s="23"/>
      <c r="KN138" s="23"/>
      <c r="KO138" s="23"/>
      <c r="KP138" s="23"/>
      <c r="KQ138" s="23"/>
      <c r="KR138" s="23"/>
      <c r="KS138" s="23"/>
      <c r="KT138" s="23"/>
      <c r="KU138" s="23"/>
      <c r="KV138" s="23"/>
      <c r="KW138" s="23"/>
      <c r="KX138" s="23"/>
      <c r="KY138" s="23"/>
      <c r="KZ138" s="23"/>
      <c r="LA138" s="23"/>
      <c r="LB138" s="23"/>
      <c r="LC138" s="23"/>
      <c r="LD138" s="23"/>
      <c r="LE138" s="23"/>
      <c r="LF138" s="23"/>
      <c r="LG138" s="23"/>
      <c r="LH138" s="23"/>
      <c r="LI138" s="23"/>
      <c r="LJ138" s="23"/>
      <c r="LK138" s="23"/>
      <c r="LL138" s="23"/>
      <c r="LM138" s="23"/>
      <c r="LN138" s="23"/>
      <c r="LO138" s="23"/>
      <c r="LP138" s="23"/>
      <c r="LQ138" s="23"/>
      <c r="LR138" s="23"/>
      <c r="LS138" s="23"/>
      <c r="LT138" s="23"/>
      <c r="LU138" s="23"/>
      <c r="LV138" s="23"/>
      <c r="LW138" s="23"/>
      <c r="LX138" s="23"/>
      <c r="LY138" s="23"/>
      <c r="LZ138" s="23"/>
      <c r="MA138" s="23"/>
      <c r="MB138" s="23"/>
      <c r="MC138" s="23"/>
      <c r="MD138" s="23"/>
      <c r="ME138" s="23"/>
      <c r="MF138" s="23"/>
      <c r="MG138" s="23"/>
      <c r="MH138" s="23"/>
      <c r="MI138" s="23"/>
      <c r="MJ138" s="23"/>
      <c r="MK138" s="23"/>
      <c r="ML138" s="23"/>
      <c r="MM138" s="23"/>
      <c r="MN138" s="23"/>
      <c r="MO138" s="23"/>
      <c r="MP138" s="23"/>
      <c r="MQ138" s="23"/>
      <c r="MR138" s="23"/>
      <c r="MS138" s="23"/>
      <c r="MT138" s="23"/>
      <c r="MU138" s="23"/>
      <c r="MV138" s="23"/>
      <c r="MW138" s="23"/>
      <c r="MX138" s="23"/>
      <c r="MY138" s="23"/>
      <c r="MZ138" s="23"/>
      <c r="NA138" s="23"/>
      <c r="NB138" s="23"/>
      <c r="NC138" s="23"/>
      <c r="ND138" s="23"/>
      <c r="NE138" s="23"/>
      <c r="NF138" s="23"/>
      <c r="NG138" s="23"/>
      <c r="NH138" s="23"/>
      <c r="NI138" s="23"/>
      <c r="NJ138" s="23"/>
      <c r="NK138" s="23"/>
      <c r="NL138" s="23"/>
      <c r="NM138" s="23"/>
      <c r="NN138" s="23"/>
      <c r="NO138" s="23"/>
      <c r="NP138" s="23"/>
      <c r="NQ138" s="23"/>
      <c r="NR138" s="23"/>
      <c r="NS138" s="23"/>
      <c r="NT138" s="23"/>
      <c r="NU138" s="23"/>
      <c r="NV138" s="23"/>
      <c r="NW138" s="23"/>
      <c r="NX138" s="23"/>
      <c r="NY138" s="23"/>
      <c r="NZ138" s="23"/>
      <c r="OA138" s="23"/>
      <c r="OB138" s="23"/>
      <c r="OC138" s="23"/>
      <c r="OD138" s="23"/>
      <c r="OE138" s="23"/>
      <c r="OF138" s="23"/>
      <c r="OG138" s="23"/>
      <c r="OH138" s="23"/>
      <c r="OI138" s="23"/>
      <c r="OJ138" s="23"/>
      <c r="OK138" s="23"/>
      <c r="OL138" s="23"/>
      <c r="OM138" s="23"/>
      <c r="ON138" s="23"/>
      <c r="OO138" s="23"/>
      <c r="OP138" s="23"/>
      <c r="OQ138" s="23"/>
      <c r="OR138" s="23"/>
      <c r="OS138" s="23"/>
      <c r="OT138" s="23"/>
      <c r="OU138" s="23"/>
      <c r="OV138" s="23"/>
      <c r="OW138" s="23"/>
      <c r="OX138" s="23"/>
      <c r="OY138" s="23"/>
      <c r="OZ138" s="23"/>
      <c r="PA138" s="23"/>
      <c r="PB138" s="23"/>
      <c r="PC138" s="23"/>
      <c r="PD138" s="23"/>
      <c r="PE138" s="23"/>
      <c r="PF138" s="23"/>
      <c r="PG138" s="23"/>
      <c r="PH138" s="23"/>
      <c r="PI138" s="23"/>
      <c r="PJ138" s="23"/>
      <c r="PK138" s="23"/>
      <c r="PL138" s="23"/>
      <c r="PM138" s="23"/>
      <c r="PN138" s="23"/>
      <c r="PO138" s="23"/>
      <c r="PP138" s="23"/>
      <c r="PQ138" s="23"/>
      <c r="PR138" s="23"/>
      <c r="PS138" s="23"/>
      <c r="PT138" s="23"/>
      <c r="PU138" s="23"/>
      <c r="PV138" s="23"/>
      <c r="PW138" s="23"/>
      <c r="PX138" s="23"/>
      <c r="PY138" s="23"/>
      <c r="PZ138" s="23"/>
      <c r="QA138" s="23"/>
      <c r="QB138" s="23"/>
      <c r="QC138" s="23"/>
      <c r="QD138" s="23"/>
      <c r="QE138" s="23"/>
      <c r="QF138" s="23"/>
      <c r="QG138" s="23"/>
      <c r="QH138" s="23"/>
      <c r="QI138" s="23"/>
      <c r="QJ138" s="23"/>
      <c r="QK138" s="23"/>
      <c r="QL138" s="23"/>
      <c r="QM138" s="23"/>
      <c r="QN138" s="23"/>
      <c r="QO138" s="23"/>
      <c r="QP138" s="23"/>
      <c r="QQ138" s="23"/>
      <c r="QR138" s="23"/>
      <c r="QS138" s="23"/>
      <c r="QT138" s="23"/>
      <c r="QU138" s="23"/>
      <c r="QV138" s="23"/>
      <c r="QW138" s="23"/>
      <c r="QX138" s="23"/>
      <c r="QY138" s="23"/>
      <c r="QZ138" s="23"/>
      <c r="RA138" s="23"/>
      <c r="RB138" s="23"/>
      <c r="RC138" s="23"/>
      <c r="RD138" s="23"/>
      <c r="RE138" s="23"/>
      <c r="RF138" s="23"/>
      <c r="RG138" s="23"/>
      <c r="RH138" s="23"/>
      <c r="RI138" s="23"/>
      <c r="RJ138" s="23"/>
      <c r="RK138" s="23"/>
      <c r="RL138" s="23"/>
      <c r="RM138" s="23"/>
      <c r="RN138" s="23"/>
      <c r="RO138" s="23"/>
      <c r="RP138" s="23"/>
      <c r="RQ138" s="23"/>
      <c r="RR138" s="23"/>
      <c r="RS138" s="23"/>
      <c r="RT138" s="23"/>
      <c r="RU138" s="23"/>
      <c r="RV138" s="23"/>
      <c r="RW138" s="23"/>
      <c r="RX138" s="23"/>
      <c r="RY138" s="23"/>
      <c r="RZ138" s="23"/>
      <c r="SA138" s="23"/>
      <c r="SB138" s="23"/>
      <c r="SC138" s="23"/>
      <c r="SD138" s="23"/>
      <c r="SE138" s="23"/>
      <c r="SF138" s="23"/>
      <c r="SG138" s="23"/>
      <c r="SH138" s="23"/>
      <c r="SI138" s="23"/>
      <c r="SJ138" s="23"/>
      <c r="SK138" s="23"/>
      <c r="SL138" s="23"/>
      <c r="SM138" s="23"/>
      <c r="SN138" s="23"/>
      <c r="SO138" s="23"/>
      <c r="SP138" s="23"/>
      <c r="SQ138" s="23"/>
      <c r="SR138" s="23"/>
      <c r="SS138" s="23"/>
      <c r="ST138" s="23"/>
      <c r="SU138" s="23"/>
      <c r="SV138" s="23"/>
      <c r="SW138" s="23"/>
      <c r="SX138" s="23"/>
      <c r="SY138" s="23"/>
      <c r="SZ138" s="23"/>
      <c r="TA138" s="23"/>
      <c r="TB138" s="23"/>
      <c r="TC138" s="23"/>
      <c r="TD138" s="23"/>
      <c r="TE138" s="23"/>
      <c r="TF138" s="23"/>
      <c r="TG138" s="23"/>
      <c r="TH138" s="23"/>
      <c r="TI138" s="23"/>
      <c r="TJ138" s="23"/>
      <c r="TK138" s="23"/>
      <c r="TL138" s="23"/>
      <c r="TM138" s="23"/>
      <c r="TN138" s="23"/>
      <c r="TO138" s="23"/>
      <c r="TP138" s="23"/>
      <c r="TQ138" s="23"/>
      <c r="TR138" s="23"/>
      <c r="TS138" s="23"/>
      <c r="TT138" s="23"/>
      <c r="TU138" s="23"/>
      <c r="TV138" s="23"/>
      <c r="TW138" s="23"/>
      <c r="TX138" s="23"/>
      <c r="TY138" s="23"/>
      <c r="TZ138" s="23"/>
      <c r="UA138" s="23"/>
      <c r="UB138" s="23"/>
      <c r="UC138" s="23"/>
      <c r="UD138" s="23"/>
      <c r="UE138" s="23"/>
      <c r="UF138" s="23"/>
      <c r="UG138" s="23"/>
      <c r="UH138" s="23"/>
      <c r="UI138" s="23"/>
      <c r="UJ138" s="23"/>
      <c r="UK138" s="23"/>
      <c r="UL138" s="23"/>
      <c r="UM138" s="23"/>
      <c r="UN138" s="23"/>
      <c r="UO138" s="23"/>
      <c r="UP138" s="23"/>
      <c r="UQ138" s="23"/>
      <c r="UR138" s="23"/>
      <c r="US138" s="23"/>
      <c r="UT138" s="23"/>
      <c r="UU138" s="23"/>
      <c r="UV138" s="23"/>
      <c r="UW138" s="23"/>
      <c r="UX138" s="23"/>
      <c r="UY138" s="23"/>
      <c r="UZ138" s="23"/>
      <c r="VA138" s="23"/>
      <c r="VB138" s="23"/>
      <c r="VC138" s="23"/>
      <c r="VD138" s="23"/>
      <c r="VE138" s="23"/>
      <c r="VF138" s="23"/>
      <c r="VG138" s="23"/>
      <c r="VH138" s="23"/>
      <c r="VI138" s="23"/>
      <c r="VJ138" s="23"/>
      <c r="VK138" s="23"/>
      <c r="VL138" s="23"/>
      <c r="VM138" s="23"/>
      <c r="VN138" s="23"/>
      <c r="VO138" s="23"/>
      <c r="VP138" s="23"/>
      <c r="VQ138" s="23"/>
      <c r="VR138" s="23"/>
      <c r="VS138" s="23"/>
      <c r="VT138" s="23"/>
      <c r="VU138" s="23"/>
      <c r="VV138" s="23"/>
      <c r="VW138" s="23"/>
      <c r="VX138" s="23"/>
      <c r="VY138" s="23"/>
      <c r="VZ138" s="23"/>
      <c r="WA138" s="23"/>
      <c r="WB138" s="23"/>
      <c r="WC138" s="23"/>
      <c r="WD138" s="23"/>
      <c r="WE138" s="23"/>
      <c r="WF138" s="23"/>
      <c r="WG138" s="23"/>
      <c r="WH138" s="23"/>
      <c r="WI138" s="23"/>
      <c r="WJ138" s="23"/>
      <c r="WK138" s="23"/>
      <c r="WL138" s="23"/>
      <c r="WM138" s="23"/>
      <c r="WN138" s="23"/>
      <c r="WO138" s="23"/>
      <c r="WP138" s="23"/>
      <c r="WQ138" s="23"/>
      <c r="WR138" s="23"/>
      <c r="WS138" s="23"/>
      <c r="WT138" s="23"/>
      <c r="WU138" s="23"/>
      <c r="WV138" s="23"/>
      <c r="WW138" s="23"/>
      <c r="WX138" s="23"/>
      <c r="WY138" s="23"/>
      <c r="WZ138" s="23"/>
      <c r="XA138" s="23"/>
      <c r="XB138" s="23"/>
      <c r="XC138" s="23"/>
      <c r="XD138" s="23"/>
      <c r="XE138" s="23"/>
      <c r="XF138" s="23"/>
      <c r="XG138" s="23"/>
      <c r="XH138" s="23"/>
      <c r="XI138" s="23"/>
      <c r="XJ138" s="23"/>
      <c r="XK138" s="23"/>
      <c r="XL138" s="23"/>
      <c r="XM138" s="23"/>
      <c r="XN138" s="23"/>
      <c r="XO138" s="23"/>
      <c r="XP138" s="23"/>
      <c r="XQ138" s="23"/>
      <c r="XR138" s="23"/>
      <c r="XS138" s="23"/>
      <c r="XT138" s="23"/>
      <c r="XU138" s="23"/>
      <c r="XV138" s="23"/>
      <c r="XW138" s="23"/>
      <c r="XX138" s="23"/>
      <c r="XY138" s="23"/>
      <c r="XZ138" s="23"/>
      <c r="YA138" s="23"/>
      <c r="YB138" s="23"/>
      <c r="YC138" s="23"/>
      <c r="YD138" s="23"/>
      <c r="YE138" s="23"/>
      <c r="YF138" s="23"/>
      <c r="YG138" s="23"/>
      <c r="YH138" s="23"/>
      <c r="YI138" s="23"/>
      <c r="YJ138" s="23"/>
      <c r="YK138" s="23"/>
      <c r="YL138" s="23"/>
      <c r="YM138" s="23"/>
      <c r="YN138" s="23"/>
      <c r="YO138" s="23"/>
      <c r="YP138" s="23"/>
      <c r="YQ138" s="23"/>
      <c r="YR138" s="23"/>
      <c r="YS138" s="23"/>
      <c r="YT138" s="23"/>
      <c r="YU138" s="23"/>
      <c r="YV138" s="23"/>
      <c r="YW138" s="23"/>
      <c r="YX138" s="23"/>
      <c r="YY138" s="23"/>
      <c r="YZ138" s="23"/>
      <c r="ZA138" s="23"/>
      <c r="ZB138" s="23"/>
      <c r="ZC138" s="23"/>
      <c r="ZD138" s="23"/>
      <c r="ZE138" s="23"/>
      <c r="ZF138" s="23"/>
      <c r="ZG138" s="23"/>
      <c r="ZH138" s="23"/>
      <c r="ZI138" s="23"/>
      <c r="ZJ138" s="23"/>
      <c r="ZK138" s="23"/>
      <c r="ZL138" s="23"/>
      <c r="ZM138" s="23"/>
      <c r="ZN138" s="23"/>
      <c r="ZO138" s="23"/>
      <c r="ZP138" s="23"/>
      <c r="ZQ138" s="23"/>
      <c r="ZR138" s="23"/>
      <c r="ZS138" s="23"/>
      <c r="ZT138" s="23"/>
      <c r="ZU138" s="23"/>
      <c r="ZV138" s="23"/>
      <c r="ZW138" s="23"/>
      <c r="ZX138" s="23"/>
      <c r="ZY138" s="23"/>
      <c r="ZZ138" s="23"/>
      <c r="AAA138" s="23"/>
      <c r="AAB138" s="23"/>
      <c r="AAC138" s="23"/>
      <c r="AAD138" s="23"/>
      <c r="AAE138" s="23"/>
      <c r="AAF138" s="23"/>
      <c r="AAG138" s="23"/>
      <c r="AAH138" s="23"/>
      <c r="AAI138" s="23"/>
      <c r="AAJ138" s="23"/>
      <c r="AAK138" s="23"/>
      <c r="AAL138" s="23"/>
      <c r="AAM138" s="23"/>
      <c r="AAN138" s="23"/>
      <c r="AAO138" s="23"/>
      <c r="AAP138" s="23"/>
      <c r="AAQ138" s="23"/>
      <c r="AAR138" s="23"/>
      <c r="AAS138" s="23"/>
      <c r="AAT138" s="23"/>
      <c r="AAU138" s="23"/>
      <c r="AAV138" s="23"/>
      <c r="AAW138" s="23"/>
      <c r="AAX138" s="23"/>
      <c r="AAY138" s="23"/>
      <c r="AAZ138" s="23"/>
      <c r="ABA138" s="23"/>
      <c r="ABB138" s="23"/>
      <c r="ABC138" s="23"/>
      <c r="ABD138" s="23"/>
      <c r="ABE138" s="23"/>
      <c r="ABF138" s="23"/>
      <c r="ABG138" s="23"/>
      <c r="ABH138" s="23"/>
      <c r="ABI138" s="23"/>
      <c r="ABJ138" s="23"/>
      <c r="ABK138" s="23"/>
      <c r="ABL138" s="23"/>
      <c r="ABM138" s="23"/>
      <c r="ABN138" s="23"/>
      <c r="ABO138" s="23"/>
      <c r="ABP138" s="23"/>
      <c r="ABQ138" s="23"/>
      <c r="ABR138" s="23"/>
      <c r="ABS138" s="23"/>
      <c r="ABT138" s="23"/>
      <c r="ABU138" s="23"/>
      <c r="ABV138" s="23"/>
      <c r="ABW138" s="23"/>
      <c r="ABX138" s="23"/>
      <c r="ABY138" s="23"/>
      <c r="ABZ138" s="23"/>
      <c r="ACA138" s="23"/>
      <c r="ACB138" s="23"/>
      <c r="ACC138" s="23"/>
      <c r="ACD138" s="23"/>
      <c r="ACE138" s="23"/>
      <c r="ACF138" s="23"/>
      <c r="ACG138" s="23"/>
      <c r="ACH138" s="23"/>
      <c r="ACI138" s="23"/>
      <c r="ACJ138" s="23"/>
      <c r="ACK138" s="23"/>
      <c r="ACL138" s="23"/>
      <c r="ACM138" s="23"/>
      <c r="ACN138" s="23"/>
      <c r="ACO138" s="23"/>
      <c r="ACP138" s="23"/>
      <c r="ACQ138" s="23"/>
      <c r="ACR138" s="23"/>
      <c r="ACS138" s="23"/>
      <c r="ACT138" s="23"/>
      <c r="ACU138" s="23"/>
      <c r="ACV138" s="23"/>
      <c r="ACW138" s="23"/>
      <c r="ACX138" s="23"/>
      <c r="ACY138" s="23"/>
      <c r="ACZ138" s="23"/>
      <c r="ADA138" s="23"/>
      <c r="ADB138" s="23"/>
      <c r="ADC138" s="23"/>
      <c r="ADD138" s="23"/>
      <c r="ADE138" s="23"/>
      <c r="ADF138" s="23"/>
      <c r="ADG138" s="23"/>
      <c r="ADH138" s="23"/>
      <c r="ADI138" s="23"/>
      <c r="ADJ138" s="23"/>
      <c r="ADK138" s="23"/>
      <c r="ADL138" s="23"/>
      <c r="ADM138" s="23"/>
      <c r="ADN138" s="23"/>
      <c r="ADO138" s="23"/>
      <c r="ADP138" s="23"/>
      <c r="ADQ138" s="23"/>
      <c r="ADR138" s="23"/>
      <c r="ADS138" s="23"/>
      <c r="ADT138" s="23"/>
      <c r="ADU138" s="23"/>
      <c r="ADV138" s="23"/>
      <c r="ADW138" s="23"/>
      <c r="ADX138" s="23"/>
      <c r="ADY138" s="23"/>
      <c r="ADZ138" s="23"/>
      <c r="AEA138" s="23"/>
      <c r="AEB138" s="23"/>
      <c r="AEC138" s="23"/>
      <c r="AED138" s="23"/>
      <c r="AEE138" s="23"/>
      <c r="AEF138" s="23"/>
      <c r="AEG138" s="23"/>
      <c r="AEH138" s="23"/>
      <c r="AEI138" s="23"/>
      <c r="AEJ138" s="23"/>
      <c r="AEK138" s="23"/>
      <c r="AEL138" s="23"/>
      <c r="AEM138" s="23"/>
      <c r="AEN138" s="23"/>
      <c r="AEO138" s="23"/>
      <c r="AEP138" s="23"/>
      <c r="AEQ138" s="23"/>
      <c r="AER138" s="23"/>
      <c r="AES138" s="23"/>
      <c r="AET138" s="23"/>
      <c r="AEU138" s="23"/>
      <c r="AEV138" s="23"/>
      <c r="AEW138" s="23"/>
      <c r="AEX138" s="23"/>
      <c r="AEY138" s="23"/>
      <c r="AEZ138" s="23"/>
      <c r="AFA138" s="23"/>
      <c r="AFB138" s="23"/>
      <c r="AFC138" s="23"/>
      <c r="AFD138" s="23"/>
      <c r="AFE138" s="23"/>
      <c r="AFF138" s="23"/>
      <c r="AFG138" s="23"/>
      <c r="AFH138" s="23"/>
      <c r="AFI138" s="23"/>
      <c r="AFJ138" s="23"/>
      <c r="AFK138" s="23"/>
      <c r="AFL138" s="23"/>
      <c r="AFM138" s="23"/>
      <c r="AFN138" s="23"/>
      <c r="AFO138" s="23"/>
      <c r="AFP138" s="23"/>
      <c r="AFQ138" s="23"/>
      <c r="AFR138" s="23"/>
      <c r="AFS138" s="23"/>
      <c r="AFT138" s="23"/>
      <c r="AFU138" s="23"/>
      <c r="AFV138" s="23"/>
      <c r="AFW138" s="23"/>
      <c r="AFX138" s="23"/>
      <c r="AFY138" s="23"/>
      <c r="AFZ138" s="23"/>
      <c r="AGA138" s="23"/>
      <c r="AGB138" s="23"/>
      <c r="AGC138" s="23"/>
      <c r="AGD138" s="23"/>
      <c r="AGE138" s="23"/>
      <c r="AGF138" s="23"/>
      <c r="AGG138" s="23"/>
      <c r="AGH138" s="23"/>
      <c r="AGI138" s="23"/>
      <c r="AGJ138" s="23"/>
      <c r="AGK138" s="23"/>
      <c r="AGL138" s="23"/>
      <c r="AGM138" s="23"/>
      <c r="AGN138" s="23"/>
      <c r="AGO138" s="23"/>
      <c r="AGP138" s="23"/>
      <c r="AGQ138" s="23"/>
      <c r="AGR138" s="23"/>
      <c r="AGS138" s="23"/>
      <c r="AGT138" s="23"/>
      <c r="AGU138" s="23"/>
      <c r="AGV138" s="23"/>
      <c r="AGW138" s="23"/>
      <c r="AGX138" s="23"/>
      <c r="AGY138" s="23"/>
      <c r="AGZ138" s="23"/>
      <c r="AHA138" s="23"/>
      <c r="AHB138" s="23"/>
      <c r="AHC138" s="23"/>
      <c r="AHD138" s="23"/>
      <c r="AHE138" s="23"/>
      <c r="AHF138" s="23"/>
      <c r="AHG138" s="23"/>
      <c r="AHH138" s="23"/>
      <c r="AHI138" s="23"/>
      <c r="AHJ138" s="23"/>
      <c r="AHK138" s="23"/>
      <c r="AHL138" s="23"/>
      <c r="AHM138" s="23"/>
      <c r="AHN138" s="23"/>
      <c r="AHO138" s="23"/>
      <c r="AHP138" s="23"/>
      <c r="AHQ138" s="23"/>
      <c r="AHR138" s="23"/>
      <c r="AHS138" s="23"/>
      <c r="AHT138" s="23"/>
      <c r="AHU138" s="23"/>
      <c r="AHV138" s="23"/>
      <c r="AHW138" s="23"/>
      <c r="AHX138" s="23"/>
      <c r="AHY138" s="23"/>
      <c r="AHZ138" s="23"/>
      <c r="AIA138" s="23"/>
      <c r="AIB138" s="23"/>
      <c r="AIC138" s="23"/>
      <c r="AID138" s="23"/>
      <c r="AIE138" s="23"/>
      <c r="AIF138" s="23"/>
      <c r="AIG138" s="23"/>
      <c r="AIH138" s="23"/>
      <c r="AII138" s="23"/>
      <c r="AIJ138" s="23"/>
      <c r="AIK138" s="23"/>
      <c r="AIL138" s="23"/>
      <c r="AIM138" s="23"/>
      <c r="AIN138" s="23"/>
      <c r="AIO138" s="23"/>
      <c r="AIP138" s="23"/>
      <c r="AIQ138" s="23"/>
      <c r="AIR138" s="23"/>
      <c r="AIS138" s="23"/>
      <c r="AIT138" s="23"/>
      <c r="AIU138" s="23"/>
      <c r="AIV138" s="23"/>
      <c r="AIW138" s="23"/>
      <c r="AIX138" s="23"/>
      <c r="AIY138" s="23"/>
      <c r="AIZ138" s="23"/>
      <c r="AJA138" s="23"/>
      <c r="AJB138" s="23"/>
      <c r="AJC138" s="23"/>
      <c r="AJD138" s="23"/>
      <c r="AJE138" s="23"/>
      <c r="AJF138" s="23"/>
      <c r="AJG138" s="23"/>
      <c r="AJH138" s="23"/>
      <c r="AJI138" s="23"/>
      <c r="AJJ138" s="23"/>
      <c r="AJK138" s="23"/>
      <c r="AJL138" s="23"/>
      <c r="AJM138" s="23"/>
      <c r="AJN138" s="23"/>
      <c r="AJO138" s="23"/>
      <c r="AJP138" s="23"/>
      <c r="AJQ138" s="23"/>
      <c r="AJR138" s="23"/>
      <c r="AJS138" s="23"/>
      <c r="AJT138" s="23"/>
      <c r="AJU138" s="23"/>
      <c r="AJV138" s="23"/>
      <c r="AJW138" s="23"/>
      <c r="AJX138" s="23"/>
      <c r="AJY138" s="23"/>
      <c r="AJZ138" s="23"/>
      <c r="AKA138" s="23"/>
      <c r="AKB138" s="23"/>
      <c r="AKC138" s="23"/>
      <c r="AKD138" s="23"/>
      <c r="AKE138" s="23"/>
      <c r="AKF138" s="23"/>
      <c r="AKG138" s="23"/>
      <c r="AKH138" s="23"/>
      <c r="AKI138" s="23"/>
      <c r="AKJ138" s="23"/>
      <c r="AKK138" s="23"/>
      <c r="AKL138" s="23"/>
      <c r="AKM138" s="23"/>
      <c r="AKN138" s="23"/>
      <c r="AKO138" s="23"/>
      <c r="AKP138" s="23"/>
      <c r="AKQ138" s="23"/>
      <c r="AKR138" s="23"/>
      <c r="AKS138" s="23"/>
      <c r="AKT138" s="23"/>
      <c r="AKU138" s="23"/>
      <c r="AKV138" s="23"/>
      <c r="AKW138" s="23"/>
      <c r="AKX138" s="23"/>
      <c r="AKY138" s="23"/>
      <c r="AKZ138" s="23"/>
      <c r="ALA138" s="23"/>
      <c r="ALB138" s="23"/>
      <c r="ALC138" s="23"/>
      <c r="ALD138" s="23"/>
      <c r="ALE138" s="23"/>
      <c r="ALF138" s="23"/>
      <c r="ALG138" s="23"/>
      <c r="ALH138" s="23"/>
      <c r="ALI138" s="23"/>
      <c r="ALJ138" s="23"/>
      <c r="ALK138" s="23"/>
      <c r="ALL138" s="23"/>
      <c r="ALM138" s="23"/>
      <c r="ALN138" s="23"/>
      <c r="ALO138" s="23"/>
      <c r="ALP138" s="23"/>
      <c r="ALQ138" s="23"/>
      <c r="ALR138" s="23"/>
      <c r="ALS138" s="23"/>
      <c r="ALT138" s="23"/>
      <c r="ALU138" s="23"/>
      <c r="ALV138" s="23"/>
      <c r="ALW138" s="23"/>
      <c r="ALX138" s="23"/>
      <c r="ALY138" s="23"/>
      <c r="ALZ138" s="23"/>
      <c r="AMA138" s="23"/>
      <c r="AMB138" s="23"/>
      <c r="AMC138" s="23"/>
      <c r="AMD138" s="23"/>
      <c r="AME138" s="23"/>
      <c r="AMF138" s="23"/>
      <c r="AMG138" s="23"/>
      <c r="AMH138" s="23"/>
      <c r="AMI138" s="23"/>
      <c r="AMJ138" s="23"/>
      <c r="AMK138" s="23"/>
      <c r="AML138" s="23"/>
      <c r="AMM138" s="23"/>
      <c r="AMN138" s="23"/>
      <c r="AMO138" s="23"/>
      <c r="AMP138" s="23"/>
      <c r="AMQ138" s="23"/>
      <c r="AMR138" s="23"/>
      <c r="AMS138" s="23"/>
      <c r="AMT138" s="23"/>
      <c r="AMU138" s="23"/>
      <c r="AMV138" s="23"/>
      <c r="AMW138" s="23"/>
      <c r="AMX138" s="23"/>
      <c r="AMY138" s="23"/>
      <c r="AMZ138" s="23"/>
      <c r="ANA138" s="23"/>
      <c r="ANB138" s="23"/>
      <c r="ANC138" s="23"/>
      <c r="AND138" s="23"/>
      <c r="ANE138" s="23"/>
      <c r="ANF138" s="23"/>
      <c r="ANG138" s="23"/>
      <c r="ANH138" s="23"/>
      <c r="ANI138" s="23"/>
      <c r="ANJ138" s="23"/>
      <c r="ANK138" s="23"/>
      <c r="ANL138" s="23"/>
      <c r="ANM138" s="23"/>
      <c r="ANN138" s="23"/>
      <c r="ANO138" s="23"/>
      <c r="ANP138" s="23"/>
      <c r="ANQ138" s="23"/>
      <c r="ANR138" s="23"/>
      <c r="ANS138" s="23"/>
      <c r="ANT138" s="23"/>
      <c r="ANU138" s="23"/>
      <c r="ANV138" s="23"/>
      <c r="ANW138" s="23"/>
      <c r="ANX138" s="23"/>
      <c r="ANY138" s="23"/>
      <c r="ANZ138" s="23"/>
      <c r="AOA138" s="23"/>
      <c r="AOB138" s="23"/>
      <c r="AOC138" s="23"/>
      <c r="AOD138" s="23"/>
      <c r="AOE138" s="23"/>
      <c r="AOF138" s="23"/>
      <c r="AOG138" s="23"/>
      <c r="AOH138" s="23"/>
      <c r="AOI138" s="23"/>
      <c r="AOJ138" s="23"/>
      <c r="AOK138" s="23"/>
      <c r="AOL138" s="23"/>
      <c r="AOM138" s="23"/>
      <c r="AON138" s="23"/>
      <c r="AOO138" s="23"/>
      <c r="AOP138" s="23"/>
      <c r="AOQ138" s="23"/>
      <c r="AOR138" s="23"/>
      <c r="AOS138" s="23"/>
      <c r="AOT138" s="23"/>
      <c r="AOU138" s="23"/>
      <c r="AOV138" s="23"/>
      <c r="AOW138" s="23"/>
      <c r="AOX138" s="23"/>
      <c r="AOY138" s="23"/>
      <c r="AOZ138" s="23"/>
      <c r="APA138" s="23"/>
      <c r="APB138" s="23"/>
      <c r="APC138" s="23"/>
      <c r="APD138" s="23"/>
      <c r="APE138" s="23"/>
      <c r="APF138" s="23"/>
      <c r="APG138" s="23"/>
      <c r="APH138" s="23"/>
      <c r="API138" s="23"/>
      <c r="APJ138" s="23"/>
      <c r="APK138" s="23"/>
      <c r="APL138" s="23"/>
      <c r="APM138" s="23"/>
      <c r="APN138" s="23"/>
      <c r="APO138" s="23"/>
      <c r="APP138" s="23"/>
      <c r="APQ138" s="23"/>
      <c r="APR138" s="23"/>
      <c r="APS138" s="23"/>
      <c r="APT138" s="23"/>
      <c r="APU138" s="23"/>
      <c r="APV138" s="23"/>
      <c r="APW138" s="23"/>
      <c r="APX138" s="23"/>
      <c r="APY138" s="23"/>
      <c r="APZ138" s="23"/>
      <c r="AQA138" s="23"/>
      <c r="AQB138" s="23"/>
      <c r="AQC138" s="23"/>
      <c r="AQD138" s="23"/>
      <c r="AQE138" s="23"/>
      <c r="AQF138" s="23"/>
      <c r="AQG138" s="23"/>
      <c r="AQH138" s="23"/>
      <c r="AQI138" s="23"/>
      <c r="AQJ138" s="23"/>
      <c r="AQK138" s="23"/>
      <c r="AQL138" s="23"/>
      <c r="AQM138" s="23"/>
      <c r="AQN138" s="23"/>
      <c r="AQO138" s="23"/>
      <c r="AQP138" s="23"/>
      <c r="AQQ138" s="23"/>
      <c r="AQR138" s="23"/>
      <c r="AQS138" s="23"/>
      <c r="AQT138" s="23"/>
      <c r="AQU138" s="23"/>
      <c r="AQV138" s="23"/>
      <c r="AQW138" s="23"/>
      <c r="AQX138" s="23"/>
      <c r="AQY138" s="23"/>
      <c r="AQZ138" s="23"/>
      <c r="ARA138" s="23"/>
      <c r="ARB138" s="23"/>
      <c r="ARC138" s="23"/>
      <c r="ARD138" s="23"/>
      <c r="ARE138" s="23"/>
      <c r="ARF138" s="23"/>
      <c r="ARG138" s="23"/>
      <c r="ARH138" s="23"/>
      <c r="ARI138" s="23"/>
      <c r="ARJ138" s="23"/>
      <c r="ARK138" s="23"/>
      <c r="ARL138" s="23"/>
      <c r="ARM138" s="23"/>
      <c r="ARN138" s="23"/>
      <c r="ARO138" s="23"/>
      <c r="ARP138" s="23"/>
      <c r="ARQ138" s="23"/>
      <c r="ARR138" s="23"/>
      <c r="ARS138" s="23"/>
      <c r="ART138" s="23"/>
      <c r="ARU138" s="23"/>
      <c r="ARV138" s="23"/>
      <c r="ARW138" s="23"/>
      <c r="ARX138" s="23"/>
      <c r="ARY138" s="23"/>
      <c r="ARZ138" s="23"/>
      <c r="ASA138" s="23"/>
      <c r="ASB138" s="23"/>
      <c r="ASC138" s="23"/>
      <c r="ASD138" s="23"/>
      <c r="ASE138" s="23"/>
      <c r="ASF138" s="23"/>
      <c r="ASG138" s="23"/>
      <c r="ASH138" s="23"/>
      <c r="ASI138" s="23"/>
      <c r="ASJ138" s="23"/>
      <c r="ASK138" s="23"/>
      <c r="ASL138" s="23"/>
      <c r="ASM138" s="23"/>
      <c r="ASN138" s="23"/>
      <c r="ASO138" s="23"/>
      <c r="ASP138" s="23"/>
      <c r="ASQ138" s="23"/>
      <c r="ASR138" s="23"/>
      <c r="ASS138" s="23"/>
      <c r="AST138" s="23"/>
      <c r="ASU138" s="23"/>
      <c r="ASV138" s="23"/>
      <c r="ASW138" s="23"/>
      <c r="ASX138" s="23"/>
      <c r="ASY138" s="23"/>
      <c r="ASZ138" s="23"/>
      <c r="ATA138" s="23"/>
      <c r="ATB138" s="23"/>
      <c r="ATC138" s="23"/>
      <c r="ATD138" s="23"/>
      <c r="ATE138" s="23"/>
      <c r="ATF138" s="23"/>
      <c r="ATG138" s="23"/>
      <c r="ATH138" s="23"/>
      <c r="ATI138" s="23"/>
      <c r="ATJ138" s="23"/>
      <c r="ATK138" s="23"/>
      <c r="ATL138" s="23"/>
      <c r="ATM138" s="23"/>
      <c r="ATN138" s="23"/>
      <c r="ATO138" s="23"/>
      <c r="ATP138" s="23"/>
      <c r="ATQ138" s="23"/>
      <c r="ATR138" s="23"/>
      <c r="ATS138" s="23"/>
      <c r="ATT138" s="23"/>
      <c r="ATU138" s="23"/>
      <c r="ATV138" s="23"/>
      <c r="ATW138" s="23"/>
      <c r="ATX138" s="23"/>
      <c r="ATY138" s="23"/>
      <c r="ATZ138" s="23"/>
      <c r="AUA138" s="23"/>
      <c r="AUB138" s="23"/>
      <c r="AUC138" s="23"/>
      <c r="AUD138" s="23"/>
      <c r="AUE138" s="23"/>
      <c r="AUF138" s="23"/>
      <c r="AUG138" s="23"/>
      <c r="AUH138" s="23"/>
      <c r="AUI138" s="23"/>
      <c r="AUJ138" s="23"/>
      <c r="AUK138" s="23"/>
      <c r="AUL138" s="23"/>
      <c r="AUM138" s="23"/>
      <c r="AUN138" s="23"/>
      <c r="AUO138" s="23"/>
      <c r="AUP138" s="23"/>
      <c r="AUQ138" s="23"/>
      <c r="AUR138" s="23"/>
      <c r="AUS138" s="23"/>
      <c r="AUT138" s="23"/>
      <c r="AUU138" s="23"/>
      <c r="AUV138" s="23"/>
      <c r="AUW138" s="23"/>
      <c r="AUX138" s="23"/>
      <c r="AUY138" s="23"/>
      <c r="AUZ138" s="23"/>
      <c r="AVA138" s="23"/>
      <c r="AVB138" s="23"/>
      <c r="AVC138" s="23"/>
      <c r="AVD138" s="23"/>
      <c r="AVE138" s="23"/>
      <c r="AVF138" s="23"/>
      <c r="AVG138" s="23"/>
      <c r="AVH138" s="23"/>
      <c r="AVI138" s="23"/>
      <c r="AVJ138" s="23"/>
      <c r="AVK138" s="23"/>
      <c r="AVL138" s="23"/>
      <c r="AVM138" s="23"/>
      <c r="AVN138" s="23"/>
      <c r="AVO138" s="23"/>
      <c r="AVP138" s="23"/>
      <c r="AVQ138" s="23"/>
      <c r="AVR138" s="23"/>
      <c r="AVS138" s="23"/>
      <c r="AVT138" s="23"/>
      <c r="AVU138" s="23"/>
      <c r="AVV138" s="23"/>
      <c r="AVW138" s="23"/>
      <c r="AVX138" s="23"/>
      <c r="AVY138" s="23"/>
      <c r="AVZ138" s="23"/>
      <c r="AWA138" s="23"/>
      <c r="AWB138" s="23"/>
      <c r="AWC138" s="23"/>
      <c r="AWD138" s="23"/>
      <c r="AWE138" s="23"/>
      <c r="AWF138" s="23"/>
      <c r="AWG138" s="23"/>
      <c r="AWH138" s="23"/>
      <c r="AWI138" s="23"/>
      <c r="AWJ138" s="23"/>
      <c r="AWK138" s="23"/>
      <c r="AWL138" s="23"/>
      <c r="AWM138" s="23"/>
      <c r="AWN138" s="23"/>
      <c r="AWO138" s="23"/>
      <c r="AWP138" s="23"/>
      <c r="AWQ138" s="23"/>
      <c r="AWR138" s="23"/>
      <c r="AWS138" s="23"/>
      <c r="AWT138" s="23"/>
      <c r="AWU138" s="23"/>
      <c r="AWV138" s="23"/>
      <c r="AWW138" s="23"/>
      <c r="AWX138" s="23"/>
      <c r="AWY138" s="23"/>
      <c r="AWZ138" s="23"/>
      <c r="AXA138" s="23"/>
      <c r="AXB138" s="23"/>
      <c r="AXC138" s="23"/>
      <c r="AXD138" s="23"/>
      <c r="AXE138" s="23"/>
      <c r="AXF138" s="23"/>
      <c r="AXG138" s="23"/>
      <c r="AXH138" s="23"/>
      <c r="AXI138" s="23"/>
      <c r="AXJ138" s="23"/>
      <c r="AXK138" s="23"/>
      <c r="AXL138" s="23"/>
      <c r="AXM138" s="23"/>
      <c r="AXN138" s="23"/>
      <c r="AXO138" s="23"/>
      <c r="AXP138" s="23"/>
      <c r="AXQ138" s="23"/>
      <c r="AXR138" s="23"/>
      <c r="AXS138" s="23"/>
      <c r="AXT138" s="23"/>
      <c r="AXU138" s="23"/>
      <c r="AXV138" s="23"/>
      <c r="AXW138" s="23"/>
      <c r="AXX138" s="23"/>
      <c r="AXY138" s="23"/>
      <c r="AXZ138" s="23"/>
      <c r="AYA138" s="23"/>
      <c r="AYB138" s="23"/>
      <c r="AYC138" s="23"/>
      <c r="AYD138" s="23"/>
      <c r="AYE138" s="23"/>
      <c r="AYF138" s="23"/>
      <c r="AYG138" s="23"/>
      <c r="AYH138" s="23"/>
      <c r="AYI138" s="23"/>
      <c r="AYJ138" s="23"/>
      <c r="AYK138" s="23"/>
      <c r="AYL138" s="23"/>
      <c r="AYM138" s="23"/>
      <c r="AYN138" s="23"/>
      <c r="AYO138" s="23"/>
      <c r="AYP138" s="23"/>
      <c r="AYQ138" s="23"/>
      <c r="AYR138" s="23"/>
      <c r="AYS138" s="23"/>
      <c r="AYT138" s="23"/>
      <c r="AYU138" s="23"/>
      <c r="AYV138" s="23"/>
      <c r="AYW138" s="23"/>
      <c r="AYX138" s="23"/>
      <c r="AYY138" s="23"/>
      <c r="AYZ138" s="23"/>
      <c r="AZA138" s="23"/>
      <c r="AZB138" s="23"/>
      <c r="AZC138" s="23"/>
      <c r="AZD138" s="23"/>
      <c r="AZE138" s="23"/>
      <c r="AZF138" s="23"/>
      <c r="AZG138" s="23"/>
      <c r="AZH138" s="23"/>
      <c r="AZI138" s="23"/>
      <c r="AZJ138" s="23"/>
      <c r="AZK138" s="23"/>
      <c r="AZL138" s="23"/>
      <c r="AZM138" s="23"/>
      <c r="AZN138" s="23"/>
      <c r="AZO138" s="23"/>
      <c r="AZP138" s="23"/>
      <c r="AZQ138" s="23"/>
      <c r="AZR138" s="23"/>
      <c r="AZS138" s="23"/>
      <c r="AZT138" s="23"/>
      <c r="AZU138" s="23"/>
      <c r="AZV138" s="23"/>
      <c r="AZW138" s="23"/>
      <c r="AZX138" s="23"/>
      <c r="AZY138" s="23"/>
      <c r="AZZ138" s="23"/>
      <c r="BAA138" s="23"/>
      <c r="BAB138" s="23"/>
      <c r="BAC138" s="23"/>
      <c r="BAD138" s="23"/>
      <c r="BAE138" s="23"/>
      <c r="BAF138" s="23"/>
      <c r="BAG138" s="23"/>
      <c r="BAH138" s="23"/>
      <c r="BAI138" s="23"/>
      <c r="BAJ138" s="23"/>
      <c r="BAK138" s="23"/>
      <c r="BAL138" s="23"/>
      <c r="BAM138" s="23"/>
      <c r="BAN138" s="23"/>
      <c r="BAO138" s="23"/>
      <c r="BAP138" s="23"/>
      <c r="BAQ138" s="23"/>
      <c r="BAR138" s="23"/>
      <c r="BAS138" s="23"/>
      <c r="BAT138" s="23"/>
      <c r="BAU138" s="23"/>
      <c r="BAV138" s="23"/>
      <c r="BAW138" s="23"/>
      <c r="BAX138" s="23"/>
      <c r="BAY138" s="23"/>
      <c r="BAZ138" s="23"/>
      <c r="BBA138" s="23"/>
      <c r="BBB138" s="23"/>
      <c r="BBC138" s="23"/>
      <c r="BBD138" s="23"/>
      <c r="BBE138" s="23"/>
      <c r="BBF138" s="23"/>
      <c r="BBG138" s="23"/>
      <c r="BBH138" s="23"/>
      <c r="BBI138" s="23"/>
      <c r="BBJ138" s="23"/>
      <c r="BBK138" s="23"/>
      <c r="BBL138" s="23"/>
      <c r="BBM138" s="23"/>
      <c r="BBN138" s="23"/>
      <c r="BBO138" s="23"/>
      <c r="BBP138" s="23"/>
      <c r="BBQ138" s="23"/>
      <c r="BBR138" s="23"/>
      <c r="BBS138" s="23"/>
      <c r="BBT138" s="23"/>
      <c r="BBU138" s="23"/>
      <c r="BBV138" s="23"/>
      <c r="BBW138" s="23"/>
      <c r="BBX138" s="23"/>
      <c r="BBY138" s="23"/>
      <c r="BBZ138" s="23"/>
      <c r="BCA138" s="23"/>
      <c r="BCB138" s="23"/>
      <c r="BCC138" s="23"/>
      <c r="BCD138" s="23"/>
      <c r="BCE138" s="23"/>
      <c r="BCF138" s="23"/>
      <c r="BCG138" s="23"/>
      <c r="BCH138" s="23"/>
      <c r="BCI138" s="23"/>
      <c r="BCJ138" s="23"/>
      <c r="BCK138" s="23"/>
      <c r="BCL138" s="23"/>
      <c r="BCM138" s="23"/>
      <c r="BCN138" s="23"/>
      <c r="BCO138" s="23"/>
      <c r="BCP138" s="23"/>
      <c r="BCQ138" s="23"/>
      <c r="BCR138" s="23"/>
      <c r="BCS138" s="23"/>
      <c r="BCT138" s="23"/>
      <c r="BCU138" s="23"/>
      <c r="BCV138" s="23"/>
      <c r="BCW138" s="23"/>
      <c r="BCX138" s="23"/>
      <c r="BCY138" s="23"/>
      <c r="BCZ138" s="23"/>
      <c r="BDA138" s="23"/>
      <c r="BDB138" s="23"/>
      <c r="BDC138" s="23"/>
      <c r="BDD138" s="23"/>
      <c r="BDE138" s="23"/>
      <c r="BDF138" s="23"/>
      <c r="BDG138" s="23"/>
      <c r="BDH138" s="23"/>
      <c r="BDI138" s="23"/>
      <c r="BDJ138" s="23"/>
      <c r="BDK138" s="23"/>
      <c r="BDL138" s="23"/>
      <c r="BDM138" s="23"/>
      <c r="BDN138" s="23"/>
      <c r="BDO138" s="23"/>
      <c r="BDP138" s="23"/>
      <c r="BDQ138" s="23"/>
      <c r="BDR138" s="23"/>
      <c r="BDS138" s="23"/>
      <c r="BDT138" s="23"/>
      <c r="BDU138" s="23"/>
      <c r="BDV138" s="23"/>
      <c r="BDW138" s="23"/>
      <c r="BDX138" s="23"/>
      <c r="BDY138" s="23"/>
      <c r="BDZ138" s="23"/>
      <c r="BEA138" s="23"/>
      <c r="BEB138" s="23"/>
      <c r="BEC138" s="23"/>
      <c r="BED138" s="23"/>
      <c r="BEE138" s="23"/>
      <c r="BEF138" s="23"/>
      <c r="BEG138" s="23"/>
      <c r="BEH138" s="23"/>
      <c r="BEI138" s="23"/>
      <c r="BEJ138" s="23"/>
      <c r="BEK138" s="23"/>
      <c r="BEL138" s="23"/>
      <c r="BEM138" s="23"/>
      <c r="BEN138" s="23"/>
      <c r="BEO138" s="23"/>
      <c r="BEP138" s="23"/>
      <c r="BEQ138" s="23"/>
      <c r="BER138" s="23"/>
      <c r="BES138" s="23"/>
      <c r="BET138" s="23"/>
      <c r="BEU138" s="23"/>
      <c r="BEV138" s="23"/>
      <c r="BEW138" s="23"/>
      <c r="BEX138" s="23"/>
      <c r="BEY138" s="23"/>
      <c r="BEZ138" s="23"/>
      <c r="BFA138" s="23"/>
      <c r="BFB138" s="23"/>
      <c r="BFC138" s="23"/>
      <c r="BFD138" s="23"/>
      <c r="BFE138" s="23"/>
      <c r="BFF138" s="23"/>
      <c r="BFG138" s="23"/>
      <c r="BFH138" s="23"/>
      <c r="BFI138" s="23"/>
      <c r="BFJ138" s="23"/>
      <c r="BFK138" s="23"/>
      <c r="BFL138" s="23"/>
      <c r="BFM138" s="23"/>
      <c r="BFN138" s="23"/>
      <c r="BFO138" s="23"/>
      <c r="BFP138" s="23"/>
      <c r="BFQ138" s="23"/>
      <c r="BFR138" s="23"/>
      <c r="BFS138" s="23"/>
      <c r="BFT138" s="23"/>
      <c r="BFU138" s="23"/>
      <c r="BFV138" s="23"/>
      <c r="BFW138" s="23"/>
      <c r="BFX138" s="23"/>
      <c r="BFY138" s="23"/>
      <c r="BFZ138" s="23"/>
      <c r="BGA138" s="23"/>
      <c r="BGB138" s="23"/>
      <c r="BGC138" s="23"/>
      <c r="BGD138" s="23"/>
      <c r="BGE138" s="23"/>
      <c r="BGF138" s="23"/>
      <c r="BGG138" s="23"/>
      <c r="BGH138" s="23"/>
      <c r="BGI138" s="23"/>
      <c r="BGJ138" s="23"/>
      <c r="BGK138" s="23"/>
      <c r="BGL138" s="23"/>
      <c r="BGM138" s="23"/>
      <c r="BGN138" s="23"/>
      <c r="BGO138" s="23"/>
      <c r="BGP138" s="23"/>
      <c r="BGQ138" s="23"/>
      <c r="BGR138" s="23"/>
      <c r="BGS138" s="23"/>
      <c r="BGT138" s="23"/>
      <c r="BGU138" s="23"/>
      <c r="BGV138" s="23"/>
      <c r="BGW138" s="23"/>
      <c r="BGX138" s="23"/>
      <c r="BGY138" s="23"/>
      <c r="BGZ138" s="23"/>
      <c r="BHA138" s="23"/>
      <c r="BHB138" s="23"/>
      <c r="BHC138" s="23"/>
      <c r="BHD138" s="23"/>
      <c r="BHE138" s="23"/>
      <c r="BHF138" s="23"/>
      <c r="BHG138" s="23"/>
      <c r="BHH138" s="23"/>
      <c r="BHI138" s="23"/>
      <c r="BHJ138" s="23"/>
      <c r="BHK138" s="23"/>
      <c r="BHL138" s="23"/>
      <c r="BHM138" s="23"/>
      <c r="BHN138" s="23"/>
      <c r="BHO138" s="23"/>
      <c r="BHP138" s="23"/>
      <c r="BHQ138" s="23"/>
      <c r="BHR138" s="23"/>
      <c r="BHS138" s="23"/>
      <c r="BHT138" s="23"/>
      <c r="BHU138" s="23"/>
      <c r="BHV138" s="23"/>
      <c r="BHW138" s="23"/>
      <c r="BHX138" s="23"/>
      <c r="BHY138" s="23"/>
      <c r="BHZ138" s="23"/>
      <c r="BIA138" s="23"/>
      <c r="BIB138" s="23"/>
      <c r="BIC138" s="23"/>
      <c r="BID138" s="23"/>
      <c r="BIE138" s="23"/>
      <c r="BIF138" s="23"/>
      <c r="BIG138" s="23"/>
      <c r="BIH138" s="23"/>
      <c r="BII138" s="23"/>
      <c r="BIJ138" s="23"/>
      <c r="BIK138" s="23"/>
      <c r="BIL138" s="23"/>
      <c r="BIM138" s="23"/>
      <c r="BIN138" s="23"/>
      <c r="BIO138" s="23"/>
      <c r="BIP138" s="23"/>
      <c r="BIQ138" s="23"/>
      <c r="BIR138" s="23"/>
      <c r="BIS138" s="23"/>
      <c r="BIT138" s="23"/>
      <c r="BIU138" s="23"/>
      <c r="BIV138" s="23"/>
      <c r="BIW138" s="23"/>
      <c r="BIX138" s="23"/>
      <c r="BIY138" s="23"/>
      <c r="BIZ138" s="23"/>
      <c r="BJA138" s="23"/>
      <c r="BJB138" s="23"/>
      <c r="BJC138" s="23"/>
      <c r="BJD138" s="23"/>
      <c r="BJE138" s="23"/>
      <c r="BJF138" s="23"/>
      <c r="BJG138" s="23"/>
      <c r="BJH138" s="23"/>
      <c r="BJI138" s="23"/>
      <c r="BJJ138" s="23"/>
      <c r="BJK138" s="23"/>
      <c r="BJL138" s="23"/>
      <c r="BJM138" s="23"/>
      <c r="BJN138" s="23"/>
      <c r="BJO138" s="23"/>
      <c r="BJP138" s="23"/>
      <c r="BJQ138" s="23"/>
      <c r="BJR138" s="23"/>
      <c r="BJS138" s="23"/>
      <c r="BJT138" s="23"/>
      <c r="BJU138" s="23"/>
      <c r="BJV138" s="23"/>
      <c r="BJW138" s="23"/>
      <c r="BJX138" s="23"/>
      <c r="BJY138" s="23"/>
      <c r="BJZ138" s="23"/>
      <c r="BKA138" s="23"/>
      <c r="BKB138" s="23"/>
      <c r="BKC138" s="23"/>
      <c r="BKD138" s="23"/>
      <c r="BKE138" s="23"/>
      <c r="BKF138" s="23"/>
      <c r="BKG138" s="23"/>
      <c r="BKH138" s="23"/>
      <c r="BKI138" s="23"/>
      <c r="BKJ138" s="23"/>
      <c r="BKK138" s="23"/>
      <c r="BKL138" s="23"/>
      <c r="BKM138" s="23"/>
      <c r="BKN138" s="23"/>
      <c r="BKO138" s="23"/>
      <c r="BKP138" s="23"/>
      <c r="BKQ138" s="23"/>
      <c r="BKR138" s="23"/>
      <c r="BKS138" s="23"/>
      <c r="BKT138" s="23"/>
      <c r="BKU138" s="23"/>
      <c r="BKV138" s="23"/>
      <c r="BKW138" s="23"/>
      <c r="BKX138" s="23"/>
      <c r="BKY138" s="23"/>
      <c r="BKZ138" s="23"/>
      <c r="BLA138" s="23"/>
      <c r="BLB138" s="23"/>
      <c r="BLC138" s="23"/>
      <c r="BLD138" s="23"/>
      <c r="BLE138" s="23"/>
      <c r="BLF138" s="23"/>
      <c r="BLG138" s="23"/>
      <c r="BLH138" s="23"/>
      <c r="BLI138" s="23"/>
      <c r="BLJ138" s="23"/>
      <c r="BLK138" s="23"/>
      <c r="BLL138" s="23"/>
      <c r="BLM138" s="23"/>
      <c r="BLN138" s="23"/>
      <c r="BLO138" s="23"/>
      <c r="BLP138" s="23"/>
      <c r="BLQ138" s="23"/>
      <c r="BLR138" s="23"/>
      <c r="BLS138" s="23"/>
      <c r="BLT138" s="23"/>
      <c r="BLU138" s="23"/>
      <c r="BLV138" s="23"/>
      <c r="BLW138" s="23"/>
      <c r="BLX138" s="23"/>
      <c r="BLY138" s="23"/>
      <c r="BLZ138" s="23"/>
      <c r="BMA138" s="23"/>
      <c r="BMB138" s="23"/>
      <c r="BMC138" s="23"/>
      <c r="BMD138" s="23"/>
      <c r="BME138" s="23"/>
      <c r="BMF138" s="23"/>
      <c r="BMG138" s="23"/>
      <c r="BMH138" s="23"/>
      <c r="BMI138" s="23"/>
      <c r="BMJ138" s="23"/>
      <c r="BMK138" s="23"/>
      <c r="BML138" s="23"/>
      <c r="BMM138" s="23"/>
      <c r="BMN138" s="23"/>
      <c r="BMO138" s="23"/>
      <c r="BMP138" s="23"/>
      <c r="BMQ138" s="23"/>
      <c r="BMR138" s="23"/>
      <c r="BMS138" s="23"/>
      <c r="BMT138" s="23"/>
      <c r="BMU138" s="23"/>
      <c r="BMV138" s="23"/>
      <c r="BMW138" s="23"/>
      <c r="BMX138" s="23"/>
      <c r="BMY138" s="23"/>
      <c r="BMZ138" s="23"/>
      <c r="BNA138" s="23"/>
      <c r="BNB138" s="23"/>
      <c r="BNC138" s="23"/>
      <c r="BND138" s="23"/>
      <c r="BNE138" s="23"/>
      <c r="BNF138" s="23"/>
      <c r="BNG138" s="23"/>
      <c r="BNH138" s="23"/>
      <c r="BNI138" s="23"/>
      <c r="BNJ138" s="23"/>
      <c r="BNK138" s="23"/>
      <c r="BNL138" s="23"/>
      <c r="BNM138" s="23"/>
      <c r="BNN138" s="23"/>
      <c r="BNO138" s="23"/>
      <c r="BNP138" s="23"/>
      <c r="BNQ138" s="23"/>
      <c r="BNR138" s="23"/>
      <c r="BNS138" s="23"/>
      <c r="BNT138" s="23"/>
      <c r="BNU138" s="23"/>
      <c r="BNV138" s="23"/>
      <c r="BNW138" s="23"/>
      <c r="BNX138" s="23"/>
      <c r="BNY138" s="23"/>
      <c r="BNZ138" s="23"/>
      <c r="BOA138" s="23"/>
      <c r="BOB138" s="23"/>
      <c r="BOC138" s="23"/>
      <c r="BOD138" s="23"/>
      <c r="BOE138" s="23"/>
      <c r="BOF138" s="23"/>
      <c r="BOG138" s="23"/>
      <c r="BOH138" s="23"/>
      <c r="BOI138" s="23"/>
      <c r="BOJ138" s="23"/>
      <c r="BOK138" s="23"/>
      <c r="BOL138" s="23"/>
      <c r="BOM138" s="23"/>
      <c r="BON138" s="23"/>
      <c r="BOO138" s="23"/>
      <c r="BOP138" s="23"/>
      <c r="BOQ138" s="23"/>
      <c r="BOR138" s="23"/>
      <c r="BOS138" s="23"/>
      <c r="BOT138" s="23"/>
      <c r="BOU138" s="23"/>
      <c r="BOV138" s="23"/>
      <c r="BOW138" s="23"/>
      <c r="BOX138" s="23"/>
      <c r="BOY138" s="23"/>
      <c r="BOZ138" s="23"/>
      <c r="BPA138" s="23"/>
      <c r="BPB138" s="23"/>
      <c r="BPC138" s="23"/>
      <c r="BPD138" s="23"/>
      <c r="BPE138" s="23"/>
      <c r="BPF138" s="23"/>
      <c r="BPG138" s="23"/>
      <c r="BPH138" s="23"/>
      <c r="BPI138" s="23"/>
      <c r="BPJ138" s="23"/>
      <c r="BPK138" s="23"/>
      <c r="BPL138" s="23"/>
      <c r="BPM138" s="23"/>
      <c r="BPN138" s="23"/>
      <c r="BPO138" s="23"/>
      <c r="BPP138" s="23"/>
      <c r="BPQ138" s="23"/>
      <c r="BPR138" s="23"/>
      <c r="BPS138" s="23"/>
      <c r="BPT138" s="23"/>
      <c r="BPU138" s="23"/>
      <c r="BPV138" s="23"/>
      <c r="BPW138" s="23"/>
      <c r="BPX138" s="23"/>
      <c r="BPY138" s="23"/>
      <c r="BPZ138" s="23"/>
      <c r="BQA138" s="23"/>
      <c r="BQB138" s="23"/>
      <c r="BQC138" s="23"/>
      <c r="BQD138" s="23"/>
      <c r="BQE138" s="23"/>
      <c r="BQF138" s="23"/>
      <c r="BQG138" s="23"/>
      <c r="BQH138" s="23"/>
      <c r="BQI138" s="23"/>
      <c r="BQJ138" s="23"/>
      <c r="BQK138" s="23"/>
      <c r="BQL138" s="23"/>
      <c r="BQM138" s="23"/>
      <c r="BQN138" s="23"/>
      <c r="BQO138" s="23"/>
      <c r="BQP138" s="23"/>
      <c r="BQQ138" s="23"/>
      <c r="BQR138" s="23"/>
      <c r="BQS138" s="23"/>
      <c r="BQT138" s="23"/>
      <c r="BQU138" s="23"/>
      <c r="BQV138" s="23"/>
      <c r="BQW138" s="23"/>
      <c r="BQX138" s="23"/>
      <c r="BQY138" s="23"/>
      <c r="BQZ138" s="23"/>
      <c r="BRA138" s="23"/>
      <c r="BRB138" s="23"/>
      <c r="BRC138" s="23"/>
      <c r="BRD138" s="23"/>
      <c r="BRE138" s="23"/>
      <c r="BRF138" s="23"/>
      <c r="BRG138" s="23"/>
      <c r="BRH138" s="23"/>
      <c r="BRI138" s="23"/>
      <c r="BRJ138" s="23"/>
      <c r="BRK138" s="23"/>
      <c r="BRL138" s="23"/>
      <c r="BRM138" s="23"/>
      <c r="BRN138" s="23"/>
      <c r="BRO138" s="23"/>
      <c r="BRP138" s="23"/>
      <c r="BRQ138" s="23"/>
      <c r="BRR138" s="23"/>
      <c r="BRS138" s="23"/>
      <c r="BRT138" s="23"/>
      <c r="BRU138" s="23"/>
      <c r="BRV138" s="23"/>
      <c r="BRW138" s="23"/>
      <c r="BRX138" s="23"/>
      <c r="BRY138" s="23"/>
      <c r="BRZ138" s="23"/>
      <c r="BSA138" s="23"/>
      <c r="BSB138" s="23"/>
      <c r="BSC138" s="23"/>
      <c r="BSD138" s="23"/>
      <c r="BSE138" s="23"/>
      <c r="BSF138" s="23"/>
      <c r="BSG138" s="23"/>
      <c r="BSH138" s="23"/>
      <c r="BSI138" s="23"/>
      <c r="BSJ138" s="23"/>
      <c r="BSK138" s="23"/>
      <c r="BSL138" s="23"/>
      <c r="BSM138" s="23"/>
      <c r="BSN138" s="23"/>
      <c r="BSO138" s="23"/>
      <c r="BSP138" s="23"/>
      <c r="BSQ138" s="23"/>
      <c r="BSR138" s="23"/>
      <c r="BSS138" s="23"/>
      <c r="BST138" s="23"/>
      <c r="BSU138" s="23"/>
      <c r="BSV138" s="23"/>
      <c r="BSW138" s="23"/>
      <c r="BSX138" s="23"/>
      <c r="BSY138" s="23"/>
      <c r="BSZ138" s="23"/>
      <c r="BTA138" s="23"/>
      <c r="BTB138" s="23"/>
      <c r="BTC138" s="23"/>
      <c r="BTD138" s="23"/>
      <c r="BTE138" s="23"/>
      <c r="BTF138" s="23"/>
      <c r="BTG138" s="23"/>
      <c r="BTH138" s="23"/>
      <c r="BTI138" s="23"/>
      <c r="BTJ138" s="23"/>
      <c r="BTK138" s="23"/>
      <c r="BTL138" s="23"/>
      <c r="BTM138" s="23"/>
      <c r="BTN138" s="23"/>
      <c r="BTO138" s="23"/>
      <c r="BTP138" s="23"/>
      <c r="BTQ138" s="23"/>
      <c r="BTR138" s="23"/>
      <c r="BTS138" s="23"/>
      <c r="BTT138" s="23"/>
      <c r="BTU138" s="23"/>
      <c r="BTV138" s="23"/>
      <c r="BTW138" s="23"/>
      <c r="BTX138" s="23"/>
      <c r="BTY138" s="23"/>
      <c r="BTZ138" s="23"/>
      <c r="BUA138" s="23"/>
      <c r="BUB138" s="23"/>
      <c r="BUC138" s="23"/>
      <c r="BUD138" s="23"/>
      <c r="BUE138" s="23"/>
      <c r="BUF138" s="23"/>
      <c r="BUG138" s="23"/>
      <c r="BUH138" s="23"/>
      <c r="BUI138" s="23"/>
      <c r="BUJ138" s="23"/>
      <c r="BUK138" s="23"/>
      <c r="BUL138" s="23"/>
      <c r="BUM138" s="23"/>
      <c r="BUN138" s="23"/>
      <c r="BUO138" s="23"/>
      <c r="BUP138" s="23"/>
      <c r="BUQ138" s="23"/>
      <c r="BUR138" s="23"/>
      <c r="BUS138" s="23"/>
      <c r="BUT138" s="23"/>
      <c r="BUU138" s="23"/>
      <c r="BUV138" s="23"/>
      <c r="BUW138" s="23"/>
      <c r="BUX138" s="23"/>
      <c r="BUY138" s="23"/>
      <c r="BUZ138" s="23"/>
      <c r="BVA138" s="23"/>
      <c r="BVB138" s="23"/>
      <c r="BVC138" s="23"/>
      <c r="BVD138" s="23"/>
      <c r="BVE138" s="23"/>
      <c r="BVF138" s="23"/>
      <c r="BVG138" s="23"/>
      <c r="BVH138" s="23"/>
      <c r="BVI138" s="23"/>
      <c r="BVJ138" s="23"/>
      <c r="BVK138" s="23"/>
      <c r="BVL138" s="23"/>
      <c r="BVM138" s="23"/>
      <c r="BVN138" s="23"/>
      <c r="BVO138" s="23"/>
      <c r="BVP138" s="23"/>
      <c r="BVQ138" s="23"/>
      <c r="BVR138" s="23"/>
      <c r="BVS138" s="23"/>
      <c r="BVT138" s="23"/>
      <c r="BVU138" s="23"/>
      <c r="BVV138" s="23"/>
      <c r="BVW138" s="23"/>
      <c r="BVX138" s="23"/>
      <c r="BVY138" s="23"/>
      <c r="BVZ138" s="23"/>
      <c r="BWA138" s="23"/>
      <c r="BWB138" s="23"/>
      <c r="BWC138" s="23"/>
      <c r="BWD138" s="23"/>
      <c r="BWE138" s="23"/>
      <c r="BWF138" s="23"/>
      <c r="BWG138" s="23"/>
      <c r="BWH138" s="23"/>
      <c r="BWI138" s="23"/>
      <c r="BWJ138" s="23"/>
      <c r="BWK138" s="23"/>
      <c r="BWL138" s="23"/>
      <c r="BWM138" s="23"/>
      <c r="BWN138" s="23"/>
      <c r="BWO138" s="23"/>
      <c r="BWP138" s="23"/>
      <c r="BWQ138" s="23"/>
      <c r="BWR138" s="23"/>
      <c r="BWS138" s="23"/>
      <c r="BWT138" s="23"/>
      <c r="BWU138" s="23"/>
      <c r="BWV138" s="23"/>
      <c r="BWW138" s="23"/>
      <c r="BWX138" s="23"/>
      <c r="BWY138" s="23"/>
      <c r="BWZ138" s="23"/>
      <c r="BXA138" s="23"/>
      <c r="BXB138" s="23"/>
      <c r="BXC138" s="23"/>
      <c r="BXD138" s="23"/>
      <c r="BXE138" s="23"/>
      <c r="BXF138" s="23"/>
      <c r="BXG138" s="23"/>
      <c r="BXH138" s="23"/>
      <c r="BXI138" s="23"/>
      <c r="BXJ138" s="23"/>
      <c r="BXK138" s="23"/>
      <c r="BXL138" s="23"/>
      <c r="BXM138" s="23"/>
      <c r="BXN138" s="23"/>
      <c r="BXO138" s="23"/>
      <c r="BXP138" s="23"/>
      <c r="BXQ138" s="23"/>
      <c r="BXR138" s="23"/>
      <c r="BXS138" s="23"/>
      <c r="BXT138" s="23"/>
      <c r="BXU138" s="23"/>
      <c r="BXV138" s="23"/>
      <c r="BXW138" s="23"/>
      <c r="BXX138" s="23"/>
      <c r="BXY138" s="23"/>
      <c r="BXZ138" s="23"/>
      <c r="BYA138" s="23"/>
      <c r="BYB138" s="23"/>
      <c r="BYC138" s="23"/>
      <c r="BYD138" s="23"/>
      <c r="BYE138" s="23"/>
      <c r="BYF138" s="23"/>
      <c r="BYG138" s="23"/>
      <c r="BYH138" s="23"/>
      <c r="BYI138" s="23"/>
      <c r="BYJ138" s="23"/>
      <c r="BYK138" s="23"/>
      <c r="BYL138" s="23"/>
      <c r="BYM138" s="23"/>
      <c r="BYN138" s="23"/>
      <c r="BYO138" s="23"/>
      <c r="BYP138" s="23"/>
      <c r="BYQ138" s="23"/>
      <c r="BYR138" s="23"/>
      <c r="BYS138" s="23"/>
      <c r="BYT138" s="23"/>
      <c r="BYU138" s="23"/>
      <c r="BYV138" s="23"/>
      <c r="BYW138" s="23"/>
      <c r="BYX138" s="23"/>
      <c r="BYY138" s="23"/>
      <c r="BYZ138" s="23"/>
      <c r="BZA138" s="23"/>
      <c r="BZB138" s="23"/>
      <c r="BZC138" s="23"/>
      <c r="BZD138" s="23"/>
      <c r="BZE138" s="23"/>
      <c r="BZF138" s="23"/>
      <c r="BZG138" s="23"/>
      <c r="BZH138" s="23"/>
      <c r="BZI138" s="23"/>
      <c r="BZJ138" s="23"/>
      <c r="BZK138" s="23"/>
      <c r="BZL138" s="23"/>
      <c r="BZM138" s="23"/>
      <c r="BZN138" s="23"/>
      <c r="BZO138" s="23"/>
      <c r="BZP138" s="23"/>
      <c r="BZQ138" s="23"/>
      <c r="BZR138" s="23"/>
      <c r="BZS138" s="23"/>
      <c r="BZT138" s="23"/>
      <c r="BZU138" s="23"/>
      <c r="BZV138" s="23"/>
      <c r="BZW138" s="23"/>
      <c r="BZX138" s="23"/>
      <c r="BZY138" s="23"/>
      <c r="BZZ138" s="23"/>
      <c r="CAA138" s="23"/>
      <c r="CAB138" s="23"/>
      <c r="CAC138" s="23"/>
      <c r="CAD138" s="23"/>
      <c r="CAE138" s="23"/>
      <c r="CAF138" s="23"/>
      <c r="CAG138" s="23"/>
      <c r="CAH138" s="23"/>
      <c r="CAI138" s="23"/>
      <c r="CAJ138" s="23"/>
      <c r="CAK138" s="23"/>
      <c r="CAL138" s="23"/>
      <c r="CAM138" s="23"/>
      <c r="CAN138" s="23"/>
      <c r="CAO138" s="23"/>
      <c r="CAP138" s="23"/>
      <c r="CAQ138" s="23"/>
      <c r="CAR138" s="23"/>
      <c r="CAS138" s="23"/>
      <c r="CAT138" s="23"/>
      <c r="CAU138" s="23"/>
      <c r="CAV138" s="23"/>
      <c r="CAW138" s="23"/>
      <c r="CAX138" s="23"/>
      <c r="CAY138" s="23"/>
      <c r="CAZ138" s="23"/>
      <c r="CBA138" s="23"/>
      <c r="CBB138" s="23"/>
      <c r="CBC138" s="23"/>
      <c r="CBD138" s="23"/>
      <c r="CBE138" s="23"/>
      <c r="CBF138" s="23"/>
      <c r="CBG138" s="23"/>
      <c r="CBH138" s="23"/>
      <c r="CBI138" s="23"/>
      <c r="CBJ138" s="23"/>
      <c r="CBK138" s="23"/>
      <c r="CBL138" s="23"/>
      <c r="CBM138" s="23"/>
      <c r="CBN138" s="23"/>
      <c r="CBO138" s="23"/>
      <c r="CBP138" s="23"/>
      <c r="CBQ138" s="23"/>
      <c r="CBR138" s="23"/>
      <c r="CBS138" s="23"/>
      <c r="CBT138" s="23"/>
      <c r="CBU138" s="23"/>
      <c r="CBV138" s="23"/>
      <c r="CBW138" s="23"/>
      <c r="CBX138" s="23"/>
      <c r="CBY138" s="23"/>
      <c r="CBZ138" s="23"/>
      <c r="CCA138" s="23"/>
      <c r="CCB138" s="23"/>
      <c r="CCC138" s="23"/>
      <c r="CCD138" s="23"/>
      <c r="CCE138" s="23"/>
      <c r="CCF138" s="23"/>
      <c r="CCG138" s="23"/>
      <c r="CCH138" s="23"/>
      <c r="CCI138" s="23"/>
      <c r="CCJ138" s="23"/>
      <c r="CCK138" s="23"/>
      <c r="CCL138" s="23"/>
      <c r="CCM138" s="23"/>
      <c r="CCN138" s="23"/>
      <c r="CCO138" s="23"/>
      <c r="CCP138" s="23"/>
      <c r="CCQ138" s="23"/>
      <c r="CCR138" s="23"/>
      <c r="CCS138" s="23"/>
      <c r="CCT138" s="23"/>
      <c r="CCU138" s="23"/>
      <c r="CCV138" s="23"/>
      <c r="CCW138" s="23"/>
      <c r="CCX138" s="23"/>
      <c r="CCY138" s="23"/>
      <c r="CCZ138" s="23"/>
      <c r="CDA138" s="23"/>
      <c r="CDB138" s="23"/>
      <c r="CDC138" s="23"/>
      <c r="CDD138" s="23"/>
      <c r="CDE138" s="23"/>
      <c r="CDF138" s="23"/>
      <c r="CDG138" s="23"/>
      <c r="CDH138" s="23"/>
      <c r="CDI138" s="23"/>
      <c r="CDJ138" s="23"/>
      <c r="CDK138" s="23"/>
      <c r="CDL138" s="23"/>
      <c r="CDM138" s="23"/>
      <c r="CDN138" s="23"/>
      <c r="CDO138" s="23"/>
      <c r="CDP138" s="23"/>
      <c r="CDQ138" s="23"/>
      <c r="CDR138" s="23"/>
      <c r="CDS138" s="23"/>
      <c r="CDT138" s="23"/>
      <c r="CDU138" s="23"/>
      <c r="CDV138" s="23"/>
      <c r="CDW138" s="23"/>
      <c r="CDX138" s="23"/>
      <c r="CDY138" s="23"/>
      <c r="CDZ138" s="23"/>
      <c r="CEA138" s="23"/>
      <c r="CEB138" s="23"/>
      <c r="CEC138" s="23"/>
      <c r="CED138" s="23"/>
      <c r="CEE138" s="23"/>
      <c r="CEF138" s="23"/>
      <c r="CEG138" s="23"/>
      <c r="CEH138" s="23"/>
      <c r="CEI138" s="23"/>
      <c r="CEJ138" s="23"/>
      <c r="CEK138" s="23"/>
      <c r="CEL138" s="23"/>
      <c r="CEM138" s="23"/>
      <c r="CEN138" s="23"/>
      <c r="CEO138" s="23"/>
      <c r="CEP138" s="23"/>
      <c r="CEQ138" s="23"/>
      <c r="CER138" s="23"/>
      <c r="CES138" s="23"/>
      <c r="CET138" s="23"/>
      <c r="CEU138" s="23"/>
      <c r="CEV138" s="23"/>
      <c r="CEW138" s="23"/>
      <c r="CEX138" s="23"/>
      <c r="CEY138" s="23"/>
      <c r="CEZ138" s="23"/>
      <c r="CFA138" s="23"/>
      <c r="CFB138" s="23"/>
      <c r="CFC138" s="23"/>
      <c r="CFD138" s="23"/>
      <c r="CFE138" s="23"/>
      <c r="CFF138" s="23"/>
      <c r="CFG138" s="23"/>
      <c r="CFH138" s="23"/>
      <c r="CFI138" s="23"/>
      <c r="CFJ138" s="23"/>
      <c r="CFK138" s="23"/>
      <c r="CFL138" s="23"/>
      <c r="CFM138" s="23"/>
      <c r="CFN138" s="23"/>
      <c r="CFO138" s="23"/>
      <c r="CFP138" s="23"/>
      <c r="CFQ138" s="23"/>
      <c r="CFR138" s="23"/>
      <c r="CFS138" s="23"/>
      <c r="CFT138" s="23"/>
      <c r="CFU138" s="23"/>
      <c r="CFV138" s="23"/>
      <c r="CFW138" s="23"/>
      <c r="CFX138" s="23"/>
      <c r="CFY138" s="23"/>
      <c r="CFZ138" s="23"/>
      <c r="CGA138" s="23"/>
      <c r="CGB138" s="23"/>
      <c r="CGC138" s="23"/>
      <c r="CGD138" s="23"/>
      <c r="CGE138" s="23"/>
      <c r="CGF138" s="23"/>
      <c r="CGG138" s="23"/>
      <c r="CGH138" s="23"/>
      <c r="CGI138" s="23"/>
      <c r="CGJ138" s="23"/>
      <c r="CGK138" s="23"/>
      <c r="CGL138" s="23"/>
      <c r="CGM138" s="23"/>
      <c r="CGN138" s="23"/>
      <c r="CGO138" s="23"/>
      <c r="CGP138" s="23"/>
      <c r="CGQ138" s="23"/>
      <c r="CGR138" s="23"/>
      <c r="CGS138" s="23"/>
      <c r="CGT138" s="23"/>
      <c r="CGU138" s="23"/>
      <c r="CGV138" s="23"/>
      <c r="CGW138" s="23"/>
      <c r="CGX138" s="23"/>
      <c r="CGY138" s="23"/>
      <c r="CGZ138" s="23"/>
      <c r="CHA138" s="23"/>
      <c r="CHB138" s="23"/>
      <c r="CHC138" s="23"/>
      <c r="CHD138" s="23"/>
      <c r="CHE138" s="23"/>
      <c r="CHF138" s="23"/>
      <c r="CHG138" s="23"/>
      <c r="CHH138" s="23"/>
      <c r="CHI138" s="23"/>
      <c r="CHJ138" s="23"/>
      <c r="CHK138" s="23"/>
      <c r="CHL138" s="23"/>
      <c r="CHM138" s="23"/>
      <c r="CHN138" s="23"/>
      <c r="CHO138" s="23"/>
      <c r="CHP138" s="23"/>
      <c r="CHQ138" s="23"/>
      <c r="CHR138" s="23"/>
      <c r="CHS138" s="23"/>
      <c r="CHT138" s="23"/>
      <c r="CHU138" s="23"/>
      <c r="CHV138" s="23"/>
      <c r="CHW138" s="23"/>
      <c r="CHX138" s="23"/>
      <c r="CHY138" s="23"/>
      <c r="CHZ138" s="23"/>
      <c r="CIA138" s="23"/>
      <c r="CIB138" s="23"/>
      <c r="CIC138" s="23"/>
      <c r="CID138" s="23"/>
      <c r="CIE138" s="23"/>
      <c r="CIF138" s="23"/>
      <c r="CIG138" s="23"/>
      <c r="CIH138" s="23"/>
      <c r="CII138" s="23"/>
      <c r="CIJ138" s="23"/>
      <c r="CIK138" s="23"/>
      <c r="CIL138" s="23"/>
      <c r="CIM138" s="23"/>
      <c r="CIN138" s="23"/>
      <c r="CIO138" s="23"/>
      <c r="CIP138" s="23"/>
      <c r="CIQ138" s="23"/>
      <c r="CIR138" s="23"/>
      <c r="CIS138" s="23"/>
      <c r="CIT138" s="23"/>
      <c r="CIU138" s="23"/>
      <c r="CIV138" s="23"/>
      <c r="CIW138" s="23"/>
      <c r="CIX138" s="23"/>
      <c r="CIY138" s="23"/>
      <c r="CIZ138" s="23"/>
      <c r="CJA138" s="23"/>
      <c r="CJB138" s="23"/>
      <c r="CJC138" s="23"/>
      <c r="CJD138" s="23"/>
      <c r="CJE138" s="23"/>
      <c r="CJF138" s="23"/>
      <c r="CJG138" s="23"/>
      <c r="CJH138" s="23"/>
      <c r="CJI138" s="23"/>
      <c r="CJJ138" s="23"/>
      <c r="CJK138" s="23"/>
      <c r="CJL138" s="23"/>
      <c r="CJM138" s="23"/>
      <c r="CJN138" s="23"/>
      <c r="CJO138" s="23"/>
      <c r="CJP138" s="23"/>
      <c r="CJQ138" s="23"/>
      <c r="CJR138" s="23"/>
      <c r="CJS138" s="23"/>
      <c r="CJT138" s="23"/>
      <c r="CJU138" s="23"/>
      <c r="CJV138" s="23"/>
      <c r="CJW138" s="23"/>
      <c r="CJX138" s="23"/>
      <c r="CJY138" s="23"/>
      <c r="CJZ138" s="23"/>
      <c r="CKA138" s="23"/>
      <c r="CKB138" s="23"/>
      <c r="CKC138" s="23"/>
      <c r="CKD138" s="23"/>
      <c r="CKE138" s="23"/>
      <c r="CKF138" s="23"/>
      <c r="CKG138" s="23"/>
      <c r="CKH138" s="23"/>
      <c r="CKI138" s="23"/>
      <c r="CKJ138" s="23"/>
      <c r="CKK138" s="23"/>
      <c r="CKL138" s="23"/>
      <c r="CKM138" s="23"/>
      <c r="CKN138" s="23"/>
      <c r="CKO138" s="23"/>
      <c r="CKP138" s="23"/>
      <c r="CKQ138" s="23"/>
      <c r="CKR138" s="23"/>
      <c r="CKS138" s="23"/>
      <c r="CKT138" s="23"/>
      <c r="CKU138" s="23"/>
      <c r="CKV138" s="23"/>
      <c r="CKW138" s="23"/>
      <c r="CKX138" s="23"/>
      <c r="CKY138" s="23"/>
      <c r="CKZ138" s="23"/>
      <c r="CLA138" s="23"/>
      <c r="CLB138" s="23"/>
      <c r="CLC138" s="23"/>
      <c r="CLD138" s="23"/>
      <c r="CLE138" s="23"/>
      <c r="CLF138" s="23"/>
      <c r="CLG138" s="23"/>
      <c r="CLH138" s="23"/>
      <c r="CLI138" s="23"/>
      <c r="CLJ138" s="23"/>
      <c r="CLK138" s="23"/>
      <c r="CLL138" s="23"/>
      <c r="CLM138" s="23"/>
      <c r="CLN138" s="23"/>
      <c r="CLO138" s="23"/>
      <c r="CLP138" s="23"/>
      <c r="CLQ138" s="23"/>
      <c r="CLR138" s="23"/>
      <c r="CLS138" s="23"/>
      <c r="CLT138" s="23"/>
      <c r="CLU138" s="23"/>
      <c r="CLV138" s="23"/>
      <c r="CLW138" s="23"/>
      <c r="CLX138" s="23"/>
      <c r="CLY138" s="23"/>
      <c r="CLZ138" s="23"/>
      <c r="CMA138" s="23"/>
      <c r="CMB138" s="23"/>
      <c r="CMC138" s="23"/>
      <c r="CMD138" s="23"/>
      <c r="CME138" s="23"/>
      <c r="CMF138" s="23"/>
      <c r="CMG138" s="23"/>
      <c r="CMH138" s="23"/>
      <c r="CMI138" s="23"/>
      <c r="CMJ138" s="23"/>
      <c r="CMK138" s="23"/>
      <c r="CML138" s="23"/>
      <c r="CMM138" s="23"/>
      <c r="CMN138" s="23"/>
      <c r="CMO138" s="23"/>
      <c r="CMP138" s="23"/>
      <c r="CMQ138" s="23"/>
      <c r="CMR138" s="23"/>
      <c r="CMS138" s="23"/>
      <c r="CMT138" s="23"/>
      <c r="CMU138" s="23"/>
      <c r="CMV138" s="23"/>
      <c r="CMW138" s="23"/>
      <c r="CMX138" s="23"/>
      <c r="CMY138" s="23"/>
      <c r="CMZ138" s="23"/>
      <c r="CNA138" s="23"/>
      <c r="CNB138" s="23"/>
      <c r="CNC138" s="23"/>
      <c r="CND138" s="23"/>
      <c r="CNE138" s="23"/>
      <c r="CNF138" s="23"/>
      <c r="CNG138" s="23"/>
      <c r="CNH138" s="23"/>
      <c r="CNI138" s="23"/>
      <c r="CNJ138" s="23"/>
      <c r="CNK138" s="23"/>
      <c r="CNL138" s="23"/>
      <c r="CNM138" s="23"/>
      <c r="CNN138" s="23"/>
      <c r="CNO138" s="23"/>
      <c r="CNP138" s="23"/>
      <c r="CNQ138" s="23"/>
      <c r="CNR138" s="23"/>
      <c r="CNS138" s="23"/>
      <c r="CNT138" s="23"/>
      <c r="CNU138" s="23"/>
      <c r="CNV138" s="23"/>
      <c r="CNW138" s="23"/>
      <c r="CNX138" s="23"/>
      <c r="CNY138" s="23"/>
      <c r="CNZ138" s="23"/>
      <c r="COA138" s="23"/>
      <c r="COB138" s="23"/>
      <c r="COC138" s="23"/>
      <c r="COD138" s="23"/>
      <c r="COE138" s="23"/>
      <c r="COF138" s="23"/>
      <c r="COG138" s="23"/>
      <c r="COH138" s="23"/>
      <c r="COI138" s="23"/>
      <c r="COJ138" s="23"/>
      <c r="COK138" s="23"/>
      <c r="COL138" s="23"/>
      <c r="COM138" s="23"/>
      <c r="CON138" s="23"/>
      <c r="COO138" s="23"/>
      <c r="COP138" s="23"/>
      <c r="COQ138" s="23"/>
      <c r="COR138" s="23"/>
      <c r="COS138" s="23"/>
      <c r="COT138" s="23"/>
      <c r="COU138" s="23"/>
      <c r="COV138" s="23"/>
      <c r="COW138" s="23"/>
      <c r="COX138" s="23"/>
      <c r="COY138" s="23"/>
      <c r="COZ138" s="23"/>
      <c r="CPA138" s="23"/>
      <c r="CPB138" s="23"/>
      <c r="CPC138" s="23"/>
      <c r="CPD138" s="23"/>
      <c r="CPE138" s="23"/>
      <c r="CPF138" s="23"/>
      <c r="CPG138" s="23"/>
      <c r="CPH138" s="23"/>
      <c r="CPI138" s="23"/>
      <c r="CPJ138" s="23"/>
      <c r="CPK138" s="23"/>
      <c r="CPL138" s="23"/>
      <c r="CPM138" s="23"/>
      <c r="CPN138" s="23"/>
      <c r="CPO138" s="23"/>
      <c r="CPP138" s="23"/>
      <c r="CPQ138" s="23"/>
      <c r="CPR138" s="23"/>
      <c r="CPS138" s="23"/>
      <c r="CPT138" s="23"/>
      <c r="CPU138" s="23"/>
      <c r="CPV138" s="23"/>
      <c r="CPW138" s="23"/>
      <c r="CPX138" s="23"/>
      <c r="CPY138" s="23"/>
      <c r="CPZ138" s="23"/>
      <c r="CQA138" s="23"/>
      <c r="CQB138" s="23"/>
      <c r="CQC138" s="23"/>
      <c r="CQD138" s="23"/>
      <c r="CQE138" s="23"/>
      <c r="CQF138" s="23"/>
      <c r="CQG138" s="23"/>
      <c r="CQH138" s="23"/>
      <c r="CQI138" s="23"/>
      <c r="CQJ138" s="23"/>
      <c r="CQK138" s="23"/>
      <c r="CQL138" s="23"/>
      <c r="CQM138" s="23"/>
      <c r="CQN138" s="23"/>
      <c r="CQO138" s="23"/>
      <c r="CQP138" s="23"/>
      <c r="CQQ138" s="23"/>
      <c r="CQR138" s="23"/>
      <c r="CQS138" s="23"/>
      <c r="CQT138" s="23"/>
      <c r="CQU138" s="23"/>
      <c r="CQV138" s="23"/>
      <c r="CQW138" s="23"/>
      <c r="CQX138" s="23"/>
      <c r="CQY138" s="23"/>
      <c r="CQZ138" s="23"/>
      <c r="CRA138" s="23"/>
      <c r="CRB138" s="23"/>
      <c r="CRC138" s="23"/>
      <c r="CRD138" s="23"/>
      <c r="CRE138" s="23"/>
      <c r="CRF138" s="23"/>
      <c r="CRG138" s="23"/>
      <c r="CRH138" s="23"/>
      <c r="CRI138" s="23"/>
      <c r="CRJ138" s="23"/>
      <c r="CRK138" s="23"/>
      <c r="CRL138" s="23"/>
      <c r="CRM138" s="23"/>
      <c r="CRN138" s="23"/>
      <c r="CRO138" s="23"/>
      <c r="CRP138" s="23"/>
      <c r="CRQ138" s="23"/>
      <c r="CRR138" s="23"/>
      <c r="CRS138" s="23"/>
      <c r="CRT138" s="23"/>
      <c r="CRU138" s="23"/>
      <c r="CRV138" s="23"/>
      <c r="CRW138" s="23"/>
      <c r="CRX138" s="23"/>
      <c r="CRY138" s="23"/>
      <c r="CRZ138" s="23"/>
      <c r="CSA138" s="23"/>
      <c r="CSB138" s="23"/>
      <c r="CSC138" s="23"/>
      <c r="CSD138" s="23"/>
      <c r="CSE138" s="23"/>
      <c r="CSF138" s="23"/>
      <c r="CSG138" s="23"/>
      <c r="CSH138" s="23"/>
      <c r="CSI138" s="23"/>
      <c r="CSJ138" s="23"/>
      <c r="CSK138" s="23"/>
      <c r="CSL138" s="23"/>
      <c r="CSM138" s="23"/>
      <c r="CSN138" s="23"/>
      <c r="CSO138" s="23"/>
      <c r="CSP138" s="23"/>
      <c r="CSQ138" s="23"/>
      <c r="CSR138" s="23"/>
      <c r="CSS138" s="23"/>
      <c r="CST138" s="23"/>
      <c r="CSU138" s="23"/>
      <c r="CSV138" s="23"/>
      <c r="CSW138" s="23"/>
      <c r="CSX138" s="23"/>
      <c r="CSY138" s="23"/>
      <c r="CSZ138" s="23"/>
      <c r="CTA138" s="23"/>
      <c r="CTB138" s="23"/>
      <c r="CTC138" s="23"/>
      <c r="CTD138" s="23"/>
      <c r="CTE138" s="23"/>
      <c r="CTF138" s="23"/>
      <c r="CTG138" s="23"/>
      <c r="CTH138" s="23"/>
      <c r="CTI138" s="23"/>
      <c r="CTJ138" s="23"/>
      <c r="CTK138" s="23"/>
      <c r="CTL138" s="23"/>
      <c r="CTM138" s="23"/>
      <c r="CTN138" s="23"/>
      <c r="CTO138" s="23"/>
      <c r="CTP138" s="23"/>
      <c r="CTQ138" s="23"/>
      <c r="CTR138" s="23"/>
      <c r="CTS138" s="23"/>
      <c r="CTT138" s="23"/>
      <c r="CTU138" s="23"/>
      <c r="CTV138" s="23"/>
      <c r="CTW138" s="23"/>
      <c r="CTX138" s="23"/>
      <c r="CTY138" s="23"/>
      <c r="CTZ138" s="23"/>
      <c r="CUA138" s="23"/>
      <c r="CUB138" s="23"/>
      <c r="CUC138" s="23"/>
      <c r="CUD138" s="23"/>
      <c r="CUE138" s="23"/>
      <c r="CUF138" s="23"/>
      <c r="CUG138" s="23"/>
      <c r="CUH138" s="23"/>
      <c r="CUI138" s="23"/>
      <c r="CUJ138" s="23"/>
      <c r="CUK138" s="23"/>
      <c r="CUL138" s="23"/>
      <c r="CUM138" s="23"/>
      <c r="CUN138" s="23"/>
      <c r="CUO138" s="23"/>
      <c r="CUP138" s="23"/>
      <c r="CUQ138" s="23"/>
      <c r="CUR138" s="23"/>
      <c r="CUS138" s="23"/>
      <c r="CUT138" s="23"/>
      <c r="CUU138" s="23"/>
      <c r="CUV138" s="23"/>
      <c r="CUW138" s="23"/>
      <c r="CUX138" s="23"/>
      <c r="CUY138" s="23"/>
      <c r="CUZ138" s="23"/>
      <c r="CVA138" s="23"/>
      <c r="CVB138" s="23"/>
      <c r="CVC138" s="23"/>
      <c r="CVD138" s="23"/>
      <c r="CVE138" s="23"/>
      <c r="CVF138" s="23"/>
      <c r="CVG138" s="23"/>
      <c r="CVH138" s="23"/>
      <c r="CVI138" s="23"/>
      <c r="CVJ138" s="23"/>
      <c r="CVK138" s="23"/>
      <c r="CVL138" s="23"/>
      <c r="CVM138" s="23"/>
      <c r="CVN138" s="23"/>
      <c r="CVO138" s="23"/>
      <c r="CVP138" s="23"/>
      <c r="CVQ138" s="23"/>
      <c r="CVR138" s="23"/>
      <c r="CVS138" s="23"/>
      <c r="CVT138" s="23"/>
      <c r="CVU138" s="23"/>
      <c r="CVV138" s="23"/>
      <c r="CVW138" s="23"/>
      <c r="CVX138" s="23"/>
      <c r="CVY138" s="23"/>
      <c r="CVZ138" s="23"/>
      <c r="CWA138" s="23"/>
      <c r="CWB138" s="23"/>
      <c r="CWC138" s="23"/>
      <c r="CWD138" s="23"/>
      <c r="CWE138" s="23"/>
      <c r="CWF138" s="23"/>
      <c r="CWG138" s="23"/>
      <c r="CWH138" s="23"/>
      <c r="CWI138" s="23"/>
      <c r="CWJ138" s="23"/>
      <c r="CWK138" s="23"/>
      <c r="CWL138" s="23"/>
      <c r="CWM138" s="23"/>
      <c r="CWN138" s="23"/>
      <c r="CWO138" s="23"/>
      <c r="CWP138" s="23"/>
      <c r="CWQ138" s="23"/>
      <c r="CWR138" s="23"/>
      <c r="CWS138" s="23"/>
      <c r="CWT138" s="23"/>
      <c r="CWU138" s="23"/>
      <c r="CWV138" s="23"/>
      <c r="CWW138" s="23"/>
      <c r="CWX138" s="23"/>
      <c r="CWY138" s="23"/>
      <c r="CWZ138" s="23"/>
      <c r="CXA138" s="23"/>
      <c r="CXB138" s="23"/>
      <c r="CXC138" s="23"/>
      <c r="CXD138" s="23"/>
      <c r="CXE138" s="23"/>
      <c r="CXF138" s="23"/>
      <c r="CXG138" s="23"/>
      <c r="CXH138" s="23"/>
      <c r="CXI138" s="23"/>
      <c r="CXJ138" s="23"/>
      <c r="CXK138" s="23"/>
      <c r="CXL138" s="23"/>
      <c r="CXM138" s="23"/>
      <c r="CXN138" s="23"/>
      <c r="CXO138" s="23"/>
      <c r="CXP138" s="23"/>
      <c r="CXQ138" s="23"/>
      <c r="CXR138" s="23"/>
      <c r="CXS138" s="23"/>
      <c r="CXT138" s="23"/>
      <c r="CXU138" s="23"/>
      <c r="CXV138" s="23"/>
      <c r="CXW138" s="23"/>
      <c r="CXX138" s="23"/>
      <c r="CXY138" s="23"/>
      <c r="CXZ138" s="23"/>
      <c r="CYA138" s="23"/>
      <c r="CYB138" s="23"/>
      <c r="CYC138" s="23"/>
      <c r="CYD138" s="23"/>
      <c r="CYE138" s="23"/>
      <c r="CYF138" s="23"/>
      <c r="CYG138" s="23"/>
      <c r="CYH138" s="23"/>
      <c r="CYI138" s="23"/>
      <c r="CYJ138" s="23"/>
      <c r="CYK138" s="23"/>
      <c r="CYL138" s="23"/>
      <c r="CYM138" s="23"/>
      <c r="CYN138" s="23"/>
      <c r="CYO138" s="23"/>
      <c r="CYP138" s="23"/>
      <c r="CYQ138" s="23"/>
      <c r="CYR138" s="23"/>
      <c r="CYS138" s="23"/>
      <c r="CYT138" s="23"/>
      <c r="CYU138" s="23"/>
      <c r="CYV138" s="23"/>
      <c r="CYW138" s="23"/>
      <c r="CYX138" s="23"/>
      <c r="CYY138" s="23"/>
      <c r="CYZ138" s="23"/>
      <c r="CZA138" s="23"/>
      <c r="CZB138" s="23"/>
      <c r="CZC138" s="23"/>
      <c r="CZD138" s="23"/>
      <c r="CZE138" s="23"/>
      <c r="CZF138" s="23"/>
      <c r="CZG138" s="23"/>
      <c r="CZH138" s="23"/>
      <c r="CZI138" s="23"/>
      <c r="CZJ138" s="23"/>
      <c r="CZK138" s="23"/>
      <c r="CZL138" s="23"/>
      <c r="CZM138" s="23"/>
      <c r="CZN138" s="23"/>
      <c r="CZO138" s="23"/>
      <c r="CZP138" s="23"/>
      <c r="CZQ138" s="23"/>
      <c r="CZR138" s="23"/>
      <c r="CZS138" s="23"/>
      <c r="CZT138" s="23"/>
      <c r="CZU138" s="23"/>
      <c r="CZV138" s="23"/>
      <c r="CZW138" s="23"/>
      <c r="CZX138" s="23"/>
      <c r="CZY138" s="23"/>
      <c r="CZZ138" s="23"/>
      <c r="DAA138" s="23"/>
      <c r="DAB138" s="23"/>
      <c r="DAC138" s="23"/>
      <c r="DAD138" s="23"/>
      <c r="DAE138" s="23"/>
      <c r="DAF138" s="23"/>
      <c r="DAG138" s="23"/>
      <c r="DAH138" s="23"/>
      <c r="DAI138" s="23"/>
      <c r="DAJ138" s="23"/>
      <c r="DAK138" s="23"/>
      <c r="DAL138" s="23"/>
      <c r="DAM138" s="23"/>
      <c r="DAN138" s="23"/>
      <c r="DAO138" s="23"/>
      <c r="DAP138" s="23"/>
      <c r="DAQ138" s="23"/>
      <c r="DAR138" s="23"/>
      <c r="DAS138" s="23"/>
      <c r="DAT138" s="23"/>
      <c r="DAU138" s="23"/>
      <c r="DAV138" s="23"/>
      <c r="DAW138" s="23"/>
      <c r="DAX138" s="23"/>
      <c r="DAY138" s="23"/>
      <c r="DAZ138" s="23"/>
      <c r="DBA138" s="23"/>
      <c r="DBB138" s="23"/>
      <c r="DBC138" s="23"/>
      <c r="DBD138" s="23"/>
      <c r="DBE138" s="23"/>
      <c r="DBF138" s="23"/>
      <c r="DBG138" s="23"/>
      <c r="DBH138" s="23"/>
      <c r="DBI138" s="23"/>
      <c r="DBJ138" s="23"/>
      <c r="DBK138" s="23"/>
      <c r="DBL138" s="23"/>
      <c r="DBM138" s="23"/>
      <c r="DBN138" s="23"/>
      <c r="DBO138" s="23"/>
      <c r="DBP138" s="23"/>
      <c r="DBQ138" s="23"/>
      <c r="DBR138" s="23"/>
      <c r="DBS138" s="23"/>
      <c r="DBT138" s="23"/>
      <c r="DBU138" s="23"/>
      <c r="DBV138" s="23"/>
      <c r="DBW138" s="23"/>
      <c r="DBX138" s="23"/>
      <c r="DBY138" s="23"/>
      <c r="DBZ138" s="23"/>
      <c r="DCA138" s="23"/>
      <c r="DCB138" s="23"/>
      <c r="DCC138" s="23"/>
      <c r="DCD138" s="23"/>
      <c r="DCE138" s="23"/>
      <c r="DCF138" s="23"/>
      <c r="DCG138" s="23"/>
      <c r="DCH138" s="23"/>
      <c r="DCI138" s="23"/>
      <c r="DCJ138" s="23"/>
      <c r="DCK138" s="23"/>
      <c r="DCL138" s="23"/>
      <c r="DCM138" s="23"/>
      <c r="DCN138" s="23"/>
      <c r="DCO138" s="23"/>
      <c r="DCP138" s="23"/>
      <c r="DCQ138" s="23"/>
      <c r="DCR138" s="23"/>
      <c r="DCS138" s="23"/>
      <c r="DCT138" s="23"/>
      <c r="DCU138" s="23"/>
      <c r="DCV138" s="23"/>
      <c r="DCW138" s="23"/>
      <c r="DCX138" s="23"/>
      <c r="DCY138" s="23"/>
      <c r="DCZ138" s="23"/>
      <c r="DDA138" s="23"/>
      <c r="DDB138" s="23"/>
      <c r="DDC138" s="23"/>
      <c r="DDD138" s="23"/>
      <c r="DDE138" s="23"/>
      <c r="DDF138" s="23"/>
      <c r="DDG138" s="23"/>
      <c r="DDH138" s="23"/>
      <c r="DDI138" s="23"/>
      <c r="DDJ138" s="23"/>
      <c r="DDK138" s="23"/>
      <c r="DDL138" s="23"/>
      <c r="DDM138" s="23"/>
      <c r="DDN138" s="23"/>
      <c r="DDO138" s="23"/>
      <c r="DDP138" s="23"/>
      <c r="DDQ138" s="23"/>
      <c r="DDR138" s="23"/>
      <c r="DDS138" s="23"/>
      <c r="DDT138" s="23"/>
      <c r="DDU138" s="23"/>
      <c r="DDV138" s="23"/>
      <c r="DDW138" s="23"/>
      <c r="DDX138" s="23"/>
      <c r="DDY138" s="23"/>
      <c r="DDZ138" s="23"/>
      <c r="DEA138" s="23"/>
      <c r="DEB138" s="23"/>
      <c r="DEC138" s="23"/>
      <c r="DED138" s="23"/>
      <c r="DEE138" s="23"/>
      <c r="DEF138" s="23"/>
      <c r="DEG138" s="23"/>
      <c r="DEH138" s="23"/>
      <c r="DEI138" s="23"/>
      <c r="DEJ138" s="23"/>
      <c r="DEK138" s="23"/>
      <c r="DEL138" s="23"/>
      <c r="DEM138" s="23"/>
      <c r="DEN138" s="23"/>
      <c r="DEO138" s="23"/>
      <c r="DEP138" s="23"/>
      <c r="DEQ138" s="23"/>
      <c r="DER138" s="23"/>
      <c r="DES138" s="23"/>
      <c r="DET138" s="23"/>
      <c r="DEU138" s="23"/>
      <c r="DEV138" s="23"/>
      <c r="DEW138" s="23"/>
      <c r="DEX138" s="23"/>
      <c r="DEY138" s="23"/>
      <c r="DEZ138" s="23"/>
      <c r="DFA138" s="23"/>
      <c r="DFB138" s="23"/>
      <c r="DFC138" s="23"/>
      <c r="DFD138" s="23"/>
      <c r="DFE138" s="23"/>
      <c r="DFF138" s="23"/>
      <c r="DFG138" s="23"/>
      <c r="DFH138" s="23"/>
      <c r="DFI138" s="23"/>
      <c r="DFJ138" s="23"/>
      <c r="DFK138" s="23"/>
      <c r="DFL138" s="23"/>
      <c r="DFM138" s="23"/>
      <c r="DFN138" s="23"/>
      <c r="DFO138" s="23"/>
      <c r="DFP138" s="23"/>
      <c r="DFQ138" s="23"/>
      <c r="DFR138" s="23"/>
      <c r="DFS138" s="23"/>
      <c r="DFT138" s="23"/>
      <c r="DFU138" s="23"/>
      <c r="DFV138" s="23"/>
      <c r="DFW138" s="23"/>
      <c r="DFX138" s="23"/>
      <c r="DFY138" s="23"/>
      <c r="DFZ138" s="23"/>
      <c r="DGA138" s="23"/>
      <c r="DGB138" s="23"/>
      <c r="DGC138" s="23"/>
      <c r="DGD138" s="23"/>
      <c r="DGE138" s="23"/>
      <c r="DGF138" s="23"/>
      <c r="DGG138" s="23"/>
      <c r="DGH138" s="23"/>
      <c r="DGI138" s="23"/>
      <c r="DGJ138" s="23"/>
      <c r="DGK138" s="23"/>
      <c r="DGL138" s="23"/>
      <c r="DGM138" s="23"/>
      <c r="DGN138" s="23"/>
      <c r="DGO138" s="23"/>
      <c r="DGP138" s="23"/>
      <c r="DGQ138" s="23"/>
      <c r="DGR138" s="23"/>
      <c r="DGS138" s="23"/>
      <c r="DGT138" s="23"/>
      <c r="DGU138" s="23"/>
      <c r="DGV138" s="23"/>
      <c r="DGW138" s="23"/>
      <c r="DGX138" s="23"/>
      <c r="DGY138" s="23"/>
      <c r="DGZ138" s="23"/>
      <c r="DHA138" s="23"/>
      <c r="DHB138" s="23"/>
      <c r="DHC138" s="23"/>
      <c r="DHD138" s="23"/>
      <c r="DHE138" s="23"/>
      <c r="DHF138" s="23"/>
      <c r="DHG138" s="23"/>
      <c r="DHH138" s="23"/>
      <c r="DHI138" s="23"/>
      <c r="DHJ138" s="23"/>
      <c r="DHK138" s="23"/>
      <c r="DHL138" s="23"/>
      <c r="DHM138" s="23"/>
      <c r="DHN138" s="23"/>
      <c r="DHO138" s="23"/>
      <c r="DHP138" s="23"/>
      <c r="DHQ138" s="23"/>
      <c r="DHR138" s="23"/>
      <c r="DHS138" s="23"/>
      <c r="DHT138" s="23"/>
      <c r="DHU138" s="23"/>
      <c r="DHV138" s="23"/>
      <c r="DHW138" s="23"/>
      <c r="DHX138" s="23"/>
      <c r="DHY138" s="23"/>
      <c r="DHZ138" s="23"/>
      <c r="DIA138" s="23"/>
      <c r="DIB138" s="23"/>
      <c r="DIC138" s="23"/>
      <c r="DID138" s="23"/>
      <c r="DIE138" s="23"/>
      <c r="DIF138" s="23"/>
      <c r="DIG138" s="23"/>
      <c r="DIH138" s="23"/>
      <c r="DII138" s="23"/>
      <c r="DIJ138" s="23"/>
      <c r="DIK138" s="23"/>
      <c r="DIL138" s="23"/>
      <c r="DIM138" s="23"/>
      <c r="DIN138" s="23"/>
      <c r="DIO138" s="23"/>
      <c r="DIP138" s="23"/>
      <c r="DIQ138" s="23"/>
      <c r="DIR138" s="23"/>
      <c r="DIS138" s="23"/>
      <c r="DIT138" s="23"/>
      <c r="DIU138" s="23"/>
      <c r="DIV138" s="23"/>
      <c r="DIW138" s="23"/>
      <c r="DIX138" s="23"/>
      <c r="DIY138" s="23"/>
      <c r="DIZ138" s="23"/>
      <c r="DJA138" s="23"/>
      <c r="DJB138" s="23"/>
      <c r="DJC138" s="23"/>
      <c r="DJD138" s="23"/>
      <c r="DJE138" s="23"/>
      <c r="DJF138" s="23"/>
      <c r="DJG138" s="23"/>
      <c r="DJH138" s="23"/>
      <c r="DJI138" s="23"/>
      <c r="DJJ138" s="23"/>
      <c r="DJK138" s="23"/>
      <c r="DJL138" s="23"/>
      <c r="DJM138" s="23"/>
      <c r="DJN138" s="23"/>
      <c r="DJO138" s="23"/>
      <c r="DJP138" s="23"/>
      <c r="DJQ138" s="23"/>
      <c r="DJR138" s="23"/>
      <c r="DJS138" s="23"/>
      <c r="DJT138" s="23"/>
      <c r="DJU138" s="23"/>
      <c r="DJV138" s="23"/>
      <c r="DJW138" s="23"/>
      <c r="DJX138" s="23"/>
      <c r="DJY138" s="23"/>
      <c r="DJZ138" s="23"/>
      <c r="DKA138" s="23"/>
      <c r="DKB138" s="23"/>
      <c r="DKC138" s="23"/>
      <c r="DKD138" s="23"/>
      <c r="DKE138" s="23"/>
      <c r="DKF138" s="23"/>
      <c r="DKG138" s="23"/>
      <c r="DKH138" s="23"/>
      <c r="DKI138" s="23"/>
      <c r="DKJ138" s="23"/>
      <c r="DKK138" s="23"/>
      <c r="DKL138" s="23"/>
      <c r="DKM138" s="23"/>
      <c r="DKN138" s="23"/>
      <c r="DKO138" s="23"/>
      <c r="DKP138" s="23"/>
      <c r="DKQ138" s="23"/>
      <c r="DKR138" s="23"/>
      <c r="DKS138" s="23"/>
      <c r="DKT138" s="23"/>
      <c r="DKU138" s="23"/>
      <c r="DKV138" s="23"/>
      <c r="DKW138" s="23"/>
      <c r="DKX138" s="23"/>
      <c r="DKY138" s="23"/>
      <c r="DKZ138" s="23"/>
      <c r="DLA138" s="23"/>
      <c r="DLB138" s="23"/>
      <c r="DLC138" s="23"/>
      <c r="DLD138" s="23"/>
      <c r="DLE138" s="23"/>
      <c r="DLF138" s="23"/>
      <c r="DLG138" s="23"/>
      <c r="DLH138" s="23"/>
      <c r="DLI138" s="23"/>
      <c r="DLJ138" s="23"/>
      <c r="DLK138" s="23"/>
      <c r="DLL138" s="23"/>
      <c r="DLM138" s="23"/>
      <c r="DLN138" s="23"/>
      <c r="DLO138" s="23"/>
      <c r="DLP138" s="23"/>
      <c r="DLQ138" s="23"/>
      <c r="DLR138" s="23"/>
      <c r="DLS138" s="23"/>
      <c r="DLT138" s="23"/>
      <c r="DLU138" s="23"/>
      <c r="DLV138" s="23"/>
      <c r="DLW138" s="23"/>
      <c r="DLX138" s="23"/>
      <c r="DLY138" s="23"/>
      <c r="DLZ138" s="23"/>
      <c r="DMA138" s="23"/>
      <c r="DMB138" s="23"/>
      <c r="DMC138" s="23"/>
      <c r="DMD138" s="23"/>
      <c r="DME138" s="23"/>
      <c r="DMF138" s="23"/>
      <c r="DMG138" s="23"/>
      <c r="DMH138" s="23"/>
      <c r="DMI138" s="23"/>
      <c r="DMJ138" s="23"/>
      <c r="DMK138" s="23"/>
      <c r="DML138" s="23"/>
      <c r="DMM138" s="23"/>
      <c r="DMN138" s="23"/>
      <c r="DMO138" s="23"/>
      <c r="DMP138" s="23"/>
      <c r="DMQ138" s="23"/>
      <c r="DMR138" s="23"/>
      <c r="DMS138" s="23"/>
      <c r="DMT138" s="23"/>
      <c r="DMU138" s="23"/>
      <c r="DMV138" s="23"/>
      <c r="DMW138" s="23"/>
      <c r="DMX138" s="23"/>
      <c r="DMY138" s="23"/>
      <c r="DMZ138" s="23"/>
      <c r="DNA138" s="23"/>
      <c r="DNB138" s="23"/>
      <c r="DNC138" s="23"/>
      <c r="DND138" s="23"/>
      <c r="DNE138" s="23"/>
      <c r="DNF138" s="23"/>
      <c r="DNG138" s="23"/>
      <c r="DNH138" s="23"/>
      <c r="DNI138" s="23"/>
      <c r="DNJ138" s="23"/>
      <c r="DNK138" s="23"/>
      <c r="DNL138" s="23"/>
      <c r="DNM138" s="23"/>
      <c r="DNN138" s="23"/>
      <c r="DNO138" s="23"/>
      <c r="DNP138" s="23"/>
      <c r="DNQ138" s="23"/>
      <c r="DNR138" s="23"/>
      <c r="DNS138" s="23"/>
      <c r="DNT138" s="23"/>
      <c r="DNU138" s="23"/>
      <c r="DNV138" s="23"/>
      <c r="DNW138" s="23"/>
      <c r="DNX138" s="23"/>
      <c r="DNY138" s="23"/>
      <c r="DNZ138" s="23"/>
      <c r="DOA138" s="23"/>
      <c r="DOB138" s="23"/>
      <c r="DOC138" s="23"/>
      <c r="DOD138" s="23"/>
      <c r="DOE138" s="23"/>
      <c r="DOF138" s="23"/>
      <c r="DOG138" s="23"/>
      <c r="DOH138" s="23"/>
      <c r="DOI138" s="23"/>
      <c r="DOJ138" s="23"/>
      <c r="DOK138" s="23"/>
      <c r="DOL138" s="23"/>
      <c r="DOM138" s="23"/>
      <c r="DON138" s="23"/>
      <c r="DOO138" s="23"/>
      <c r="DOP138" s="23"/>
      <c r="DOQ138" s="23"/>
      <c r="DOR138" s="23"/>
      <c r="DOS138" s="23"/>
      <c r="DOT138" s="23"/>
      <c r="DOU138" s="23"/>
      <c r="DOV138" s="23"/>
      <c r="DOW138" s="23"/>
      <c r="DOX138" s="23"/>
      <c r="DOY138" s="23"/>
      <c r="DOZ138" s="23"/>
      <c r="DPA138" s="23"/>
      <c r="DPB138" s="23"/>
      <c r="DPC138" s="23"/>
      <c r="DPD138" s="23"/>
      <c r="DPE138" s="23"/>
      <c r="DPF138" s="23"/>
      <c r="DPG138" s="23"/>
      <c r="DPH138" s="23"/>
      <c r="DPI138" s="23"/>
      <c r="DPJ138" s="23"/>
      <c r="DPK138" s="23"/>
      <c r="DPL138" s="23"/>
      <c r="DPM138" s="23"/>
      <c r="DPN138" s="23"/>
      <c r="DPO138" s="23"/>
      <c r="DPP138" s="23"/>
      <c r="DPQ138" s="23"/>
      <c r="DPR138" s="23"/>
      <c r="DPS138" s="23"/>
      <c r="DPT138" s="23"/>
      <c r="DPU138" s="23"/>
      <c r="DPV138" s="23"/>
      <c r="DPW138" s="23"/>
      <c r="DPX138" s="23"/>
      <c r="DPY138" s="23"/>
      <c r="DPZ138" s="23"/>
      <c r="DQA138" s="23"/>
      <c r="DQB138" s="23"/>
      <c r="DQC138" s="23"/>
      <c r="DQD138" s="23"/>
      <c r="DQE138" s="23"/>
      <c r="DQF138" s="23"/>
      <c r="DQG138" s="23"/>
      <c r="DQH138" s="23"/>
      <c r="DQI138" s="23"/>
      <c r="DQJ138" s="23"/>
      <c r="DQK138" s="23"/>
      <c r="DQL138" s="23"/>
      <c r="DQM138" s="23"/>
      <c r="DQN138" s="23"/>
      <c r="DQO138" s="23"/>
      <c r="DQP138" s="23"/>
      <c r="DQQ138" s="23"/>
      <c r="DQR138" s="23"/>
      <c r="DQS138" s="23"/>
      <c r="DQT138" s="23"/>
      <c r="DQU138" s="23"/>
      <c r="DQV138" s="23"/>
      <c r="DQW138" s="23"/>
      <c r="DQX138" s="23"/>
      <c r="DQY138" s="23"/>
      <c r="DQZ138" s="23"/>
      <c r="DRA138" s="23"/>
      <c r="DRB138" s="23"/>
      <c r="DRC138" s="23"/>
      <c r="DRD138" s="23"/>
      <c r="DRE138" s="23"/>
      <c r="DRF138" s="23"/>
      <c r="DRG138" s="23"/>
      <c r="DRH138" s="23"/>
      <c r="DRI138" s="23"/>
      <c r="DRJ138" s="23"/>
      <c r="DRK138" s="23"/>
      <c r="DRL138" s="23"/>
      <c r="DRM138" s="23"/>
      <c r="DRN138" s="23"/>
      <c r="DRO138" s="23"/>
      <c r="DRP138" s="23"/>
      <c r="DRQ138" s="23"/>
      <c r="DRR138" s="23"/>
      <c r="DRS138" s="23"/>
      <c r="DRT138" s="23"/>
      <c r="DRU138" s="23"/>
      <c r="DRV138" s="23"/>
      <c r="DRW138" s="23"/>
      <c r="DRX138" s="23"/>
      <c r="DRY138" s="23"/>
      <c r="DRZ138" s="23"/>
      <c r="DSA138" s="23"/>
      <c r="DSB138" s="23"/>
      <c r="DSC138" s="23"/>
      <c r="DSD138" s="23"/>
      <c r="DSE138" s="23"/>
      <c r="DSF138" s="23"/>
      <c r="DSG138" s="23"/>
      <c r="DSH138" s="23"/>
      <c r="DSI138" s="23"/>
      <c r="DSJ138" s="23"/>
      <c r="DSK138" s="23"/>
      <c r="DSL138" s="23"/>
      <c r="DSM138" s="23"/>
      <c r="DSN138" s="23"/>
      <c r="DSO138" s="23"/>
      <c r="DSP138" s="23"/>
      <c r="DSQ138" s="23"/>
      <c r="DSR138" s="23"/>
      <c r="DSS138" s="23"/>
      <c r="DST138" s="23"/>
      <c r="DSU138" s="23"/>
      <c r="DSV138" s="23"/>
      <c r="DSW138" s="23"/>
      <c r="DSX138" s="23"/>
      <c r="DSY138" s="23"/>
      <c r="DSZ138" s="23"/>
      <c r="DTA138" s="23"/>
      <c r="DTB138" s="23"/>
      <c r="DTC138" s="23"/>
      <c r="DTD138" s="23"/>
      <c r="DTE138" s="23"/>
      <c r="DTF138" s="23"/>
      <c r="DTG138" s="23"/>
      <c r="DTH138" s="23"/>
      <c r="DTI138" s="23"/>
      <c r="DTJ138" s="23"/>
      <c r="DTK138" s="23"/>
      <c r="DTL138" s="23"/>
      <c r="DTM138" s="23"/>
      <c r="DTN138" s="23"/>
      <c r="DTO138" s="23"/>
      <c r="DTP138" s="23"/>
      <c r="DTQ138" s="23"/>
      <c r="DTR138" s="23"/>
      <c r="DTS138" s="23"/>
      <c r="DTT138" s="23"/>
      <c r="DTU138" s="23"/>
      <c r="DTV138" s="23"/>
      <c r="DTW138" s="23"/>
      <c r="DTX138" s="23"/>
      <c r="DTY138" s="23"/>
      <c r="DTZ138" s="23"/>
      <c r="DUA138" s="23"/>
      <c r="DUB138" s="23"/>
      <c r="DUC138" s="23"/>
      <c r="DUD138" s="23"/>
      <c r="DUE138" s="23"/>
      <c r="DUF138" s="23"/>
      <c r="DUG138" s="23"/>
      <c r="DUH138" s="23"/>
      <c r="DUI138" s="23"/>
      <c r="DUJ138" s="23"/>
      <c r="DUK138" s="23"/>
      <c r="DUL138" s="23"/>
      <c r="DUM138" s="23"/>
      <c r="DUN138" s="23"/>
      <c r="DUO138" s="23"/>
      <c r="DUP138" s="23"/>
      <c r="DUQ138" s="23"/>
      <c r="DUR138" s="23"/>
      <c r="DUS138" s="23"/>
      <c r="DUT138" s="23"/>
      <c r="DUU138" s="23"/>
      <c r="DUV138" s="23"/>
      <c r="DUW138" s="23"/>
      <c r="DUX138" s="23"/>
      <c r="DUY138" s="23"/>
      <c r="DUZ138" s="23"/>
      <c r="DVA138" s="23"/>
      <c r="DVB138" s="23"/>
      <c r="DVC138" s="23"/>
      <c r="DVD138" s="23"/>
      <c r="DVE138" s="23"/>
      <c r="DVF138" s="23"/>
      <c r="DVG138" s="23"/>
      <c r="DVH138" s="23"/>
      <c r="DVI138" s="23"/>
      <c r="DVJ138" s="23"/>
      <c r="DVK138" s="23"/>
      <c r="DVL138" s="23"/>
      <c r="DVM138" s="23"/>
      <c r="DVN138" s="23"/>
      <c r="DVO138" s="23"/>
      <c r="DVP138" s="23"/>
      <c r="DVQ138" s="23"/>
      <c r="DVR138" s="23"/>
      <c r="DVS138" s="23"/>
      <c r="DVT138" s="23"/>
      <c r="DVU138" s="23"/>
      <c r="DVV138" s="23"/>
      <c r="DVW138" s="23"/>
      <c r="DVX138" s="23"/>
      <c r="DVY138" s="23"/>
      <c r="DVZ138" s="23"/>
      <c r="DWA138" s="23"/>
      <c r="DWB138" s="23"/>
      <c r="DWC138" s="23"/>
      <c r="DWD138" s="23"/>
      <c r="DWE138" s="23"/>
      <c r="DWF138" s="23"/>
      <c r="DWG138" s="23"/>
      <c r="DWH138" s="23"/>
      <c r="DWI138" s="23"/>
      <c r="DWJ138" s="23"/>
      <c r="DWK138" s="23"/>
      <c r="DWL138" s="23"/>
      <c r="DWM138" s="23"/>
      <c r="DWN138" s="23"/>
      <c r="DWO138" s="23"/>
      <c r="DWP138" s="23"/>
      <c r="DWQ138" s="23"/>
      <c r="DWR138" s="23"/>
      <c r="DWS138" s="23"/>
      <c r="DWT138" s="23"/>
      <c r="DWU138" s="23"/>
      <c r="DWV138" s="23"/>
      <c r="DWW138" s="23"/>
      <c r="DWX138" s="23"/>
      <c r="DWY138" s="23"/>
      <c r="DWZ138" s="23"/>
      <c r="DXA138" s="23"/>
      <c r="DXB138" s="23"/>
      <c r="DXC138" s="23"/>
      <c r="DXD138" s="23"/>
      <c r="DXE138" s="23"/>
      <c r="DXF138" s="23"/>
      <c r="DXG138" s="23"/>
      <c r="DXH138" s="23"/>
      <c r="DXI138" s="23"/>
      <c r="DXJ138" s="23"/>
      <c r="DXK138" s="23"/>
      <c r="DXL138" s="23"/>
      <c r="DXM138" s="23"/>
      <c r="DXN138" s="23"/>
      <c r="DXO138" s="23"/>
      <c r="DXP138" s="23"/>
      <c r="DXQ138" s="23"/>
      <c r="DXR138" s="23"/>
      <c r="DXS138" s="23"/>
      <c r="DXT138" s="23"/>
      <c r="DXU138" s="23"/>
      <c r="DXV138" s="23"/>
      <c r="DXW138" s="23"/>
      <c r="DXX138" s="23"/>
      <c r="DXY138" s="23"/>
      <c r="DXZ138" s="23"/>
      <c r="DYA138" s="23"/>
      <c r="DYB138" s="23"/>
      <c r="DYC138" s="23"/>
      <c r="DYD138" s="23"/>
      <c r="DYE138" s="23"/>
      <c r="DYF138" s="23"/>
      <c r="DYG138" s="23"/>
      <c r="DYH138" s="23"/>
      <c r="DYI138" s="23"/>
      <c r="DYJ138" s="23"/>
      <c r="DYK138" s="23"/>
      <c r="DYL138" s="23"/>
      <c r="DYM138" s="23"/>
      <c r="DYN138" s="23"/>
      <c r="DYO138" s="23"/>
      <c r="DYP138" s="23"/>
      <c r="DYQ138" s="23"/>
      <c r="DYR138" s="23"/>
      <c r="DYS138" s="23"/>
      <c r="DYT138" s="23"/>
      <c r="DYU138" s="23"/>
      <c r="DYV138" s="23"/>
      <c r="DYW138" s="23"/>
      <c r="DYX138" s="23"/>
      <c r="DYY138" s="23"/>
      <c r="DYZ138" s="23"/>
      <c r="DZA138" s="23"/>
      <c r="DZB138" s="23"/>
      <c r="DZC138" s="23"/>
      <c r="DZD138" s="23"/>
      <c r="DZE138" s="23"/>
      <c r="DZF138" s="23"/>
      <c r="DZG138" s="23"/>
      <c r="DZH138" s="23"/>
      <c r="DZI138" s="23"/>
      <c r="DZJ138" s="23"/>
      <c r="DZK138" s="23"/>
      <c r="DZL138" s="23"/>
      <c r="DZM138" s="23"/>
      <c r="DZN138" s="23"/>
      <c r="DZO138" s="23"/>
      <c r="DZP138" s="23"/>
      <c r="DZQ138" s="23"/>
      <c r="DZR138" s="23"/>
      <c r="DZS138" s="23"/>
      <c r="DZT138" s="23"/>
      <c r="DZU138" s="23"/>
      <c r="DZV138" s="23"/>
      <c r="DZW138" s="23"/>
      <c r="DZX138" s="23"/>
      <c r="DZY138" s="23"/>
      <c r="DZZ138" s="23"/>
      <c r="EAA138" s="23"/>
      <c r="EAB138" s="23"/>
      <c r="EAC138" s="23"/>
      <c r="EAD138" s="23"/>
      <c r="EAE138" s="23"/>
      <c r="EAF138" s="23"/>
      <c r="EAG138" s="23"/>
      <c r="EAH138" s="23"/>
      <c r="EAI138" s="23"/>
      <c r="EAJ138" s="23"/>
      <c r="EAK138" s="23"/>
      <c r="EAL138" s="23"/>
      <c r="EAM138" s="23"/>
      <c r="EAN138" s="23"/>
      <c r="EAO138" s="23"/>
      <c r="EAP138" s="23"/>
      <c r="EAQ138" s="23"/>
      <c r="EAR138" s="23"/>
      <c r="EAS138" s="23"/>
      <c r="EAT138" s="23"/>
      <c r="EAU138" s="23"/>
      <c r="EAV138" s="23"/>
      <c r="EAW138" s="23"/>
      <c r="EAX138" s="23"/>
      <c r="EAY138" s="23"/>
      <c r="EAZ138" s="23"/>
      <c r="EBA138" s="23"/>
      <c r="EBB138" s="23"/>
      <c r="EBC138" s="23"/>
      <c r="EBD138" s="23"/>
      <c r="EBE138" s="23"/>
      <c r="EBF138" s="23"/>
      <c r="EBG138" s="23"/>
      <c r="EBH138" s="23"/>
      <c r="EBI138" s="23"/>
      <c r="EBJ138" s="23"/>
      <c r="EBK138" s="23"/>
      <c r="EBL138" s="23"/>
      <c r="EBM138" s="23"/>
      <c r="EBN138" s="23"/>
      <c r="EBO138" s="23"/>
      <c r="EBP138" s="23"/>
      <c r="EBQ138" s="23"/>
      <c r="EBR138" s="23"/>
      <c r="EBS138" s="23"/>
      <c r="EBT138" s="23"/>
      <c r="EBU138" s="23"/>
      <c r="EBV138" s="23"/>
      <c r="EBW138" s="23"/>
      <c r="EBX138" s="23"/>
      <c r="EBY138" s="23"/>
      <c r="EBZ138" s="23"/>
      <c r="ECA138" s="23"/>
      <c r="ECB138" s="23"/>
      <c r="ECC138" s="23"/>
      <c r="ECD138" s="23"/>
      <c r="ECE138" s="23"/>
      <c r="ECF138" s="23"/>
      <c r="ECG138" s="23"/>
      <c r="ECH138" s="23"/>
      <c r="ECI138" s="23"/>
      <c r="ECJ138" s="23"/>
      <c r="ECK138" s="23"/>
      <c r="ECL138" s="23"/>
      <c r="ECM138" s="23"/>
      <c r="ECN138" s="23"/>
      <c r="ECO138" s="23"/>
      <c r="ECP138" s="23"/>
      <c r="ECQ138" s="23"/>
      <c r="ECR138" s="23"/>
      <c r="ECS138" s="23"/>
      <c r="ECT138" s="23"/>
      <c r="ECU138" s="23"/>
      <c r="ECV138" s="23"/>
      <c r="ECW138" s="23"/>
      <c r="ECX138" s="23"/>
      <c r="ECY138" s="23"/>
      <c r="ECZ138" s="23"/>
      <c r="EDA138" s="23"/>
      <c r="EDB138" s="23"/>
      <c r="EDC138" s="23"/>
      <c r="EDD138" s="23"/>
      <c r="EDE138" s="23"/>
      <c r="EDF138" s="23"/>
      <c r="EDG138" s="23"/>
      <c r="EDH138" s="23"/>
      <c r="EDI138" s="23"/>
      <c r="EDJ138" s="23"/>
      <c r="EDK138" s="23"/>
      <c r="EDL138" s="23"/>
      <c r="EDM138" s="23"/>
      <c r="EDN138" s="23"/>
      <c r="EDO138" s="23"/>
      <c r="EDP138" s="23"/>
      <c r="EDQ138" s="23"/>
      <c r="EDR138" s="23"/>
      <c r="EDS138" s="23"/>
      <c r="EDT138" s="23"/>
      <c r="EDU138" s="23"/>
      <c r="EDV138" s="23"/>
      <c r="EDW138" s="23"/>
      <c r="EDX138" s="23"/>
      <c r="EDY138" s="23"/>
      <c r="EDZ138" s="23"/>
      <c r="EEA138" s="23"/>
      <c r="EEB138" s="23"/>
      <c r="EEC138" s="23"/>
      <c r="EED138" s="23"/>
      <c r="EEE138" s="23"/>
      <c r="EEF138" s="23"/>
      <c r="EEG138" s="23"/>
      <c r="EEH138" s="23"/>
      <c r="EEI138" s="23"/>
      <c r="EEJ138" s="23"/>
      <c r="EEK138" s="23"/>
      <c r="EEL138" s="23"/>
      <c r="EEM138" s="23"/>
      <c r="EEN138" s="23"/>
      <c r="EEO138" s="23"/>
      <c r="EEP138" s="23"/>
      <c r="EEQ138" s="23"/>
      <c r="EER138" s="23"/>
      <c r="EES138" s="23"/>
      <c r="EET138" s="23"/>
      <c r="EEU138" s="23"/>
      <c r="EEV138" s="23"/>
      <c r="EEW138" s="23"/>
      <c r="EEX138" s="23"/>
      <c r="EEY138" s="23"/>
      <c r="EEZ138" s="23"/>
      <c r="EFA138" s="23"/>
      <c r="EFB138" s="23"/>
      <c r="EFC138" s="23"/>
      <c r="EFD138" s="23"/>
      <c r="EFE138" s="23"/>
      <c r="EFF138" s="23"/>
      <c r="EFG138" s="23"/>
      <c r="EFH138" s="23"/>
      <c r="EFI138" s="23"/>
      <c r="EFJ138" s="23"/>
      <c r="EFK138" s="23"/>
      <c r="EFL138" s="23"/>
      <c r="EFM138" s="23"/>
      <c r="EFN138" s="23"/>
      <c r="EFO138" s="23"/>
      <c r="EFP138" s="23"/>
      <c r="EFQ138" s="23"/>
      <c r="EFR138" s="23"/>
      <c r="EFS138" s="23"/>
      <c r="EFT138" s="23"/>
      <c r="EFU138" s="23"/>
      <c r="EFV138" s="23"/>
      <c r="EFW138" s="23"/>
      <c r="EFX138" s="23"/>
      <c r="EFY138" s="23"/>
      <c r="EFZ138" s="23"/>
      <c r="EGA138" s="23"/>
      <c r="EGB138" s="23"/>
      <c r="EGC138" s="23"/>
      <c r="EGD138" s="23"/>
      <c r="EGE138" s="23"/>
      <c r="EGF138" s="23"/>
      <c r="EGG138" s="23"/>
      <c r="EGH138" s="23"/>
      <c r="EGI138" s="23"/>
      <c r="EGJ138" s="23"/>
      <c r="EGK138" s="23"/>
      <c r="EGL138" s="23"/>
      <c r="EGM138" s="23"/>
      <c r="EGN138" s="23"/>
      <c r="EGO138" s="23"/>
      <c r="EGP138" s="23"/>
      <c r="EGQ138" s="23"/>
      <c r="EGR138" s="23"/>
      <c r="EGS138" s="23"/>
      <c r="EGT138" s="23"/>
      <c r="EGU138" s="23"/>
      <c r="EGV138" s="23"/>
      <c r="EGW138" s="23"/>
      <c r="EGX138" s="23"/>
      <c r="EGY138" s="23"/>
      <c r="EGZ138" s="23"/>
      <c r="EHA138" s="23"/>
      <c r="EHB138" s="23"/>
      <c r="EHC138" s="23"/>
      <c r="EHD138" s="23"/>
      <c r="EHE138" s="23"/>
      <c r="EHF138" s="23"/>
      <c r="EHG138" s="23"/>
      <c r="EHH138" s="23"/>
      <c r="EHI138" s="23"/>
      <c r="EHJ138" s="23"/>
      <c r="EHK138" s="23"/>
      <c r="EHL138" s="23"/>
      <c r="EHM138" s="23"/>
      <c r="EHN138" s="23"/>
      <c r="EHO138" s="23"/>
      <c r="EHP138" s="23"/>
      <c r="EHQ138" s="23"/>
      <c r="EHR138" s="23"/>
      <c r="EHS138" s="23"/>
      <c r="EHT138" s="23"/>
      <c r="EHU138" s="23"/>
      <c r="EHV138" s="23"/>
      <c r="EHW138" s="23"/>
      <c r="EHX138" s="23"/>
      <c r="EHY138" s="23"/>
      <c r="EHZ138" s="23"/>
      <c r="EIA138" s="23"/>
      <c r="EIB138" s="23"/>
      <c r="EIC138" s="23"/>
      <c r="EID138" s="23"/>
      <c r="EIE138" s="23"/>
      <c r="EIF138" s="23"/>
      <c r="EIG138" s="23"/>
      <c r="EIH138" s="23"/>
      <c r="EII138" s="23"/>
      <c r="EIJ138" s="23"/>
      <c r="EIK138" s="23"/>
      <c r="EIL138" s="23"/>
      <c r="EIM138" s="23"/>
      <c r="EIN138" s="23"/>
      <c r="EIO138" s="23"/>
      <c r="EIP138" s="23"/>
      <c r="EIQ138" s="23"/>
      <c r="EIR138" s="23"/>
      <c r="EIS138" s="23"/>
      <c r="EIT138" s="23"/>
      <c r="EIU138" s="23"/>
      <c r="EIV138" s="23"/>
      <c r="EIW138" s="23"/>
      <c r="EIX138" s="23"/>
      <c r="EIY138" s="23"/>
      <c r="EIZ138" s="23"/>
      <c r="EJA138" s="23"/>
      <c r="EJB138" s="23"/>
      <c r="EJC138" s="23"/>
      <c r="EJD138" s="23"/>
      <c r="EJE138" s="23"/>
      <c r="EJF138" s="23"/>
      <c r="EJG138" s="23"/>
      <c r="EJH138" s="23"/>
      <c r="EJI138" s="23"/>
      <c r="EJJ138" s="23"/>
      <c r="EJK138" s="23"/>
      <c r="EJL138" s="23"/>
      <c r="EJM138" s="23"/>
      <c r="EJN138" s="23"/>
      <c r="EJO138" s="23"/>
      <c r="EJP138" s="23"/>
      <c r="EJQ138" s="23"/>
      <c r="EJR138" s="23"/>
      <c r="EJS138" s="23"/>
      <c r="EJT138" s="23"/>
      <c r="EJU138" s="23"/>
      <c r="EJV138" s="23"/>
      <c r="EJW138" s="23"/>
      <c r="EJX138" s="23"/>
      <c r="EJY138" s="23"/>
      <c r="EJZ138" s="23"/>
      <c r="EKA138" s="23"/>
      <c r="EKB138" s="23"/>
      <c r="EKC138" s="23"/>
      <c r="EKD138" s="23"/>
      <c r="EKE138" s="23"/>
      <c r="EKF138" s="23"/>
      <c r="EKG138" s="23"/>
      <c r="EKH138" s="23"/>
      <c r="EKI138" s="23"/>
      <c r="EKJ138" s="23"/>
      <c r="EKK138" s="23"/>
      <c r="EKL138" s="23"/>
      <c r="EKM138" s="23"/>
      <c r="EKN138" s="23"/>
      <c r="EKO138" s="23"/>
      <c r="EKP138" s="23"/>
      <c r="EKQ138" s="23"/>
      <c r="EKR138" s="23"/>
      <c r="EKS138" s="23"/>
      <c r="EKT138" s="23"/>
      <c r="EKU138" s="23"/>
      <c r="EKV138" s="23"/>
      <c r="EKW138" s="23"/>
      <c r="EKX138" s="23"/>
      <c r="EKY138" s="23"/>
      <c r="EKZ138" s="23"/>
      <c r="ELA138" s="23"/>
      <c r="ELB138" s="23"/>
      <c r="ELC138" s="23"/>
      <c r="ELD138" s="23"/>
      <c r="ELE138" s="23"/>
      <c r="ELF138" s="23"/>
      <c r="ELG138" s="23"/>
      <c r="ELH138" s="23"/>
      <c r="ELI138" s="23"/>
      <c r="ELJ138" s="23"/>
      <c r="ELK138" s="23"/>
      <c r="ELL138" s="23"/>
      <c r="ELM138" s="23"/>
      <c r="ELN138" s="23"/>
      <c r="ELO138" s="23"/>
      <c r="ELP138" s="23"/>
      <c r="ELQ138" s="23"/>
      <c r="ELR138" s="23"/>
      <c r="ELS138" s="23"/>
      <c r="ELT138" s="23"/>
      <c r="ELU138" s="23"/>
      <c r="ELV138" s="23"/>
      <c r="ELW138" s="23"/>
      <c r="ELX138" s="23"/>
      <c r="ELY138" s="23"/>
      <c r="ELZ138" s="23"/>
      <c r="EMA138" s="23"/>
      <c r="EMB138" s="23"/>
      <c r="EMC138" s="23"/>
      <c r="EMD138" s="23"/>
      <c r="EME138" s="23"/>
      <c r="EMF138" s="23"/>
      <c r="EMG138" s="23"/>
      <c r="EMH138" s="23"/>
      <c r="EMI138" s="23"/>
      <c r="EMJ138" s="23"/>
      <c r="EMK138" s="23"/>
      <c r="EML138" s="23"/>
      <c r="EMM138" s="23"/>
      <c r="EMN138" s="23"/>
      <c r="EMO138" s="23"/>
      <c r="EMP138" s="23"/>
      <c r="EMQ138" s="23"/>
      <c r="EMR138" s="23"/>
      <c r="EMS138" s="23"/>
      <c r="EMT138" s="23"/>
      <c r="EMU138" s="23"/>
      <c r="EMV138" s="23"/>
      <c r="EMW138" s="23"/>
      <c r="EMX138" s="23"/>
      <c r="EMY138" s="23"/>
      <c r="EMZ138" s="23"/>
      <c r="ENA138" s="23"/>
      <c r="ENB138" s="23"/>
      <c r="ENC138" s="23"/>
      <c r="END138" s="23"/>
      <c r="ENE138" s="23"/>
      <c r="ENF138" s="23"/>
      <c r="ENG138" s="23"/>
      <c r="ENH138" s="23"/>
      <c r="ENI138" s="23"/>
      <c r="ENJ138" s="23"/>
      <c r="ENK138" s="23"/>
      <c r="ENL138" s="23"/>
      <c r="ENM138" s="23"/>
      <c r="ENN138" s="23"/>
      <c r="ENO138" s="23"/>
      <c r="ENP138" s="23"/>
      <c r="ENQ138" s="23"/>
      <c r="ENR138" s="23"/>
      <c r="ENS138" s="23"/>
      <c r="ENT138" s="23"/>
      <c r="ENU138" s="23"/>
      <c r="ENV138" s="23"/>
      <c r="ENW138" s="23"/>
      <c r="ENX138" s="23"/>
      <c r="ENY138" s="23"/>
      <c r="ENZ138" s="23"/>
      <c r="EOA138" s="23"/>
      <c r="EOB138" s="23"/>
      <c r="EOC138" s="23"/>
      <c r="EOD138" s="23"/>
      <c r="EOE138" s="23"/>
      <c r="EOF138" s="23"/>
      <c r="EOG138" s="23"/>
      <c r="EOH138" s="23"/>
      <c r="EOI138" s="23"/>
      <c r="EOJ138" s="23"/>
      <c r="EOK138" s="23"/>
      <c r="EOL138" s="23"/>
      <c r="EOM138" s="23"/>
      <c r="EON138" s="23"/>
      <c r="EOO138" s="23"/>
      <c r="EOP138" s="23"/>
      <c r="EOQ138" s="23"/>
      <c r="EOR138" s="23"/>
      <c r="EOS138" s="23"/>
      <c r="EOT138" s="23"/>
      <c r="EOU138" s="23"/>
      <c r="EOV138" s="23"/>
      <c r="EOW138" s="23"/>
      <c r="EOX138" s="23"/>
      <c r="EOY138" s="23"/>
      <c r="EOZ138" s="23"/>
      <c r="EPA138" s="23"/>
      <c r="EPB138" s="23"/>
      <c r="EPC138" s="23"/>
      <c r="EPD138" s="23"/>
      <c r="EPE138" s="23"/>
      <c r="EPF138" s="23"/>
      <c r="EPG138" s="23"/>
      <c r="EPH138" s="23"/>
      <c r="EPI138" s="23"/>
      <c r="EPJ138" s="23"/>
      <c r="EPK138" s="23"/>
      <c r="EPL138" s="23"/>
      <c r="EPM138" s="23"/>
      <c r="EPN138" s="23"/>
      <c r="EPO138" s="23"/>
      <c r="EPP138" s="23"/>
      <c r="EPQ138" s="23"/>
      <c r="EPR138" s="23"/>
      <c r="EPS138" s="23"/>
      <c r="EPT138" s="23"/>
      <c r="EPU138" s="23"/>
      <c r="EPV138" s="23"/>
      <c r="EPW138" s="23"/>
      <c r="EPX138" s="23"/>
      <c r="EPY138" s="23"/>
      <c r="EPZ138" s="23"/>
      <c r="EQA138" s="23"/>
      <c r="EQB138" s="23"/>
      <c r="EQC138" s="23"/>
      <c r="EQD138" s="23"/>
      <c r="EQE138" s="23"/>
      <c r="EQF138" s="23"/>
      <c r="EQG138" s="23"/>
      <c r="EQH138" s="23"/>
      <c r="EQI138" s="23"/>
      <c r="EQJ138" s="23"/>
      <c r="EQK138" s="23"/>
      <c r="EQL138" s="23"/>
      <c r="EQM138" s="23"/>
      <c r="EQN138" s="23"/>
      <c r="EQO138" s="23"/>
      <c r="EQP138" s="23"/>
      <c r="EQQ138" s="23"/>
      <c r="EQR138" s="23"/>
      <c r="EQS138" s="23"/>
      <c r="EQT138" s="23"/>
      <c r="EQU138" s="23"/>
      <c r="EQV138" s="23"/>
      <c r="EQW138" s="23"/>
      <c r="EQX138" s="23"/>
      <c r="EQY138" s="23"/>
      <c r="EQZ138" s="23"/>
      <c r="ERA138" s="23"/>
      <c r="ERB138" s="23"/>
      <c r="ERC138" s="23"/>
      <c r="ERD138" s="23"/>
      <c r="ERE138" s="23"/>
      <c r="ERF138" s="23"/>
      <c r="ERG138" s="23"/>
      <c r="ERH138" s="23"/>
      <c r="ERI138" s="23"/>
      <c r="ERJ138" s="23"/>
      <c r="ERK138" s="23"/>
      <c r="ERL138" s="23"/>
      <c r="ERM138" s="23"/>
      <c r="ERN138" s="23"/>
      <c r="ERO138" s="23"/>
      <c r="ERP138" s="23"/>
      <c r="ERQ138" s="23"/>
      <c r="ERR138" s="23"/>
      <c r="ERS138" s="23"/>
      <c r="ERT138" s="23"/>
      <c r="ERU138" s="23"/>
      <c r="ERV138" s="23"/>
      <c r="ERW138" s="23"/>
      <c r="ERX138" s="23"/>
      <c r="ERY138" s="23"/>
      <c r="ERZ138" s="23"/>
      <c r="ESA138" s="23"/>
      <c r="ESB138" s="23"/>
      <c r="ESC138" s="23"/>
      <c r="ESD138" s="23"/>
      <c r="ESE138" s="23"/>
      <c r="ESF138" s="23"/>
      <c r="ESG138" s="23"/>
      <c r="ESH138" s="23"/>
      <c r="ESI138" s="23"/>
      <c r="ESJ138" s="23"/>
      <c r="ESK138" s="23"/>
      <c r="ESL138" s="23"/>
      <c r="ESM138" s="23"/>
      <c r="ESN138" s="23"/>
      <c r="ESO138" s="23"/>
      <c r="ESP138" s="23"/>
      <c r="ESQ138" s="23"/>
      <c r="ESR138" s="23"/>
      <c r="ESS138" s="23"/>
      <c r="EST138" s="23"/>
      <c r="ESU138" s="23"/>
      <c r="ESV138" s="23"/>
      <c r="ESW138" s="23"/>
      <c r="ESX138" s="23"/>
      <c r="ESY138" s="23"/>
      <c r="ESZ138" s="23"/>
      <c r="ETA138" s="23"/>
      <c r="ETB138" s="23"/>
      <c r="ETC138" s="23"/>
      <c r="ETD138" s="23"/>
      <c r="ETE138" s="23"/>
      <c r="ETF138" s="23"/>
      <c r="ETG138" s="23"/>
      <c r="ETH138" s="23"/>
      <c r="ETI138" s="23"/>
      <c r="ETJ138" s="23"/>
      <c r="ETK138" s="23"/>
      <c r="ETL138" s="23"/>
      <c r="ETM138" s="23"/>
      <c r="ETN138" s="23"/>
      <c r="ETO138" s="23"/>
      <c r="ETP138" s="23"/>
      <c r="ETQ138" s="23"/>
      <c r="ETR138" s="23"/>
      <c r="ETS138" s="23"/>
      <c r="ETT138" s="23"/>
      <c r="ETU138" s="23"/>
      <c r="ETV138" s="23"/>
      <c r="ETW138" s="23"/>
      <c r="ETX138" s="23"/>
      <c r="ETY138" s="23"/>
      <c r="ETZ138" s="23"/>
      <c r="EUA138" s="23"/>
      <c r="EUB138" s="23"/>
      <c r="EUC138" s="23"/>
      <c r="EUD138" s="23"/>
      <c r="EUE138" s="23"/>
      <c r="EUF138" s="23"/>
      <c r="EUG138" s="23"/>
      <c r="EUH138" s="23"/>
      <c r="EUI138" s="23"/>
      <c r="EUJ138" s="23"/>
      <c r="EUK138" s="23"/>
      <c r="EUL138" s="23"/>
      <c r="EUM138" s="23"/>
      <c r="EUN138" s="23"/>
      <c r="EUO138" s="23"/>
      <c r="EUP138" s="23"/>
      <c r="EUQ138" s="23"/>
      <c r="EUR138" s="23"/>
      <c r="EUS138" s="23"/>
      <c r="EUT138" s="23"/>
      <c r="EUU138" s="23"/>
      <c r="EUV138" s="23"/>
      <c r="EUW138" s="23"/>
      <c r="EUX138" s="23"/>
      <c r="EUY138" s="23"/>
      <c r="EUZ138" s="23"/>
      <c r="EVA138" s="23"/>
      <c r="EVB138" s="23"/>
      <c r="EVC138" s="23"/>
      <c r="EVD138" s="23"/>
      <c r="EVE138" s="23"/>
      <c r="EVF138" s="23"/>
      <c r="EVG138" s="23"/>
      <c r="EVH138" s="23"/>
      <c r="EVI138" s="23"/>
      <c r="EVJ138" s="23"/>
      <c r="EVK138" s="23"/>
      <c r="EVL138" s="23"/>
      <c r="EVM138" s="23"/>
      <c r="EVN138" s="23"/>
      <c r="EVO138" s="23"/>
      <c r="EVP138" s="23"/>
      <c r="EVQ138" s="23"/>
      <c r="EVR138" s="23"/>
      <c r="EVS138" s="23"/>
      <c r="EVT138" s="23"/>
      <c r="EVU138" s="23"/>
      <c r="EVV138" s="23"/>
      <c r="EVW138" s="23"/>
      <c r="EVX138" s="23"/>
      <c r="EVY138" s="23"/>
      <c r="EVZ138" s="23"/>
      <c r="EWA138" s="23"/>
      <c r="EWB138" s="23"/>
      <c r="EWC138" s="23"/>
      <c r="EWD138" s="23"/>
      <c r="EWE138" s="23"/>
      <c r="EWF138" s="23"/>
      <c r="EWG138" s="23"/>
      <c r="EWH138" s="23"/>
      <c r="EWI138" s="23"/>
      <c r="EWJ138" s="23"/>
      <c r="EWK138" s="23"/>
      <c r="EWL138" s="23"/>
      <c r="EWM138" s="23"/>
      <c r="EWN138" s="23"/>
      <c r="EWO138" s="23"/>
      <c r="EWP138" s="23"/>
      <c r="EWQ138" s="23"/>
      <c r="EWR138" s="23"/>
      <c r="EWS138" s="23"/>
      <c r="EWT138" s="23"/>
      <c r="EWU138" s="23"/>
      <c r="EWV138" s="23"/>
      <c r="EWW138" s="23"/>
      <c r="EWX138" s="23"/>
      <c r="EWY138" s="23"/>
      <c r="EWZ138" s="23"/>
      <c r="EXA138" s="23"/>
      <c r="EXB138" s="23"/>
      <c r="EXC138" s="23"/>
      <c r="EXD138" s="23"/>
      <c r="EXE138" s="23"/>
      <c r="EXF138" s="23"/>
      <c r="EXG138" s="23"/>
      <c r="EXH138" s="23"/>
      <c r="EXI138" s="23"/>
      <c r="EXJ138" s="23"/>
      <c r="EXK138" s="23"/>
      <c r="EXL138" s="23"/>
      <c r="EXM138" s="23"/>
      <c r="EXN138" s="23"/>
      <c r="EXO138" s="23"/>
      <c r="EXP138" s="23"/>
      <c r="EXQ138" s="23"/>
      <c r="EXR138" s="23"/>
      <c r="EXS138" s="23"/>
      <c r="EXT138" s="23"/>
      <c r="EXU138" s="23"/>
      <c r="EXV138" s="23"/>
      <c r="EXW138" s="23"/>
      <c r="EXX138" s="23"/>
      <c r="EXY138" s="23"/>
      <c r="EXZ138" s="23"/>
      <c r="EYA138" s="23"/>
      <c r="EYB138" s="23"/>
      <c r="EYC138" s="23"/>
      <c r="EYD138" s="23"/>
      <c r="EYE138" s="23"/>
      <c r="EYF138" s="23"/>
      <c r="EYG138" s="23"/>
      <c r="EYH138" s="23"/>
      <c r="EYI138" s="23"/>
      <c r="EYJ138" s="23"/>
      <c r="EYK138" s="23"/>
      <c r="EYL138" s="23"/>
      <c r="EYM138" s="23"/>
      <c r="EYN138" s="23"/>
      <c r="EYO138" s="23"/>
      <c r="EYP138" s="23"/>
      <c r="EYQ138" s="23"/>
      <c r="EYR138" s="23"/>
      <c r="EYS138" s="23"/>
      <c r="EYT138" s="23"/>
      <c r="EYU138" s="23"/>
      <c r="EYV138" s="23"/>
      <c r="EYW138" s="23"/>
      <c r="EYX138" s="23"/>
      <c r="EYY138" s="23"/>
      <c r="EYZ138" s="23"/>
      <c r="EZA138" s="23"/>
      <c r="EZB138" s="23"/>
      <c r="EZC138" s="23"/>
      <c r="EZD138" s="23"/>
      <c r="EZE138" s="23"/>
      <c r="EZF138" s="23"/>
      <c r="EZG138" s="23"/>
      <c r="EZH138" s="23"/>
      <c r="EZI138" s="23"/>
      <c r="EZJ138" s="23"/>
      <c r="EZK138" s="23"/>
      <c r="EZL138" s="23"/>
      <c r="EZM138" s="23"/>
      <c r="EZN138" s="23"/>
      <c r="EZO138" s="23"/>
      <c r="EZP138" s="23"/>
      <c r="EZQ138" s="23"/>
      <c r="EZR138" s="23"/>
      <c r="EZS138" s="23"/>
      <c r="EZT138" s="23"/>
      <c r="EZU138" s="23"/>
      <c r="EZV138" s="23"/>
      <c r="EZW138" s="23"/>
      <c r="EZX138" s="23"/>
      <c r="EZY138" s="23"/>
      <c r="EZZ138" s="23"/>
      <c r="FAA138" s="23"/>
      <c r="FAB138" s="23"/>
      <c r="FAC138" s="23"/>
      <c r="FAD138" s="23"/>
      <c r="FAE138" s="23"/>
      <c r="FAF138" s="23"/>
      <c r="FAG138" s="23"/>
      <c r="FAH138" s="23"/>
      <c r="FAI138" s="23"/>
      <c r="FAJ138" s="23"/>
      <c r="FAK138" s="23"/>
      <c r="FAL138" s="23"/>
      <c r="FAM138" s="23"/>
      <c r="FAN138" s="23"/>
      <c r="FAO138" s="23"/>
      <c r="FAP138" s="23"/>
      <c r="FAQ138" s="23"/>
      <c r="FAR138" s="23"/>
      <c r="FAS138" s="23"/>
      <c r="FAT138" s="23"/>
      <c r="FAU138" s="23"/>
      <c r="FAV138" s="23"/>
      <c r="FAW138" s="23"/>
      <c r="FAX138" s="23"/>
      <c r="FAY138" s="23"/>
      <c r="FAZ138" s="23"/>
      <c r="FBA138" s="23"/>
      <c r="FBB138" s="23"/>
      <c r="FBC138" s="23"/>
      <c r="FBD138" s="23"/>
      <c r="FBE138" s="23"/>
      <c r="FBF138" s="23"/>
      <c r="FBG138" s="23"/>
      <c r="FBH138" s="23"/>
      <c r="FBI138" s="23"/>
      <c r="FBJ138" s="23"/>
      <c r="FBK138" s="23"/>
      <c r="FBL138" s="23"/>
      <c r="FBM138" s="23"/>
      <c r="FBN138" s="23"/>
      <c r="FBO138" s="23"/>
      <c r="FBP138" s="23"/>
      <c r="FBQ138" s="23"/>
      <c r="FBR138" s="23"/>
      <c r="FBS138" s="23"/>
      <c r="FBT138" s="23"/>
      <c r="FBU138" s="23"/>
      <c r="FBV138" s="23"/>
      <c r="FBW138" s="23"/>
      <c r="FBX138" s="23"/>
      <c r="FBY138" s="23"/>
      <c r="FBZ138" s="23"/>
      <c r="FCA138" s="23"/>
      <c r="FCB138" s="23"/>
      <c r="FCC138" s="23"/>
      <c r="FCD138" s="23"/>
      <c r="FCE138" s="23"/>
      <c r="FCF138" s="23"/>
      <c r="FCG138" s="23"/>
      <c r="FCH138" s="23"/>
      <c r="FCI138" s="23"/>
      <c r="FCJ138" s="23"/>
      <c r="FCK138" s="23"/>
      <c r="FCL138" s="23"/>
      <c r="FCM138" s="23"/>
      <c r="FCN138" s="23"/>
      <c r="FCO138" s="23"/>
      <c r="FCP138" s="23"/>
      <c r="FCQ138" s="23"/>
      <c r="FCR138" s="23"/>
      <c r="FCS138" s="23"/>
      <c r="FCT138" s="23"/>
      <c r="FCU138" s="23"/>
      <c r="FCV138" s="23"/>
      <c r="FCW138" s="23"/>
      <c r="FCX138" s="23"/>
      <c r="FCY138" s="23"/>
      <c r="FCZ138" s="23"/>
      <c r="FDA138" s="23"/>
      <c r="FDB138" s="23"/>
      <c r="FDC138" s="23"/>
      <c r="FDD138" s="23"/>
      <c r="FDE138" s="23"/>
      <c r="FDF138" s="23"/>
      <c r="FDG138" s="23"/>
      <c r="FDH138" s="23"/>
      <c r="FDI138" s="23"/>
      <c r="FDJ138" s="23"/>
      <c r="FDK138" s="23"/>
      <c r="FDL138" s="23"/>
      <c r="FDM138" s="23"/>
      <c r="FDN138" s="23"/>
      <c r="FDO138" s="23"/>
      <c r="FDP138" s="23"/>
      <c r="FDQ138" s="23"/>
      <c r="FDR138" s="23"/>
      <c r="FDS138" s="23"/>
      <c r="FDT138" s="23"/>
      <c r="FDU138" s="23"/>
      <c r="FDV138" s="23"/>
      <c r="FDW138" s="23"/>
      <c r="FDX138" s="23"/>
      <c r="FDY138" s="23"/>
      <c r="FDZ138" s="23"/>
      <c r="FEA138" s="23"/>
      <c r="FEB138" s="23"/>
      <c r="FEC138" s="23"/>
      <c r="FED138" s="23"/>
      <c r="FEE138" s="23"/>
      <c r="FEF138" s="23"/>
      <c r="FEG138" s="23"/>
      <c r="FEH138" s="23"/>
      <c r="FEI138" s="23"/>
      <c r="FEJ138" s="23"/>
      <c r="FEK138" s="23"/>
      <c r="FEL138" s="23"/>
      <c r="FEM138" s="23"/>
      <c r="FEN138" s="23"/>
      <c r="FEO138" s="23"/>
      <c r="FEP138" s="23"/>
      <c r="FEQ138" s="23"/>
      <c r="FER138" s="23"/>
      <c r="FES138" s="23"/>
      <c r="FET138" s="23"/>
      <c r="FEU138" s="23"/>
      <c r="FEV138" s="23"/>
      <c r="FEW138" s="23"/>
      <c r="FEX138" s="23"/>
      <c r="FEY138" s="23"/>
      <c r="FEZ138" s="23"/>
      <c r="FFA138" s="23"/>
      <c r="FFB138" s="23"/>
      <c r="FFC138" s="23"/>
      <c r="FFD138" s="23"/>
      <c r="FFE138" s="23"/>
      <c r="FFF138" s="23"/>
      <c r="FFG138" s="23"/>
      <c r="FFH138" s="23"/>
      <c r="FFI138" s="23"/>
      <c r="FFJ138" s="23"/>
      <c r="FFK138" s="23"/>
      <c r="FFL138" s="23"/>
      <c r="FFM138" s="23"/>
      <c r="FFN138" s="23"/>
      <c r="FFO138" s="23"/>
      <c r="FFP138" s="23"/>
      <c r="FFQ138" s="23"/>
      <c r="FFR138" s="23"/>
      <c r="FFS138" s="23"/>
      <c r="FFT138" s="23"/>
      <c r="FFU138" s="23"/>
      <c r="FFV138" s="23"/>
      <c r="FFW138" s="23"/>
      <c r="FFX138" s="23"/>
      <c r="FFY138" s="23"/>
      <c r="FFZ138" s="23"/>
      <c r="FGA138" s="23"/>
      <c r="FGB138" s="23"/>
      <c r="FGC138" s="23"/>
      <c r="FGD138" s="23"/>
      <c r="FGE138" s="23"/>
      <c r="FGF138" s="23"/>
      <c r="FGG138" s="23"/>
      <c r="FGH138" s="23"/>
      <c r="FGI138" s="23"/>
      <c r="FGJ138" s="23"/>
      <c r="FGK138" s="23"/>
      <c r="FGL138" s="23"/>
      <c r="FGM138" s="23"/>
      <c r="FGN138" s="23"/>
      <c r="FGO138" s="23"/>
      <c r="FGP138" s="23"/>
      <c r="FGQ138" s="23"/>
      <c r="FGR138" s="23"/>
      <c r="FGS138" s="23"/>
      <c r="FGT138" s="23"/>
      <c r="FGU138" s="23"/>
      <c r="FGV138" s="23"/>
      <c r="FGW138" s="23"/>
      <c r="FGX138" s="23"/>
      <c r="FGY138" s="23"/>
      <c r="FGZ138" s="23"/>
      <c r="FHA138" s="23"/>
      <c r="FHB138" s="23"/>
      <c r="FHC138" s="23"/>
      <c r="FHD138" s="23"/>
      <c r="FHE138" s="23"/>
      <c r="FHF138" s="23"/>
      <c r="FHG138" s="23"/>
      <c r="FHH138" s="23"/>
      <c r="FHI138" s="23"/>
      <c r="FHJ138" s="23"/>
      <c r="FHK138" s="23"/>
      <c r="FHL138" s="23"/>
      <c r="FHM138" s="23"/>
      <c r="FHN138" s="23"/>
      <c r="FHO138" s="23"/>
      <c r="FHP138" s="23"/>
      <c r="FHQ138" s="23"/>
      <c r="FHR138" s="23"/>
      <c r="FHS138" s="23"/>
      <c r="FHT138" s="23"/>
      <c r="FHU138" s="23"/>
      <c r="FHV138" s="23"/>
      <c r="FHW138" s="23"/>
      <c r="FHX138" s="23"/>
      <c r="FHY138" s="23"/>
      <c r="FHZ138" s="23"/>
      <c r="FIA138" s="23"/>
      <c r="FIB138" s="23"/>
      <c r="FIC138" s="23"/>
      <c r="FID138" s="23"/>
      <c r="FIE138" s="23"/>
      <c r="FIF138" s="23"/>
      <c r="FIG138" s="23"/>
      <c r="FIH138" s="23"/>
      <c r="FII138" s="23"/>
      <c r="FIJ138" s="23"/>
      <c r="FIK138" s="23"/>
      <c r="FIL138" s="23"/>
      <c r="FIM138" s="23"/>
      <c r="FIN138" s="23"/>
      <c r="FIO138" s="23"/>
      <c r="FIP138" s="23"/>
      <c r="FIQ138" s="23"/>
      <c r="FIR138" s="23"/>
      <c r="FIS138" s="23"/>
      <c r="FIT138" s="23"/>
      <c r="FIU138" s="23"/>
      <c r="FIV138" s="23"/>
      <c r="FIW138" s="23"/>
      <c r="FIX138" s="23"/>
      <c r="FIY138" s="23"/>
      <c r="FIZ138" s="23"/>
      <c r="FJA138" s="23"/>
      <c r="FJB138" s="23"/>
      <c r="FJC138" s="23"/>
      <c r="FJD138" s="23"/>
      <c r="FJE138" s="23"/>
      <c r="FJF138" s="23"/>
      <c r="FJG138" s="23"/>
      <c r="FJH138" s="23"/>
      <c r="FJI138" s="23"/>
      <c r="FJJ138" s="23"/>
      <c r="FJK138" s="23"/>
      <c r="FJL138" s="23"/>
      <c r="FJM138" s="23"/>
      <c r="FJN138" s="23"/>
      <c r="FJO138" s="23"/>
      <c r="FJP138" s="23"/>
      <c r="FJQ138" s="23"/>
      <c r="FJR138" s="23"/>
      <c r="FJS138" s="23"/>
      <c r="FJT138" s="23"/>
      <c r="FJU138" s="23"/>
      <c r="FJV138" s="23"/>
      <c r="FJW138" s="23"/>
      <c r="FJX138" s="23"/>
      <c r="FJY138" s="23"/>
      <c r="FJZ138" s="23"/>
      <c r="FKA138" s="23"/>
      <c r="FKB138" s="23"/>
      <c r="FKC138" s="23"/>
      <c r="FKD138" s="23"/>
      <c r="FKE138" s="23"/>
      <c r="FKF138" s="23"/>
      <c r="FKG138" s="23"/>
      <c r="FKH138" s="23"/>
      <c r="FKI138" s="23"/>
      <c r="FKJ138" s="23"/>
      <c r="FKK138" s="23"/>
      <c r="FKL138" s="23"/>
      <c r="FKM138" s="23"/>
      <c r="FKN138" s="23"/>
      <c r="FKO138" s="23"/>
      <c r="FKP138" s="23"/>
      <c r="FKQ138" s="23"/>
      <c r="FKR138" s="23"/>
      <c r="FKS138" s="23"/>
      <c r="FKT138" s="23"/>
      <c r="FKU138" s="23"/>
      <c r="FKV138" s="23"/>
      <c r="FKW138" s="23"/>
      <c r="FKX138" s="23"/>
      <c r="FKY138" s="23"/>
      <c r="FKZ138" s="23"/>
      <c r="FLA138" s="23"/>
      <c r="FLB138" s="23"/>
      <c r="FLC138" s="23"/>
      <c r="FLD138" s="23"/>
      <c r="FLE138" s="23"/>
      <c r="FLF138" s="23"/>
      <c r="FLG138" s="23"/>
      <c r="FLH138" s="23"/>
      <c r="FLI138" s="23"/>
      <c r="FLJ138" s="23"/>
      <c r="FLK138" s="23"/>
      <c r="FLL138" s="23"/>
      <c r="FLM138" s="23"/>
      <c r="FLN138" s="23"/>
      <c r="FLO138" s="23"/>
      <c r="FLP138" s="23"/>
      <c r="FLQ138" s="23"/>
      <c r="FLR138" s="23"/>
      <c r="FLS138" s="23"/>
      <c r="FLT138" s="23"/>
      <c r="FLU138" s="23"/>
      <c r="FLV138" s="23"/>
      <c r="FLW138" s="23"/>
      <c r="FLX138" s="23"/>
      <c r="FLY138" s="23"/>
      <c r="FLZ138" s="23"/>
      <c r="FMA138" s="23"/>
      <c r="FMB138" s="23"/>
      <c r="FMC138" s="23"/>
      <c r="FMD138" s="23"/>
      <c r="FME138" s="23"/>
      <c r="FMF138" s="23"/>
      <c r="FMG138" s="23"/>
      <c r="FMH138" s="23"/>
      <c r="FMI138" s="23"/>
      <c r="FMJ138" s="23"/>
      <c r="FMK138" s="23"/>
      <c r="FML138" s="23"/>
      <c r="FMM138" s="23"/>
      <c r="FMN138" s="23"/>
      <c r="FMO138" s="23"/>
      <c r="FMP138" s="23"/>
      <c r="FMQ138" s="23"/>
      <c r="FMR138" s="23"/>
      <c r="FMS138" s="23"/>
      <c r="FMT138" s="23"/>
      <c r="FMU138" s="23"/>
      <c r="FMV138" s="23"/>
      <c r="FMW138" s="23"/>
      <c r="FMX138" s="23"/>
      <c r="FMY138" s="23"/>
      <c r="FMZ138" s="23"/>
      <c r="FNA138" s="23"/>
      <c r="FNB138" s="23"/>
      <c r="FNC138" s="23"/>
      <c r="FND138" s="23"/>
      <c r="FNE138" s="23"/>
      <c r="FNF138" s="23"/>
      <c r="FNG138" s="23"/>
      <c r="FNH138" s="23"/>
      <c r="FNI138" s="23"/>
      <c r="FNJ138" s="23"/>
      <c r="FNK138" s="23"/>
      <c r="FNL138" s="23"/>
      <c r="FNM138" s="23"/>
      <c r="FNN138" s="23"/>
      <c r="FNO138" s="23"/>
      <c r="FNP138" s="23"/>
      <c r="FNQ138" s="23"/>
      <c r="FNR138" s="23"/>
      <c r="FNS138" s="23"/>
      <c r="FNT138" s="23"/>
      <c r="FNU138" s="23"/>
      <c r="FNV138" s="23"/>
      <c r="FNW138" s="23"/>
      <c r="FNX138" s="23"/>
      <c r="FNY138" s="23"/>
      <c r="FNZ138" s="23"/>
      <c r="FOA138" s="23"/>
      <c r="FOB138" s="23"/>
      <c r="FOC138" s="23"/>
      <c r="FOD138" s="23"/>
      <c r="FOE138" s="23"/>
      <c r="FOF138" s="23"/>
      <c r="FOG138" s="23"/>
      <c r="FOH138" s="23"/>
      <c r="FOI138" s="23"/>
      <c r="FOJ138" s="23"/>
      <c r="FOK138" s="23"/>
      <c r="FOL138" s="23"/>
      <c r="FOM138" s="23"/>
      <c r="FON138" s="23"/>
      <c r="FOO138" s="23"/>
      <c r="FOP138" s="23"/>
      <c r="FOQ138" s="23"/>
      <c r="FOR138" s="23"/>
      <c r="FOS138" s="23"/>
      <c r="FOT138" s="23"/>
      <c r="FOU138" s="23"/>
      <c r="FOV138" s="23"/>
      <c r="FOW138" s="23"/>
      <c r="FOX138" s="23"/>
      <c r="FOY138" s="23"/>
      <c r="FOZ138" s="23"/>
      <c r="FPA138" s="23"/>
      <c r="FPB138" s="23"/>
      <c r="FPC138" s="23"/>
      <c r="FPD138" s="23"/>
      <c r="FPE138" s="23"/>
      <c r="FPF138" s="23"/>
      <c r="FPG138" s="23"/>
      <c r="FPH138" s="23"/>
      <c r="FPI138" s="23"/>
      <c r="FPJ138" s="23"/>
      <c r="FPK138" s="23"/>
      <c r="FPL138" s="23"/>
      <c r="FPM138" s="23"/>
      <c r="FPN138" s="23"/>
      <c r="FPO138" s="23"/>
      <c r="FPP138" s="23"/>
      <c r="FPQ138" s="23"/>
      <c r="FPR138" s="23"/>
      <c r="FPS138" s="23"/>
      <c r="FPT138" s="23"/>
      <c r="FPU138" s="23"/>
      <c r="FPV138" s="23"/>
      <c r="FPW138" s="23"/>
      <c r="FPX138" s="23"/>
      <c r="FPY138" s="23"/>
      <c r="FPZ138" s="23"/>
      <c r="FQA138" s="23"/>
      <c r="FQB138" s="23"/>
      <c r="FQC138" s="23"/>
      <c r="FQD138" s="23"/>
      <c r="FQE138" s="23"/>
      <c r="FQF138" s="23"/>
      <c r="FQG138" s="23"/>
      <c r="FQH138" s="23"/>
      <c r="FQI138" s="23"/>
      <c r="FQJ138" s="23"/>
      <c r="FQK138" s="23"/>
      <c r="FQL138" s="23"/>
      <c r="FQM138" s="23"/>
      <c r="FQN138" s="23"/>
      <c r="FQO138" s="23"/>
      <c r="FQP138" s="23"/>
      <c r="FQQ138" s="23"/>
      <c r="FQR138" s="23"/>
      <c r="FQS138" s="23"/>
      <c r="FQT138" s="23"/>
      <c r="FQU138" s="23"/>
      <c r="FQV138" s="23"/>
      <c r="FQW138" s="23"/>
      <c r="FQX138" s="23"/>
      <c r="FQY138" s="23"/>
      <c r="FQZ138" s="23"/>
      <c r="FRA138" s="23"/>
      <c r="FRB138" s="23"/>
      <c r="FRC138" s="23"/>
      <c r="FRD138" s="23"/>
      <c r="FRE138" s="23"/>
      <c r="FRF138" s="23"/>
      <c r="FRG138" s="23"/>
      <c r="FRH138" s="23"/>
      <c r="FRI138" s="23"/>
      <c r="FRJ138" s="23"/>
      <c r="FRK138" s="23"/>
      <c r="FRL138" s="23"/>
      <c r="FRM138" s="23"/>
      <c r="FRN138" s="23"/>
      <c r="FRO138" s="23"/>
      <c r="FRP138" s="23"/>
      <c r="FRQ138" s="23"/>
      <c r="FRR138" s="23"/>
      <c r="FRS138" s="23"/>
      <c r="FRT138" s="23"/>
      <c r="FRU138" s="23"/>
      <c r="FRV138" s="23"/>
      <c r="FRW138" s="23"/>
      <c r="FRX138" s="23"/>
      <c r="FRY138" s="23"/>
      <c r="FRZ138" s="23"/>
      <c r="FSA138" s="23"/>
      <c r="FSB138" s="23"/>
      <c r="FSC138" s="23"/>
      <c r="FSD138" s="23"/>
      <c r="FSE138" s="23"/>
      <c r="FSF138" s="23"/>
      <c r="FSG138" s="23"/>
      <c r="FSH138" s="23"/>
      <c r="FSI138" s="23"/>
      <c r="FSJ138" s="23"/>
      <c r="FSK138" s="23"/>
      <c r="FSL138" s="23"/>
      <c r="FSM138" s="23"/>
      <c r="FSN138" s="23"/>
      <c r="FSO138" s="23"/>
      <c r="FSP138" s="23"/>
      <c r="FSQ138" s="23"/>
      <c r="FSR138" s="23"/>
      <c r="FSS138" s="23"/>
      <c r="FST138" s="23"/>
      <c r="FSU138" s="23"/>
      <c r="FSV138" s="23"/>
      <c r="FSW138" s="23"/>
      <c r="FSX138" s="23"/>
      <c r="FSY138" s="23"/>
      <c r="FSZ138" s="23"/>
      <c r="FTA138" s="23"/>
      <c r="FTB138" s="23"/>
      <c r="FTC138" s="23"/>
      <c r="FTD138" s="23"/>
      <c r="FTE138" s="23"/>
      <c r="FTF138" s="23"/>
      <c r="FTG138" s="23"/>
      <c r="FTH138" s="23"/>
      <c r="FTI138" s="23"/>
      <c r="FTJ138" s="23"/>
      <c r="FTK138" s="23"/>
      <c r="FTL138" s="23"/>
      <c r="FTM138" s="23"/>
      <c r="FTN138" s="23"/>
      <c r="FTO138" s="23"/>
      <c r="FTP138" s="23"/>
      <c r="FTQ138" s="23"/>
      <c r="FTR138" s="23"/>
      <c r="FTS138" s="23"/>
      <c r="FTT138" s="23"/>
      <c r="FTU138" s="23"/>
      <c r="FTV138" s="23"/>
      <c r="FTW138" s="23"/>
      <c r="FTX138" s="23"/>
      <c r="FTY138" s="23"/>
      <c r="FTZ138" s="23"/>
      <c r="FUA138" s="23"/>
      <c r="FUB138" s="23"/>
      <c r="FUC138" s="23"/>
      <c r="FUD138" s="23"/>
      <c r="FUE138" s="23"/>
      <c r="FUF138" s="23"/>
      <c r="FUG138" s="23"/>
      <c r="FUH138" s="23"/>
      <c r="FUI138" s="23"/>
      <c r="FUJ138" s="23"/>
      <c r="FUK138" s="23"/>
      <c r="FUL138" s="23"/>
      <c r="FUM138" s="23"/>
      <c r="FUN138" s="23"/>
      <c r="FUO138" s="23"/>
      <c r="FUP138" s="23"/>
      <c r="FUQ138" s="23"/>
      <c r="FUR138" s="23"/>
      <c r="FUS138" s="23"/>
      <c r="FUT138" s="23"/>
      <c r="FUU138" s="23"/>
      <c r="FUV138" s="23"/>
      <c r="FUW138" s="23"/>
      <c r="FUX138" s="23"/>
      <c r="FUY138" s="23"/>
      <c r="FUZ138" s="23"/>
      <c r="FVA138" s="23"/>
      <c r="FVB138" s="23"/>
      <c r="FVC138" s="23"/>
      <c r="FVD138" s="23"/>
      <c r="FVE138" s="23"/>
      <c r="FVF138" s="23"/>
      <c r="FVG138" s="23"/>
      <c r="FVH138" s="23"/>
      <c r="FVI138" s="23"/>
      <c r="FVJ138" s="23"/>
      <c r="FVK138" s="23"/>
      <c r="FVL138" s="23"/>
      <c r="FVM138" s="23"/>
      <c r="FVN138" s="23"/>
      <c r="FVO138" s="23"/>
      <c r="FVP138" s="23"/>
      <c r="FVQ138" s="23"/>
      <c r="FVR138" s="23"/>
      <c r="FVS138" s="23"/>
      <c r="FVT138" s="23"/>
      <c r="FVU138" s="23"/>
      <c r="FVV138" s="23"/>
      <c r="FVW138" s="23"/>
      <c r="FVX138" s="23"/>
      <c r="FVY138" s="23"/>
      <c r="FVZ138" s="23"/>
      <c r="FWA138" s="23"/>
      <c r="FWB138" s="23"/>
      <c r="FWC138" s="23"/>
      <c r="FWD138" s="23"/>
      <c r="FWE138" s="23"/>
      <c r="FWF138" s="23"/>
      <c r="FWG138" s="23"/>
      <c r="FWH138" s="23"/>
      <c r="FWI138" s="23"/>
      <c r="FWJ138" s="23"/>
      <c r="FWK138" s="23"/>
      <c r="FWL138" s="23"/>
      <c r="FWM138" s="23"/>
      <c r="FWN138" s="23"/>
      <c r="FWO138" s="23"/>
      <c r="FWP138" s="23"/>
      <c r="FWQ138" s="23"/>
      <c r="FWR138" s="23"/>
      <c r="FWS138" s="23"/>
      <c r="FWT138" s="23"/>
      <c r="FWU138" s="23"/>
      <c r="FWV138" s="23"/>
      <c r="FWW138" s="23"/>
      <c r="FWX138" s="23"/>
      <c r="FWY138" s="23"/>
      <c r="FWZ138" s="23"/>
      <c r="FXA138" s="23"/>
      <c r="FXB138" s="23"/>
      <c r="FXC138" s="23"/>
      <c r="FXD138" s="23"/>
      <c r="FXE138" s="23"/>
      <c r="FXF138" s="23"/>
      <c r="FXG138" s="23"/>
      <c r="FXH138" s="23"/>
      <c r="FXI138" s="23"/>
      <c r="FXJ138" s="23"/>
      <c r="FXK138" s="23"/>
      <c r="FXL138" s="23"/>
      <c r="FXM138" s="23"/>
      <c r="FXN138" s="23"/>
      <c r="FXO138" s="23"/>
      <c r="FXP138" s="23"/>
      <c r="FXQ138" s="23"/>
      <c r="FXR138" s="23"/>
      <c r="FXS138" s="23"/>
      <c r="FXT138" s="23"/>
      <c r="FXU138" s="23"/>
      <c r="FXV138" s="23"/>
      <c r="FXW138" s="23"/>
      <c r="FXX138" s="23"/>
      <c r="FXY138" s="23"/>
      <c r="FXZ138" s="23"/>
      <c r="FYA138" s="23"/>
      <c r="FYB138" s="23"/>
      <c r="FYC138" s="23"/>
      <c r="FYD138" s="23"/>
      <c r="FYE138" s="23"/>
      <c r="FYF138" s="23"/>
      <c r="FYG138" s="23"/>
      <c r="FYH138" s="23"/>
      <c r="FYI138" s="23"/>
      <c r="FYJ138" s="23"/>
      <c r="FYK138" s="23"/>
      <c r="FYL138" s="23"/>
      <c r="FYM138" s="23"/>
      <c r="FYN138" s="23"/>
      <c r="FYO138" s="23"/>
      <c r="FYP138" s="23"/>
      <c r="FYQ138" s="23"/>
      <c r="FYR138" s="23"/>
      <c r="FYS138" s="23"/>
      <c r="FYT138" s="23"/>
      <c r="FYU138" s="23"/>
      <c r="FYV138" s="23"/>
      <c r="FYW138" s="23"/>
      <c r="FYX138" s="23"/>
      <c r="FYY138" s="23"/>
      <c r="FYZ138" s="23"/>
      <c r="FZA138" s="23"/>
      <c r="FZB138" s="23"/>
      <c r="FZC138" s="23"/>
      <c r="FZD138" s="23"/>
      <c r="FZE138" s="23"/>
      <c r="FZF138" s="23"/>
      <c r="FZG138" s="23"/>
      <c r="FZH138" s="23"/>
      <c r="FZI138" s="23"/>
      <c r="FZJ138" s="23"/>
      <c r="FZK138" s="23"/>
      <c r="FZL138" s="23"/>
      <c r="FZM138" s="23"/>
      <c r="FZN138" s="23"/>
      <c r="FZO138" s="23"/>
      <c r="FZP138" s="23"/>
      <c r="FZQ138" s="23"/>
      <c r="FZR138" s="23"/>
      <c r="FZS138" s="23"/>
      <c r="FZT138" s="23"/>
      <c r="FZU138" s="23"/>
      <c r="FZV138" s="23"/>
      <c r="FZW138" s="23"/>
      <c r="FZX138" s="23"/>
      <c r="FZY138" s="23"/>
      <c r="FZZ138" s="23"/>
      <c r="GAA138" s="23"/>
      <c r="GAB138" s="23"/>
      <c r="GAC138" s="23"/>
      <c r="GAD138" s="23"/>
      <c r="GAE138" s="23"/>
      <c r="GAF138" s="23"/>
      <c r="GAG138" s="23"/>
      <c r="GAH138" s="23"/>
      <c r="GAI138" s="23"/>
      <c r="GAJ138" s="23"/>
      <c r="GAK138" s="23"/>
      <c r="GAL138" s="23"/>
      <c r="GAM138" s="23"/>
      <c r="GAN138" s="23"/>
      <c r="GAO138" s="23"/>
      <c r="GAP138" s="23"/>
      <c r="GAQ138" s="23"/>
      <c r="GAR138" s="23"/>
      <c r="GAS138" s="23"/>
      <c r="GAT138" s="23"/>
      <c r="GAU138" s="23"/>
      <c r="GAV138" s="23"/>
      <c r="GAW138" s="23"/>
      <c r="GAX138" s="23"/>
      <c r="GAY138" s="23"/>
      <c r="GAZ138" s="23"/>
      <c r="GBA138" s="23"/>
      <c r="GBB138" s="23"/>
      <c r="GBC138" s="23"/>
      <c r="GBD138" s="23"/>
      <c r="GBE138" s="23"/>
      <c r="GBF138" s="23"/>
      <c r="GBG138" s="23"/>
      <c r="GBH138" s="23"/>
      <c r="GBI138" s="23"/>
      <c r="GBJ138" s="23"/>
      <c r="GBK138" s="23"/>
      <c r="GBL138" s="23"/>
      <c r="GBM138" s="23"/>
      <c r="GBN138" s="23"/>
      <c r="GBO138" s="23"/>
      <c r="GBP138" s="23"/>
      <c r="GBQ138" s="23"/>
      <c r="GBR138" s="23"/>
      <c r="GBS138" s="23"/>
      <c r="GBT138" s="23"/>
      <c r="GBU138" s="23"/>
      <c r="GBV138" s="23"/>
      <c r="GBW138" s="23"/>
      <c r="GBX138" s="23"/>
      <c r="GBY138" s="23"/>
      <c r="GBZ138" s="23"/>
      <c r="GCA138" s="23"/>
      <c r="GCB138" s="23"/>
      <c r="GCC138" s="23"/>
      <c r="GCD138" s="23"/>
      <c r="GCE138" s="23"/>
      <c r="GCF138" s="23"/>
      <c r="GCG138" s="23"/>
      <c r="GCH138" s="23"/>
      <c r="GCI138" s="23"/>
      <c r="GCJ138" s="23"/>
      <c r="GCK138" s="23"/>
      <c r="GCL138" s="23"/>
      <c r="GCM138" s="23"/>
      <c r="GCN138" s="23"/>
      <c r="GCO138" s="23"/>
      <c r="GCP138" s="23"/>
      <c r="GCQ138" s="23"/>
      <c r="GCR138" s="23"/>
      <c r="GCS138" s="23"/>
      <c r="GCT138" s="23"/>
      <c r="GCU138" s="23"/>
      <c r="GCV138" s="23"/>
      <c r="GCW138" s="23"/>
      <c r="GCX138" s="23"/>
      <c r="GCY138" s="23"/>
      <c r="GCZ138" s="23"/>
      <c r="GDA138" s="23"/>
      <c r="GDB138" s="23"/>
      <c r="GDC138" s="23"/>
      <c r="GDD138" s="23"/>
      <c r="GDE138" s="23"/>
      <c r="GDF138" s="23"/>
      <c r="GDG138" s="23"/>
      <c r="GDH138" s="23"/>
      <c r="GDI138" s="23"/>
      <c r="GDJ138" s="23"/>
      <c r="GDK138" s="23"/>
      <c r="GDL138" s="23"/>
      <c r="GDM138" s="23"/>
      <c r="GDN138" s="23"/>
      <c r="GDO138" s="23"/>
      <c r="GDP138" s="23"/>
      <c r="GDQ138" s="23"/>
      <c r="GDR138" s="23"/>
      <c r="GDS138" s="23"/>
      <c r="GDT138" s="23"/>
      <c r="GDU138" s="23"/>
      <c r="GDV138" s="23"/>
      <c r="GDW138" s="23"/>
      <c r="GDX138" s="23"/>
      <c r="GDY138" s="23"/>
      <c r="GDZ138" s="23"/>
      <c r="GEA138" s="23"/>
      <c r="GEB138" s="23"/>
      <c r="GEC138" s="23"/>
      <c r="GED138" s="23"/>
      <c r="GEE138" s="23"/>
      <c r="GEF138" s="23"/>
      <c r="GEG138" s="23"/>
      <c r="GEH138" s="23"/>
      <c r="GEI138" s="23"/>
      <c r="GEJ138" s="23"/>
      <c r="GEK138" s="23"/>
      <c r="GEL138" s="23"/>
      <c r="GEM138" s="23"/>
      <c r="GEN138" s="23"/>
      <c r="GEO138" s="23"/>
      <c r="GEP138" s="23"/>
      <c r="GEQ138" s="23"/>
      <c r="GER138" s="23"/>
      <c r="GES138" s="23"/>
      <c r="GET138" s="23"/>
      <c r="GEU138" s="23"/>
      <c r="GEV138" s="23"/>
      <c r="GEW138" s="23"/>
      <c r="GEX138" s="23"/>
      <c r="GEY138" s="23"/>
      <c r="GEZ138" s="23"/>
      <c r="GFA138" s="23"/>
      <c r="GFB138" s="23"/>
      <c r="GFC138" s="23"/>
      <c r="GFD138" s="23"/>
      <c r="GFE138" s="23"/>
      <c r="GFF138" s="23"/>
      <c r="GFG138" s="23"/>
      <c r="GFH138" s="23"/>
      <c r="GFI138" s="23"/>
      <c r="GFJ138" s="23"/>
      <c r="GFK138" s="23"/>
      <c r="GFL138" s="23"/>
      <c r="GFM138" s="23"/>
      <c r="GFN138" s="23"/>
      <c r="GFO138" s="23"/>
      <c r="GFP138" s="23"/>
      <c r="GFQ138" s="23"/>
      <c r="GFR138" s="23"/>
      <c r="GFS138" s="23"/>
      <c r="GFT138" s="23"/>
      <c r="GFU138" s="23"/>
      <c r="GFV138" s="23"/>
      <c r="GFW138" s="23"/>
      <c r="GFX138" s="23"/>
      <c r="GFY138" s="23"/>
      <c r="GFZ138" s="23"/>
      <c r="GGA138" s="23"/>
      <c r="GGB138" s="23"/>
      <c r="GGC138" s="23"/>
      <c r="GGD138" s="23"/>
      <c r="GGE138" s="23"/>
      <c r="GGF138" s="23"/>
      <c r="GGG138" s="23"/>
      <c r="GGH138" s="23"/>
      <c r="GGI138" s="23"/>
      <c r="GGJ138" s="23"/>
      <c r="GGK138" s="23"/>
      <c r="GGL138" s="23"/>
      <c r="GGM138" s="23"/>
      <c r="GGN138" s="23"/>
      <c r="GGO138" s="23"/>
      <c r="GGP138" s="23"/>
      <c r="GGQ138" s="23"/>
      <c r="GGR138" s="23"/>
      <c r="GGS138" s="23"/>
      <c r="GGT138" s="23"/>
      <c r="GGU138" s="23"/>
      <c r="GGV138" s="23"/>
      <c r="GGW138" s="23"/>
      <c r="GGX138" s="23"/>
      <c r="GGY138" s="23"/>
      <c r="GGZ138" s="23"/>
      <c r="GHA138" s="23"/>
      <c r="GHB138" s="23"/>
      <c r="GHC138" s="23"/>
      <c r="GHD138" s="23"/>
      <c r="GHE138" s="23"/>
      <c r="GHF138" s="23"/>
      <c r="GHG138" s="23"/>
      <c r="GHH138" s="23"/>
      <c r="GHI138" s="23"/>
      <c r="GHJ138" s="23"/>
      <c r="GHK138" s="23"/>
      <c r="GHL138" s="23"/>
      <c r="GHM138" s="23"/>
      <c r="GHN138" s="23"/>
      <c r="GHO138" s="23"/>
      <c r="GHP138" s="23"/>
      <c r="GHQ138" s="23"/>
      <c r="GHR138" s="23"/>
      <c r="GHS138" s="23"/>
      <c r="GHT138" s="23"/>
      <c r="GHU138" s="23"/>
      <c r="GHV138" s="23"/>
      <c r="GHW138" s="23"/>
      <c r="GHX138" s="23"/>
      <c r="GHY138" s="23"/>
      <c r="GHZ138" s="23"/>
      <c r="GIA138" s="23"/>
      <c r="GIB138" s="23"/>
      <c r="GIC138" s="23"/>
      <c r="GID138" s="23"/>
      <c r="GIE138" s="23"/>
      <c r="GIF138" s="23"/>
      <c r="GIG138" s="23"/>
      <c r="GIH138" s="23"/>
      <c r="GII138" s="23"/>
      <c r="GIJ138" s="23"/>
      <c r="GIK138" s="23"/>
      <c r="GIL138" s="23"/>
      <c r="GIM138" s="23"/>
      <c r="GIN138" s="23"/>
      <c r="GIO138" s="23"/>
      <c r="GIP138" s="23"/>
      <c r="GIQ138" s="23"/>
      <c r="GIR138" s="23"/>
      <c r="GIS138" s="23"/>
      <c r="GIT138" s="23"/>
      <c r="GIU138" s="23"/>
      <c r="GIV138" s="23"/>
      <c r="GIW138" s="23"/>
      <c r="GIX138" s="23"/>
      <c r="GIY138" s="23"/>
      <c r="GIZ138" s="23"/>
      <c r="GJA138" s="23"/>
      <c r="GJB138" s="23"/>
      <c r="GJC138" s="23"/>
      <c r="GJD138" s="23"/>
      <c r="GJE138" s="23"/>
      <c r="GJF138" s="23"/>
      <c r="GJG138" s="23"/>
      <c r="GJH138" s="23"/>
      <c r="GJI138" s="23"/>
      <c r="GJJ138" s="23"/>
      <c r="GJK138" s="23"/>
      <c r="GJL138" s="23"/>
      <c r="GJM138" s="23"/>
      <c r="GJN138" s="23"/>
      <c r="GJO138" s="23"/>
      <c r="GJP138" s="23"/>
      <c r="GJQ138" s="23"/>
      <c r="GJR138" s="23"/>
      <c r="GJS138" s="23"/>
      <c r="GJT138" s="23"/>
      <c r="GJU138" s="23"/>
      <c r="GJV138" s="23"/>
      <c r="GJW138" s="23"/>
      <c r="GJX138" s="23"/>
      <c r="GJY138" s="23"/>
      <c r="GJZ138" s="23"/>
      <c r="GKA138" s="23"/>
      <c r="GKB138" s="23"/>
      <c r="GKC138" s="23"/>
      <c r="GKD138" s="23"/>
      <c r="GKE138" s="23"/>
      <c r="GKF138" s="23"/>
      <c r="GKG138" s="23"/>
      <c r="GKH138" s="23"/>
      <c r="GKI138" s="23"/>
      <c r="GKJ138" s="23"/>
      <c r="GKK138" s="23"/>
      <c r="GKL138" s="23"/>
      <c r="GKM138" s="23"/>
      <c r="GKN138" s="23"/>
      <c r="GKO138" s="23"/>
      <c r="GKP138" s="23"/>
      <c r="GKQ138" s="23"/>
      <c r="GKR138" s="23"/>
      <c r="GKS138" s="23"/>
      <c r="GKT138" s="23"/>
      <c r="GKU138" s="23"/>
      <c r="GKV138" s="23"/>
      <c r="GKW138" s="23"/>
      <c r="GKX138" s="23"/>
      <c r="GKY138" s="23"/>
      <c r="GKZ138" s="23"/>
      <c r="GLA138" s="23"/>
      <c r="GLB138" s="23"/>
      <c r="GLC138" s="23"/>
      <c r="GLD138" s="23"/>
      <c r="GLE138" s="23"/>
      <c r="GLF138" s="23"/>
      <c r="GLG138" s="23"/>
      <c r="GLH138" s="23"/>
      <c r="GLI138" s="23"/>
      <c r="GLJ138" s="23"/>
      <c r="GLK138" s="23"/>
      <c r="GLL138" s="23"/>
      <c r="GLM138" s="23"/>
      <c r="GLN138" s="23"/>
      <c r="GLO138" s="23"/>
      <c r="GLP138" s="23"/>
      <c r="GLQ138" s="23"/>
      <c r="GLR138" s="23"/>
      <c r="GLS138" s="23"/>
      <c r="GLT138" s="23"/>
      <c r="GLU138" s="23"/>
      <c r="GLV138" s="23"/>
      <c r="GLW138" s="23"/>
      <c r="GLX138" s="23"/>
      <c r="GLY138" s="23"/>
      <c r="GLZ138" s="23"/>
      <c r="GMA138" s="23"/>
      <c r="GMB138" s="23"/>
      <c r="GMC138" s="23"/>
      <c r="GMD138" s="23"/>
      <c r="GME138" s="23"/>
      <c r="GMF138" s="23"/>
      <c r="GMG138" s="23"/>
      <c r="GMH138" s="23"/>
      <c r="GMI138" s="23"/>
      <c r="GMJ138" s="23"/>
      <c r="GMK138" s="23"/>
      <c r="GML138" s="23"/>
      <c r="GMM138" s="23"/>
      <c r="GMN138" s="23"/>
      <c r="GMO138" s="23"/>
      <c r="GMP138" s="23"/>
      <c r="GMQ138" s="23"/>
      <c r="GMR138" s="23"/>
      <c r="GMS138" s="23"/>
      <c r="GMT138" s="23"/>
      <c r="GMU138" s="23"/>
      <c r="GMV138" s="23"/>
      <c r="GMW138" s="23"/>
      <c r="GMX138" s="23"/>
      <c r="GMY138" s="23"/>
      <c r="GMZ138" s="23"/>
      <c r="GNA138" s="23"/>
      <c r="GNB138" s="23"/>
      <c r="GNC138" s="23"/>
      <c r="GND138" s="23"/>
      <c r="GNE138" s="23"/>
      <c r="GNF138" s="23"/>
      <c r="GNG138" s="23"/>
      <c r="GNH138" s="23"/>
      <c r="GNI138" s="23"/>
      <c r="GNJ138" s="23"/>
      <c r="GNK138" s="23"/>
      <c r="GNL138" s="23"/>
      <c r="GNM138" s="23"/>
      <c r="GNN138" s="23"/>
      <c r="GNO138" s="23"/>
      <c r="GNP138" s="23"/>
      <c r="GNQ138" s="23"/>
      <c r="GNR138" s="23"/>
      <c r="GNS138" s="23"/>
      <c r="GNT138" s="23"/>
      <c r="GNU138" s="23"/>
      <c r="GNV138" s="23"/>
      <c r="GNW138" s="23"/>
      <c r="GNX138" s="23"/>
      <c r="GNY138" s="23"/>
      <c r="GNZ138" s="23"/>
      <c r="GOA138" s="23"/>
      <c r="GOB138" s="23"/>
      <c r="GOC138" s="23"/>
      <c r="GOD138" s="23"/>
      <c r="GOE138" s="23"/>
      <c r="GOF138" s="23"/>
      <c r="GOG138" s="23"/>
      <c r="GOH138" s="23"/>
      <c r="GOI138" s="23"/>
      <c r="GOJ138" s="23"/>
      <c r="GOK138" s="23"/>
      <c r="GOL138" s="23"/>
      <c r="GOM138" s="23"/>
      <c r="GON138" s="23"/>
      <c r="GOO138" s="23"/>
      <c r="GOP138" s="23"/>
      <c r="GOQ138" s="23"/>
      <c r="GOR138" s="23"/>
      <c r="GOS138" s="23"/>
      <c r="GOT138" s="23"/>
      <c r="GOU138" s="23"/>
      <c r="GOV138" s="23"/>
      <c r="GOW138" s="23"/>
      <c r="GOX138" s="23"/>
      <c r="GOY138" s="23"/>
      <c r="GOZ138" s="23"/>
      <c r="GPA138" s="23"/>
      <c r="GPB138" s="23"/>
      <c r="GPC138" s="23"/>
      <c r="GPD138" s="23"/>
      <c r="GPE138" s="23"/>
      <c r="GPF138" s="23"/>
      <c r="GPG138" s="23"/>
      <c r="GPH138" s="23"/>
      <c r="GPI138" s="23"/>
      <c r="GPJ138" s="23"/>
      <c r="GPK138" s="23"/>
      <c r="GPL138" s="23"/>
      <c r="GPM138" s="23"/>
      <c r="GPN138" s="23"/>
      <c r="GPO138" s="23"/>
      <c r="GPP138" s="23"/>
      <c r="GPQ138" s="23"/>
      <c r="GPR138" s="23"/>
      <c r="GPS138" s="23"/>
      <c r="GPT138" s="23"/>
      <c r="GPU138" s="23"/>
      <c r="GPV138" s="23"/>
      <c r="GPW138" s="23"/>
      <c r="GPX138" s="23"/>
      <c r="GPY138" s="23"/>
      <c r="GPZ138" s="23"/>
      <c r="GQA138" s="23"/>
      <c r="GQB138" s="23"/>
      <c r="GQC138" s="23"/>
      <c r="GQD138" s="23"/>
      <c r="GQE138" s="23"/>
      <c r="GQF138" s="23"/>
      <c r="GQG138" s="23"/>
      <c r="GQH138" s="23"/>
      <c r="GQI138" s="23"/>
      <c r="GQJ138" s="23"/>
      <c r="GQK138" s="23"/>
      <c r="GQL138" s="23"/>
      <c r="GQM138" s="23"/>
      <c r="GQN138" s="23"/>
      <c r="GQO138" s="23"/>
      <c r="GQP138" s="23"/>
      <c r="GQQ138" s="23"/>
      <c r="GQR138" s="23"/>
      <c r="GQS138" s="23"/>
      <c r="GQT138" s="23"/>
      <c r="GQU138" s="23"/>
      <c r="GQV138" s="23"/>
      <c r="GQW138" s="23"/>
      <c r="GQX138" s="23"/>
      <c r="GQY138" s="23"/>
      <c r="GQZ138" s="23"/>
      <c r="GRA138" s="23"/>
      <c r="GRB138" s="23"/>
      <c r="GRC138" s="23"/>
      <c r="GRD138" s="23"/>
      <c r="GRE138" s="23"/>
      <c r="GRF138" s="23"/>
      <c r="GRG138" s="23"/>
      <c r="GRH138" s="23"/>
      <c r="GRI138" s="23"/>
      <c r="GRJ138" s="23"/>
      <c r="GRK138" s="23"/>
      <c r="GRL138" s="23"/>
      <c r="GRM138" s="23"/>
      <c r="GRN138" s="23"/>
      <c r="GRO138" s="23"/>
      <c r="GRP138" s="23"/>
      <c r="GRQ138" s="23"/>
      <c r="GRR138" s="23"/>
      <c r="GRS138" s="23"/>
      <c r="GRT138" s="23"/>
      <c r="GRU138" s="23"/>
      <c r="GRV138" s="23"/>
      <c r="GRW138" s="23"/>
      <c r="GRX138" s="23"/>
      <c r="GRY138" s="23"/>
      <c r="GRZ138" s="23"/>
      <c r="GSA138" s="23"/>
      <c r="GSB138" s="23"/>
      <c r="GSC138" s="23"/>
      <c r="GSD138" s="23"/>
      <c r="GSE138" s="23"/>
      <c r="GSF138" s="23"/>
      <c r="GSG138" s="23"/>
      <c r="GSH138" s="23"/>
      <c r="GSI138" s="23"/>
      <c r="GSJ138" s="23"/>
      <c r="GSK138" s="23"/>
      <c r="GSL138" s="23"/>
      <c r="GSM138" s="23"/>
      <c r="GSN138" s="23"/>
      <c r="GSO138" s="23"/>
      <c r="GSP138" s="23"/>
      <c r="GSQ138" s="23"/>
      <c r="GSR138" s="23"/>
      <c r="GSS138" s="23"/>
      <c r="GST138" s="23"/>
      <c r="GSU138" s="23"/>
      <c r="GSV138" s="23"/>
      <c r="GSW138" s="23"/>
      <c r="GSX138" s="23"/>
      <c r="GSY138" s="23"/>
      <c r="GSZ138" s="23"/>
      <c r="GTA138" s="23"/>
      <c r="GTB138" s="23"/>
      <c r="GTC138" s="23"/>
      <c r="GTD138" s="23"/>
      <c r="GTE138" s="23"/>
      <c r="GTF138" s="23"/>
      <c r="GTG138" s="23"/>
      <c r="GTH138" s="23"/>
      <c r="GTI138" s="23"/>
      <c r="GTJ138" s="23"/>
      <c r="GTK138" s="23"/>
      <c r="GTL138" s="23"/>
      <c r="GTM138" s="23"/>
      <c r="GTN138" s="23"/>
      <c r="GTO138" s="23"/>
      <c r="GTP138" s="23"/>
      <c r="GTQ138" s="23"/>
      <c r="GTR138" s="23"/>
      <c r="GTS138" s="23"/>
      <c r="GTT138" s="23"/>
      <c r="GTU138" s="23"/>
      <c r="GTV138" s="23"/>
      <c r="GTW138" s="23"/>
      <c r="GTX138" s="23"/>
      <c r="GTY138" s="23"/>
      <c r="GTZ138" s="23"/>
      <c r="GUA138" s="23"/>
      <c r="GUB138" s="23"/>
      <c r="GUC138" s="23"/>
      <c r="GUD138" s="23"/>
      <c r="GUE138" s="23"/>
      <c r="GUF138" s="23"/>
      <c r="GUG138" s="23"/>
      <c r="GUH138" s="23"/>
      <c r="GUI138" s="23"/>
      <c r="GUJ138" s="23"/>
      <c r="GUK138" s="23"/>
      <c r="GUL138" s="23"/>
      <c r="GUM138" s="23"/>
      <c r="GUN138" s="23"/>
      <c r="GUO138" s="23"/>
      <c r="GUP138" s="23"/>
      <c r="GUQ138" s="23"/>
      <c r="GUR138" s="23"/>
      <c r="GUS138" s="23"/>
      <c r="GUT138" s="23"/>
      <c r="GUU138" s="23"/>
      <c r="GUV138" s="23"/>
      <c r="GUW138" s="23"/>
      <c r="GUX138" s="23"/>
      <c r="GUY138" s="23"/>
      <c r="GUZ138" s="23"/>
      <c r="GVA138" s="23"/>
      <c r="GVB138" s="23"/>
      <c r="GVC138" s="23"/>
      <c r="GVD138" s="23"/>
      <c r="GVE138" s="23"/>
      <c r="GVF138" s="23"/>
      <c r="GVG138" s="23"/>
      <c r="GVH138" s="23"/>
      <c r="GVI138" s="23"/>
      <c r="GVJ138" s="23"/>
      <c r="GVK138" s="23"/>
      <c r="GVL138" s="23"/>
      <c r="GVM138" s="23"/>
      <c r="GVN138" s="23"/>
      <c r="GVO138" s="23"/>
      <c r="GVP138" s="23"/>
      <c r="GVQ138" s="23"/>
      <c r="GVR138" s="23"/>
      <c r="GVS138" s="23"/>
      <c r="GVT138" s="23"/>
      <c r="GVU138" s="23"/>
      <c r="GVV138" s="23"/>
      <c r="GVW138" s="23"/>
      <c r="GVX138" s="23"/>
      <c r="GVY138" s="23"/>
      <c r="GVZ138" s="23"/>
      <c r="GWA138" s="23"/>
      <c r="GWB138" s="23"/>
      <c r="GWC138" s="23"/>
      <c r="GWD138" s="23"/>
      <c r="GWE138" s="23"/>
      <c r="GWF138" s="23"/>
      <c r="GWG138" s="23"/>
      <c r="GWH138" s="23"/>
      <c r="GWI138" s="23"/>
      <c r="GWJ138" s="23"/>
      <c r="GWK138" s="23"/>
      <c r="GWL138" s="23"/>
      <c r="GWM138" s="23"/>
      <c r="GWN138" s="23"/>
      <c r="GWO138" s="23"/>
      <c r="GWP138" s="23"/>
      <c r="GWQ138" s="23"/>
      <c r="GWR138" s="23"/>
      <c r="GWS138" s="23"/>
      <c r="GWT138" s="23"/>
      <c r="GWU138" s="23"/>
      <c r="GWV138" s="23"/>
      <c r="GWW138" s="23"/>
      <c r="GWX138" s="23"/>
      <c r="GWY138" s="23"/>
      <c r="GWZ138" s="23"/>
      <c r="GXA138" s="23"/>
      <c r="GXB138" s="23"/>
      <c r="GXC138" s="23"/>
      <c r="GXD138" s="23"/>
      <c r="GXE138" s="23"/>
      <c r="GXF138" s="23"/>
      <c r="GXG138" s="23"/>
      <c r="GXH138" s="23"/>
      <c r="GXI138" s="23"/>
      <c r="GXJ138" s="23"/>
      <c r="GXK138" s="23"/>
      <c r="GXL138" s="23"/>
      <c r="GXM138" s="23"/>
      <c r="GXN138" s="23"/>
      <c r="GXO138" s="23"/>
      <c r="GXP138" s="23"/>
      <c r="GXQ138" s="23"/>
      <c r="GXR138" s="23"/>
      <c r="GXS138" s="23"/>
      <c r="GXT138" s="23"/>
      <c r="GXU138" s="23"/>
      <c r="GXV138" s="23"/>
      <c r="GXW138" s="23"/>
      <c r="GXX138" s="23"/>
      <c r="GXY138" s="23"/>
      <c r="GXZ138" s="23"/>
      <c r="GYA138" s="23"/>
      <c r="GYB138" s="23"/>
      <c r="GYC138" s="23"/>
      <c r="GYD138" s="23"/>
      <c r="GYE138" s="23"/>
      <c r="GYF138" s="23"/>
      <c r="GYG138" s="23"/>
      <c r="GYH138" s="23"/>
      <c r="GYI138" s="23"/>
      <c r="GYJ138" s="23"/>
      <c r="GYK138" s="23"/>
      <c r="GYL138" s="23"/>
      <c r="GYM138" s="23"/>
      <c r="GYN138" s="23"/>
      <c r="GYO138" s="23"/>
      <c r="GYP138" s="23"/>
      <c r="GYQ138" s="23"/>
      <c r="GYR138" s="23"/>
      <c r="GYS138" s="23"/>
      <c r="GYT138" s="23"/>
      <c r="GYU138" s="23"/>
      <c r="GYV138" s="23"/>
      <c r="GYW138" s="23"/>
      <c r="GYX138" s="23"/>
      <c r="GYY138" s="23"/>
      <c r="GYZ138" s="23"/>
      <c r="GZA138" s="23"/>
      <c r="GZB138" s="23"/>
      <c r="GZC138" s="23"/>
      <c r="GZD138" s="23"/>
      <c r="GZE138" s="23"/>
      <c r="GZF138" s="23"/>
      <c r="GZG138" s="23"/>
      <c r="GZH138" s="23"/>
      <c r="GZI138" s="23"/>
      <c r="GZJ138" s="23"/>
      <c r="GZK138" s="23"/>
      <c r="GZL138" s="23"/>
      <c r="GZM138" s="23"/>
      <c r="GZN138" s="23"/>
      <c r="GZO138" s="23"/>
      <c r="GZP138" s="23"/>
      <c r="GZQ138" s="23"/>
      <c r="GZR138" s="23"/>
      <c r="GZS138" s="23"/>
      <c r="GZT138" s="23"/>
      <c r="GZU138" s="23"/>
      <c r="GZV138" s="23"/>
      <c r="GZW138" s="23"/>
      <c r="GZX138" s="23"/>
      <c r="GZY138" s="23"/>
      <c r="GZZ138" s="23"/>
      <c r="HAA138" s="23"/>
      <c r="HAB138" s="23"/>
      <c r="HAC138" s="23"/>
      <c r="HAD138" s="23"/>
      <c r="HAE138" s="23"/>
      <c r="HAF138" s="23"/>
      <c r="HAG138" s="23"/>
      <c r="HAH138" s="23"/>
      <c r="HAI138" s="23"/>
      <c r="HAJ138" s="23"/>
      <c r="HAK138" s="23"/>
      <c r="HAL138" s="23"/>
      <c r="HAM138" s="23"/>
      <c r="HAN138" s="23"/>
      <c r="HAO138" s="23"/>
      <c r="HAP138" s="23"/>
      <c r="HAQ138" s="23"/>
      <c r="HAR138" s="23"/>
      <c r="HAS138" s="23"/>
      <c r="HAT138" s="23"/>
      <c r="HAU138" s="23"/>
      <c r="HAV138" s="23"/>
      <c r="HAW138" s="23"/>
      <c r="HAX138" s="23"/>
      <c r="HAY138" s="23"/>
      <c r="HAZ138" s="23"/>
      <c r="HBA138" s="23"/>
      <c r="HBB138" s="23"/>
      <c r="HBC138" s="23"/>
      <c r="HBD138" s="23"/>
      <c r="HBE138" s="23"/>
      <c r="HBF138" s="23"/>
      <c r="HBG138" s="23"/>
      <c r="HBH138" s="23"/>
      <c r="HBI138" s="23"/>
      <c r="HBJ138" s="23"/>
      <c r="HBK138" s="23"/>
      <c r="HBL138" s="23"/>
      <c r="HBM138" s="23"/>
      <c r="HBN138" s="23"/>
      <c r="HBO138" s="23"/>
      <c r="HBP138" s="23"/>
      <c r="HBQ138" s="23"/>
      <c r="HBR138" s="23"/>
      <c r="HBS138" s="23"/>
      <c r="HBT138" s="23"/>
      <c r="HBU138" s="23"/>
      <c r="HBV138" s="23"/>
      <c r="HBW138" s="23"/>
      <c r="HBX138" s="23"/>
      <c r="HBY138" s="23"/>
      <c r="HBZ138" s="23"/>
      <c r="HCA138" s="23"/>
      <c r="HCB138" s="23"/>
      <c r="HCC138" s="23"/>
      <c r="HCD138" s="23"/>
      <c r="HCE138" s="23"/>
      <c r="HCF138" s="23"/>
      <c r="HCG138" s="23"/>
      <c r="HCH138" s="23"/>
      <c r="HCI138" s="23"/>
      <c r="HCJ138" s="23"/>
      <c r="HCK138" s="23"/>
      <c r="HCL138" s="23"/>
      <c r="HCM138" s="23"/>
      <c r="HCN138" s="23"/>
      <c r="HCO138" s="23"/>
      <c r="HCP138" s="23"/>
      <c r="HCQ138" s="23"/>
      <c r="HCR138" s="23"/>
      <c r="HCS138" s="23"/>
      <c r="HCT138" s="23"/>
      <c r="HCU138" s="23"/>
      <c r="HCV138" s="23"/>
      <c r="HCW138" s="23"/>
      <c r="HCX138" s="23"/>
      <c r="HCY138" s="23"/>
      <c r="HCZ138" s="23"/>
      <c r="HDA138" s="23"/>
      <c r="HDB138" s="23"/>
      <c r="HDC138" s="23"/>
      <c r="HDD138" s="23"/>
      <c r="HDE138" s="23"/>
      <c r="HDF138" s="23"/>
      <c r="HDG138" s="23"/>
      <c r="HDH138" s="23"/>
      <c r="HDI138" s="23"/>
      <c r="HDJ138" s="23"/>
      <c r="HDK138" s="23"/>
      <c r="HDL138" s="23"/>
      <c r="HDM138" s="23"/>
      <c r="HDN138" s="23"/>
      <c r="HDO138" s="23"/>
      <c r="HDP138" s="23"/>
      <c r="HDQ138" s="23"/>
      <c r="HDR138" s="23"/>
      <c r="HDS138" s="23"/>
      <c r="HDT138" s="23"/>
      <c r="HDU138" s="23"/>
      <c r="HDV138" s="23"/>
      <c r="HDW138" s="23"/>
      <c r="HDX138" s="23"/>
      <c r="HDY138" s="23"/>
      <c r="HDZ138" s="23"/>
      <c r="HEA138" s="23"/>
      <c r="HEB138" s="23"/>
      <c r="HEC138" s="23"/>
      <c r="HED138" s="23"/>
      <c r="HEE138" s="23"/>
      <c r="HEF138" s="23"/>
      <c r="HEG138" s="23"/>
      <c r="HEH138" s="23"/>
      <c r="HEI138" s="23"/>
      <c r="HEJ138" s="23"/>
      <c r="HEK138" s="23"/>
      <c r="HEL138" s="23"/>
      <c r="HEM138" s="23"/>
      <c r="HEN138" s="23"/>
      <c r="HEO138" s="23"/>
      <c r="HEP138" s="23"/>
      <c r="HEQ138" s="23"/>
      <c r="HER138" s="23"/>
      <c r="HES138" s="23"/>
      <c r="HET138" s="23"/>
      <c r="HEU138" s="23"/>
      <c r="HEV138" s="23"/>
      <c r="HEW138" s="23"/>
      <c r="HEX138" s="23"/>
      <c r="HEY138" s="23"/>
      <c r="HEZ138" s="23"/>
      <c r="HFA138" s="23"/>
      <c r="HFB138" s="23"/>
      <c r="HFC138" s="23"/>
      <c r="HFD138" s="23"/>
      <c r="HFE138" s="23"/>
      <c r="HFF138" s="23"/>
      <c r="HFG138" s="23"/>
      <c r="HFH138" s="23"/>
      <c r="HFI138" s="23"/>
      <c r="HFJ138" s="23"/>
      <c r="HFK138" s="23"/>
      <c r="HFL138" s="23"/>
      <c r="HFM138" s="23"/>
      <c r="HFN138" s="23"/>
      <c r="HFO138" s="23"/>
      <c r="HFP138" s="23"/>
      <c r="HFQ138" s="23"/>
      <c r="HFR138" s="23"/>
      <c r="HFS138" s="23"/>
      <c r="HFT138" s="23"/>
      <c r="HFU138" s="23"/>
      <c r="HFV138" s="23"/>
      <c r="HFW138" s="23"/>
      <c r="HFX138" s="23"/>
      <c r="HFY138" s="23"/>
      <c r="HFZ138" s="23"/>
      <c r="HGA138" s="23"/>
      <c r="HGB138" s="23"/>
      <c r="HGC138" s="23"/>
      <c r="HGD138" s="23"/>
      <c r="HGE138" s="23"/>
      <c r="HGF138" s="23"/>
      <c r="HGG138" s="23"/>
      <c r="HGH138" s="23"/>
      <c r="HGI138" s="23"/>
      <c r="HGJ138" s="23"/>
      <c r="HGK138" s="23"/>
      <c r="HGL138" s="23"/>
      <c r="HGM138" s="23"/>
      <c r="HGN138" s="23"/>
      <c r="HGO138" s="23"/>
      <c r="HGP138" s="23"/>
      <c r="HGQ138" s="23"/>
      <c r="HGR138" s="23"/>
      <c r="HGS138" s="23"/>
      <c r="HGT138" s="23"/>
      <c r="HGU138" s="23"/>
      <c r="HGV138" s="23"/>
      <c r="HGW138" s="23"/>
      <c r="HGX138" s="23"/>
      <c r="HGY138" s="23"/>
      <c r="HGZ138" s="23"/>
      <c r="HHA138" s="23"/>
      <c r="HHB138" s="23"/>
      <c r="HHC138" s="23"/>
      <c r="HHD138" s="23"/>
      <c r="HHE138" s="23"/>
      <c r="HHF138" s="23"/>
      <c r="HHG138" s="23"/>
      <c r="HHH138" s="23"/>
      <c r="HHI138" s="23"/>
      <c r="HHJ138" s="23"/>
      <c r="HHK138" s="23"/>
      <c r="HHL138" s="23"/>
      <c r="HHM138" s="23"/>
      <c r="HHN138" s="23"/>
      <c r="HHO138" s="23"/>
      <c r="HHP138" s="23"/>
      <c r="HHQ138" s="23"/>
      <c r="HHR138" s="23"/>
      <c r="HHS138" s="23"/>
      <c r="HHT138" s="23"/>
      <c r="HHU138" s="23"/>
      <c r="HHV138" s="23"/>
      <c r="HHW138" s="23"/>
      <c r="HHX138" s="23"/>
      <c r="HHY138" s="23"/>
      <c r="HHZ138" s="23"/>
      <c r="HIA138" s="23"/>
      <c r="HIB138" s="23"/>
      <c r="HIC138" s="23"/>
      <c r="HID138" s="23"/>
      <c r="HIE138" s="23"/>
      <c r="HIF138" s="23"/>
      <c r="HIG138" s="23"/>
      <c r="HIH138" s="23"/>
      <c r="HII138" s="23"/>
      <c r="HIJ138" s="23"/>
      <c r="HIK138" s="23"/>
      <c r="HIL138" s="23"/>
      <c r="HIM138" s="23"/>
      <c r="HIN138" s="23"/>
      <c r="HIO138" s="23"/>
      <c r="HIP138" s="23"/>
      <c r="HIQ138" s="23"/>
      <c r="HIR138" s="23"/>
      <c r="HIS138" s="23"/>
      <c r="HIT138" s="23"/>
      <c r="HIU138" s="23"/>
      <c r="HIV138" s="23"/>
      <c r="HIW138" s="23"/>
      <c r="HIX138" s="23"/>
      <c r="HIY138" s="23"/>
      <c r="HIZ138" s="23"/>
      <c r="HJA138" s="23"/>
      <c r="HJB138" s="23"/>
      <c r="HJC138" s="23"/>
      <c r="HJD138" s="23"/>
      <c r="HJE138" s="23"/>
      <c r="HJF138" s="23"/>
      <c r="HJG138" s="23"/>
      <c r="HJH138" s="23"/>
      <c r="HJI138" s="23"/>
      <c r="HJJ138" s="23"/>
      <c r="HJK138" s="23"/>
      <c r="HJL138" s="23"/>
      <c r="HJM138" s="23"/>
      <c r="HJN138" s="23"/>
      <c r="HJO138" s="23"/>
      <c r="HJP138" s="23"/>
      <c r="HJQ138" s="23"/>
      <c r="HJR138" s="23"/>
      <c r="HJS138" s="23"/>
      <c r="HJT138" s="23"/>
      <c r="HJU138" s="23"/>
      <c r="HJV138" s="23"/>
      <c r="HJW138" s="23"/>
      <c r="HJX138" s="23"/>
      <c r="HJY138" s="23"/>
      <c r="HJZ138" s="23"/>
      <c r="HKA138" s="23"/>
      <c r="HKB138" s="23"/>
      <c r="HKC138" s="23"/>
      <c r="HKD138" s="23"/>
      <c r="HKE138" s="23"/>
      <c r="HKF138" s="23"/>
      <c r="HKG138" s="23"/>
      <c r="HKH138" s="23"/>
      <c r="HKI138" s="23"/>
      <c r="HKJ138" s="23"/>
      <c r="HKK138" s="23"/>
      <c r="HKL138" s="23"/>
      <c r="HKM138" s="23"/>
      <c r="HKN138" s="23"/>
      <c r="HKO138" s="23"/>
      <c r="HKP138" s="23"/>
      <c r="HKQ138" s="23"/>
      <c r="HKR138" s="23"/>
      <c r="HKS138" s="23"/>
      <c r="HKT138" s="23"/>
      <c r="HKU138" s="23"/>
      <c r="HKV138" s="23"/>
      <c r="HKW138" s="23"/>
      <c r="HKX138" s="23"/>
      <c r="HKY138" s="23"/>
      <c r="HKZ138" s="23"/>
      <c r="HLA138" s="23"/>
      <c r="HLB138" s="23"/>
      <c r="HLC138" s="23"/>
      <c r="HLD138" s="23"/>
      <c r="HLE138" s="23"/>
      <c r="HLF138" s="23"/>
      <c r="HLG138" s="23"/>
      <c r="HLH138" s="23"/>
      <c r="HLI138" s="23"/>
      <c r="HLJ138" s="23"/>
      <c r="HLK138" s="23"/>
      <c r="HLL138" s="23"/>
      <c r="HLM138" s="23"/>
      <c r="HLN138" s="23"/>
      <c r="HLO138" s="23"/>
      <c r="HLP138" s="23"/>
      <c r="HLQ138" s="23"/>
      <c r="HLR138" s="23"/>
      <c r="HLS138" s="23"/>
      <c r="HLT138" s="23"/>
      <c r="HLU138" s="23"/>
      <c r="HLV138" s="23"/>
      <c r="HLW138" s="23"/>
      <c r="HLX138" s="23"/>
      <c r="HLY138" s="23"/>
      <c r="HLZ138" s="23"/>
      <c r="HMA138" s="23"/>
      <c r="HMB138" s="23"/>
      <c r="HMC138" s="23"/>
      <c r="HMD138" s="23"/>
      <c r="HME138" s="23"/>
      <c r="HMF138" s="23"/>
      <c r="HMG138" s="23"/>
      <c r="HMH138" s="23"/>
      <c r="HMI138" s="23"/>
      <c r="HMJ138" s="23"/>
      <c r="HMK138" s="23"/>
      <c r="HML138" s="23"/>
      <c r="HMM138" s="23"/>
      <c r="HMN138" s="23"/>
      <c r="HMO138" s="23"/>
      <c r="HMP138" s="23"/>
      <c r="HMQ138" s="23"/>
      <c r="HMR138" s="23"/>
      <c r="HMS138" s="23"/>
      <c r="HMT138" s="23"/>
      <c r="HMU138" s="23"/>
      <c r="HMV138" s="23"/>
      <c r="HMW138" s="23"/>
      <c r="HMX138" s="23"/>
      <c r="HMY138" s="23"/>
      <c r="HMZ138" s="23"/>
      <c r="HNA138" s="23"/>
      <c r="HNB138" s="23"/>
      <c r="HNC138" s="23"/>
      <c r="HND138" s="23"/>
      <c r="HNE138" s="23"/>
      <c r="HNF138" s="23"/>
      <c r="HNG138" s="23"/>
      <c r="HNH138" s="23"/>
      <c r="HNI138" s="23"/>
      <c r="HNJ138" s="23"/>
      <c r="HNK138" s="23"/>
      <c r="HNL138" s="23"/>
      <c r="HNM138" s="23"/>
      <c r="HNN138" s="23"/>
      <c r="HNO138" s="23"/>
      <c r="HNP138" s="23"/>
      <c r="HNQ138" s="23"/>
      <c r="HNR138" s="23"/>
      <c r="HNS138" s="23"/>
      <c r="HNT138" s="23"/>
      <c r="HNU138" s="23"/>
      <c r="HNV138" s="23"/>
      <c r="HNW138" s="23"/>
      <c r="HNX138" s="23"/>
      <c r="HNY138" s="23"/>
      <c r="HNZ138" s="23"/>
      <c r="HOA138" s="23"/>
      <c r="HOB138" s="23"/>
      <c r="HOC138" s="23"/>
      <c r="HOD138" s="23"/>
      <c r="HOE138" s="23"/>
      <c r="HOF138" s="23"/>
      <c r="HOG138" s="23"/>
      <c r="HOH138" s="23"/>
      <c r="HOI138" s="23"/>
      <c r="HOJ138" s="23"/>
      <c r="HOK138" s="23"/>
      <c r="HOL138" s="23"/>
      <c r="HOM138" s="23"/>
      <c r="HON138" s="23"/>
      <c r="HOO138" s="23"/>
      <c r="HOP138" s="23"/>
      <c r="HOQ138" s="23"/>
      <c r="HOR138" s="23"/>
      <c r="HOS138" s="23"/>
      <c r="HOT138" s="23"/>
      <c r="HOU138" s="23"/>
      <c r="HOV138" s="23"/>
      <c r="HOW138" s="23"/>
      <c r="HOX138" s="23"/>
      <c r="HOY138" s="23"/>
      <c r="HOZ138" s="23"/>
      <c r="HPA138" s="23"/>
      <c r="HPB138" s="23"/>
      <c r="HPC138" s="23"/>
      <c r="HPD138" s="23"/>
      <c r="HPE138" s="23"/>
      <c r="HPF138" s="23"/>
      <c r="HPG138" s="23"/>
      <c r="HPH138" s="23"/>
      <c r="HPI138" s="23"/>
      <c r="HPJ138" s="23"/>
      <c r="HPK138" s="23"/>
      <c r="HPL138" s="23"/>
      <c r="HPM138" s="23"/>
      <c r="HPN138" s="23"/>
      <c r="HPO138" s="23"/>
      <c r="HPP138" s="23"/>
      <c r="HPQ138" s="23"/>
      <c r="HPR138" s="23"/>
      <c r="HPS138" s="23"/>
      <c r="HPT138" s="23"/>
      <c r="HPU138" s="23"/>
      <c r="HPV138" s="23"/>
      <c r="HPW138" s="23"/>
      <c r="HPX138" s="23"/>
      <c r="HPY138" s="23"/>
      <c r="HPZ138" s="23"/>
      <c r="HQA138" s="23"/>
      <c r="HQB138" s="23"/>
      <c r="HQC138" s="23"/>
      <c r="HQD138" s="23"/>
      <c r="HQE138" s="23"/>
      <c r="HQF138" s="23"/>
      <c r="HQG138" s="23"/>
      <c r="HQH138" s="23"/>
      <c r="HQI138" s="23"/>
      <c r="HQJ138" s="23"/>
      <c r="HQK138" s="23"/>
      <c r="HQL138" s="23"/>
      <c r="HQM138" s="23"/>
      <c r="HQN138" s="23"/>
      <c r="HQO138" s="23"/>
      <c r="HQP138" s="23"/>
      <c r="HQQ138" s="23"/>
      <c r="HQR138" s="23"/>
      <c r="HQS138" s="23"/>
      <c r="HQT138" s="23"/>
      <c r="HQU138" s="23"/>
      <c r="HQV138" s="23"/>
      <c r="HQW138" s="23"/>
      <c r="HQX138" s="23"/>
      <c r="HQY138" s="23"/>
      <c r="HQZ138" s="23"/>
      <c r="HRA138" s="23"/>
      <c r="HRB138" s="23"/>
      <c r="HRC138" s="23"/>
      <c r="HRD138" s="23"/>
      <c r="HRE138" s="23"/>
      <c r="HRF138" s="23"/>
      <c r="HRG138" s="23"/>
      <c r="HRH138" s="23"/>
      <c r="HRI138" s="23"/>
      <c r="HRJ138" s="23"/>
      <c r="HRK138" s="23"/>
      <c r="HRL138" s="23"/>
      <c r="HRM138" s="23"/>
      <c r="HRN138" s="23"/>
      <c r="HRO138" s="23"/>
      <c r="HRP138" s="23"/>
      <c r="HRQ138" s="23"/>
      <c r="HRR138" s="23"/>
      <c r="HRS138" s="23"/>
      <c r="HRT138" s="23"/>
      <c r="HRU138" s="23"/>
      <c r="HRV138" s="23"/>
      <c r="HRW138" s="23"/>
      <c r="HRX138" s="23"/>
      <c r="HRY138" s="23"/>
      <c r="HRZ138" s="23"/>
      <c r="HSA138" s="23"/>
      <c r="HSB138" s="23"/>
      <c r="HSC138" s="23"/>
      <c r="HSD138" s="23"/>
      <c r="HSE138" s="23"/>
      <c r="HSF138" s="23"/>
      <c r="HSG138" s="23"/>
      <c r="HSH138" s="23"/>
      <c r="HSI138" s="23"/>
      <c r="HSJ138" s="23"/>
      <c r="HSK138" s="23"/>
      <c r="HSL138" s="23"/>
      <c r="HSM138" s="23"/>
      <c r="HSN138" s="23"/>
      <c r="HSO138" s="23"/>
      <c r="HSP138" s="23"/>
      <c r="HSQ138" s="23"/>
      <c r="HSR138" s="23"/>
      <c r="HSS138" s="23"/>
      <c r="HST138" s="23"/>
      <c r="HSU138" s="23"/>
      <c r="HSV138" s="23"/>
      <c r="HSW138" s="23"/>
      <c r="HSX138" s="23"/>
      <c r="HSY138" s="23"/>
      <c r="HSZ138" s="23"/>
      <c r="HTA138" s="23"/>
      <c r="HTB138" s="23"/>
      <c r="HTC138" s="23"/>
      <c r="HTD138" s="23"/>
      <c r="HTE138" s="23"/>
      <c r="HTF138" s="23"/>
      <c r="HTG138" s="23"/>
      <c r="HTH138" s="23"/>
      <c r="HTI138" s="23"/>
      <c r="HTJ138" s="23"/>
      <c r="HTK138" s="23"/>
      <c r="HTL138" s="23"/>
      <c r="HTM138" s="23"/>
      <c r="HTN138" s="23"/>
      <c r="HTO138" s="23"/>
      <c r="HTP138" s="23"/>
      <c r="HTQ138" s="23"/>
      <c r="HTR138" s="23"/>
      <c r="HTS138" s="23"/>
      <c r="HTT138" s="23"/>
      <c r="HTU138" s="23"/>
      <c r="HTV138" s="23"/>
      <c r="HTW138" s="23"/>
      <c r="HTX138" s="23"/>
      <c r="HTY138" s="23"/>
      <c r="HTZ138" s="23"/>
      <c r="HUA138" s="23"/>
      <c r="HUB138" s="23"/>
      <c r="HUC138" s="23"/>
      <c r="HUD138" s="23"/>
      <c r="HUE138" s="23"/>
      <c r="HUF138" s="23"/>
      <c r="HUG138" s="23"/>
      <c r="HUH138" s="23"/>
      <c r="HUI138" s="23"/>
      <c r="HUJ138" s="23"/>
      <c r="HUK138" s="23"/>
      <c r="HUL138" s="23"/>
      <c r="HUM138" s="23"/>
      <c r="HUN138" s="23"/>
      <c r="HUO138" s="23"/>
      <c r="HUP138" s="23"/>
      <c r="HUQ138" s="23"/>
      <c r="HUR138" s="23"/>
      <c r="HUS138" s="23"/>
      <c r="HUT138" s="23"/>
      <c r="HUU138" s="23"/>
      <c r="HUV138" s="23"/>
      <c r="HUW138" s="23"/>
      <c r="HUX138" s="23"/>
      <c r="HUY138" s="23"/>
      <c r="HUZ138" s="23"/>
      <c r="HVA138" s="23"/>
      <c r="HVB138" s="23"/>
      <c r="HVC138" s="23"/>
      <c r="HVD138" s="23"/>
      <c r="HVE138" s="23"/>
      <c r="HVF138" s="23"/>
      <c r="HVG138" s="23"/>
      <c r="HVH138" s="23"/>
      <c r="HVI138" s="23"/>
      <c r="HVJ138" s="23"/>
      <c r="HVK138" s="23"/>
      <c r="HVL138" s="23"/>
      <c r="HVM138" s="23"/>
      <c r="HVN138" s="23"/>
      <c r="HVO138" s="23"/>
      <c r="HVP138" s="23"/>
      <c r="HVQ138" s="23"/>
      <c r="HVR138" s="23"/>
      <c r="HVS138" s="23"/>
      <c r="HVT138" s="23"/>
      <c r="HVU138" s="23"/>
      <c r="HVV138" s="23"/>
      <c r="HVW138" s="23"/>
      <c r="HVX138" s="23"/>
      <c r="HVY138" s="23"/>
      <c r="HVZ138" s="23"/>
      <c r="HWA138" s="23"/>
      <c r="HWB138" s="23"/>
      <c r="HWC138" s="23"/>
      <c r="HWD138" s="23"/>
      <c r="HWE138" s="23"/>
      <c r="HWF138" s="23"/>
      <c r="HWG138" s="23"/>
      <c r="HWH138" s="23"/>
      <c r="HWI138" s="23"/>
      <c r="HWJ138" s="23"/>
      <c r="HWK138" s="23"/>
      <c r="HWL138" s="23"/>
      <c r="HWM138" s="23"/>
      <c r="HWN138" s="23"/>
      <c r="HWO138" s="23"/>
      <c r="HWP138" s="23"/>
      <c r="HWQ138" s="23"/>
      <c r="HWR138" s="23"/>
      <c r="HWS138" s="23"/>
      <c r="HWT138" s="23"/>
      <c r="HWU138" s="23"/>
      <c r="HWV138" s="23"/>
      <c r="HWW138" s="23"/>
      <c r="HWX138" s="23"/>
      <c r="HWY138" s="23"/>
      <c r="HWZ138" s="23"/>
      <c r="HXA138" s="23"/>
      <c r="HXB138" s="23"/>
      <c r="HXC138" s="23"/>
      <c r="HXD138" s="23"/>
      <c r="HXE138" s="23"/>
      <c r="HXF138" s="23"/>
      <c r="HXG138" s="23"/>
      <c r="HXH138" s="23"/>
      <c r="HXI138" s="23"/>
      <c r="HXJ138" s="23"/>
      <c r="HXK138" s="23"/>
      <c r="HXL138" s="23"/>
      <c r="HXM138" s="23"/>
      <c r="HXN138" s="23"/>
      <c r="HXO138" s="23"/>
      <c r="HXP138" s="23"/>
      <c r="HXQ138" s="23"/>
      <c r="HXR138" s="23"/>
      <c r="HXS138" s="23"/>
      <c r="HXT138" s="23"/>
      <c r="HXU138" s="23"/>
      <c r="HXV138" s="23"/>
      <c r="HXW138" s="23"/>
      <c r="HXX138" s="23"/>
      <c r="HXY138" s="23"/>
      <c r="HXZ138" s="23"/>
      <c r="HYA138" s="23"/>
      <c r="HYB138" s="23"/>
      <c r="HYC138" s="23"/>
      <c r="HYD138" s="23"/>
      <c r="HYE138" s="23"/>
      <c r="HYF138" s="23"/>
      <c r="HYG138" s="23"/>
      <c r="HYH138" s="23"/>
      <c r="HYI138" s="23"/>
      <c r="HYJ138" s="23"/>
      <c r="HYK138" s="23"/>
      <c r="HYL138" s="23"/>
      <c r="HYM138" s="23"/>
      <c r="HYN138" s="23"/>
      <c r="HYO138" s="23"/>
      <c r="HYP138" s="23"/>
      <c r="HYQ138" s="23"/>
      <c r="HYR138" s="23"/>
      <c r="HYS138" s="23"/>
      <c r="HYT138" s="23"/>
      <c r="HYU138" s="23"/>
      <c r="HYV138" s="23"/>
      <c r="HYW138" s="23"/>
      <c r="HYX138" s="23"/>
      <c r="HYY138" s="23"/>
      <c r="HYZ138" s="23"/>
      <c r="HZA138" s="23"/>
      <c r="HZB138" s="23"/>
      <c r="HZC138" s="23"/>
      <c r="HZD138" s="23"/>
      <c r="HZE138" s="23"/>
      <c r="HZF138" s="23"/>
      <c r="HZG138" s="23"/>
      <c r="HZH138" s="23"/>
      <c r="HZI138" s="23"/>
      <c r="HZJ138" s="23"/>
      <c r="HZK138" s="23"/>
      <c r="HZL138" s="23"/>
      <c r="HZM138" s="23"/>
      <c r="HZN138" s="23"/>
      <c r="HZO138" s="23"/>
      <c r="HZP138" s="23"/>
      <c r="HZQ138" s="23"/>
      <c r="HZR138" s="23"/>
      <c r="HZS138" s="23"/>
      <c r="HZT138" s="23"/>
      <c r="HZU138" s="23"/>
      <c r="HZV138" s="23"/>
      <c r="HZW138" s="23"/>
      <c r="HZX138" s="23"/>
      <c r="HZY138" s="23"/>
      <c r="HZZ138" s="23"/>
      <c r="IAA138" s="23"/>
      <c r="IAB138" s="23"/>
      <c r="IAC138" s="23"/>
      <c r="IAD138" s="23"/>
      <c r="IAE138" s="23"/>
      <c r="IAF138" s="23"/>
      <c r="IAG138" s="23"/>
      <c r="IAH138" s="23"/>
      <c r="IAI138" s="23"/>
      <c r="IAJ138" s="23"/>
      <c r="IAK138" s="23"/>
      <c r="IAL138" s="23"/>
      <c r="IAM138" s="23"/>
      <c r="IAN138" s="23"/>
      <c r="IAO138" s="23"/>
      <c r="IAP138" s="23"/>
      <c r="IAQ138" s="23"/>
      <c r="IAR138" s="23"/>
      <c r="IAS138" s="23"/>
      <c r="IAT138" s="23"/>
      <c r="IAU138" s="23"/>
      <c r="IAV138" s="23"/>
      <c r="IAW138" s="23"/>
      <c r="IAX138" s="23"/>
      <c r="IAY138" s="23"/>
      <c r="IAZ138" s="23"/>
      <c r="IBA138" s="23"/>
      <c r="IBB138" s="23"/>
      <c r="IBC138" s="23"/>
      <c r="IBD138" s="23"/>
      <c r="IBE138" s="23"/>
      <c r="IBF138" s="23"/>
      <c r="IBG138" s="23"/>
      <c r="IBH138" s="23"/>
      <c r="IBI138" s="23"/>
      <c r="IBJ138" s="23"/>
      <c r="IBK138" s="23"/>
      <c r="IBL138" s="23"/>
      <c r="IBM138" s="23"/>
      <c r="IBN138" s="23"/>
      <c r="IBO138" s="23"/>
      <c r="IBP138" s="23"/>
      <c r="IBQ138" s="23"/>
      <c r="IBR138" s="23"/>
      <c r="IBS138" s="23"/>
      <c r="IBT138" s="23"/>
      <c r="IBU138" s="23"/>
      <c r="IBV138" s="23"/>
      <c r="IBW138" s="23"/>
      <c r="IBX138" s="23"/>
      <c r="IBY138" s="23"/>
      <c r="IBZ138" s="23"/>
      <c r="ICA138" s="23"/>
      <c r="ICB138" s="23"/>
      <c r="ICC138" s="23"/>
      <c r="ICD138" s="23"/>
      <c r="ICE138" s="23"/>
      <c r="ICF138" s="23"/>
      <c r="ICG138" s="23"/>
      <c r="ICH138" s="23"/>
      <c r="ICI138" s="23"/>
      <c r="ICJ138" s="23"/>
      <c r="ICK138" s="23"/>
      <c r="ICL138" s="23"/>
      <c r="ICM138" s="23"/>
      <c r="ICN138" s="23"/>
      <c r="ICO138" s="23"/>
      <c r="ICP138" s="23"/>
      <c r="ICQ138" s="23"/>
      <c r="ICR138" s="23"/>
      <c r="ICS138" s="23"/>
      <c r="ICT138" s="23"/>
      <c r="ICU138" s="23"/>
      <c r="ICV138" s="23"/>
      <c r="ICW138" s="23"/>
      <c r="ICX138" s="23"/>
      <c r="ICY138" s="23"/>
      <c r="ICZ138" s="23"/>
      <c r="IDA138" s="23"/>
      <c r="IDB138" s="23"/>
      <c r="IDC138" s="23"/>
      <c r="IDD138" s="23"/>
      <c r="IDE138" s="23"/>
      <c r="IDF138" s="23"/>
      <c r="IDG138" s="23"/>
      <c r="IDH138" s="23"/>
      <c r="IDI138" s="23"/>
      <c r="IDJ138" s="23"/>
      <c r="IDK138" s="23"/>
      <c r="IDL138" s="23"/>
      <c r="IDM138" s="23"/>
      <c r="IDN138" s="23"/>
      <c r="IDO138" s="23"/>
      <c r="IDP138" s="23"/>
      <c r="IDQ138" s="23"/>
      <c r="IDR138" s="23"/>
      <c r="IDS138" s="23"/>
      <c r="IDT138" s="23"/>
      <c r="IDU138" s="23"/>
      <c r="IDV138" s="23"/>
      <c r="IDW138" s="23"/>
      <c r="IDX138" s="23"/>
      <c r="IDY138" s="23"/>
      <c r="IDZ138" s="23"/>
      <c r="IEA138" s="23"/>
      <c r="IEB138" s="23"/>
      <c r="IEC138" s="23"/>
      <c r="IED138" s="23"/>
      <c r="IEE138" s="23"/>
      <c r="IEF138" s="23"/>
      <c r="IEG138" s="23"/>
      <c r="IEH138" s="23"/>
      <c r="IEI138" s="23"/>
      <c r="IEJ138" s="23"/>
      <c r="IEK138" s="23"/>
      <c r="IEL138" s="23"/>
      <c r="IEM138" s="23"/>
      <c r="IEN138" s="23"/>
      <c r="IEO138" s="23"/>
      <c r="IEP138" s="23"/>
      <c r="IEQ138" s="23"/>
      <c r="IER138" s="23"/>
      <c r="IES138" s="23"/>
      <c r="IET138" s="23"/>
      <c r="IEU138" s="23"/>
      <c r="IEV138" s="23"/>
      <c r="IEW138" s="23"/>
      <c r="IEX138" s="23"/>
      <c r="IEY138" s="23"/>
      <c r="IEZ138" s="23"/>
      <c r="IFA138" s="23"/>
      <c r="IFB138" s="23"/>
      <c r="IFC138" s="23"/>
      <c r="IFD138" s="23"/>
      <c r="IFE138" s="23"/>
      <c r="IFF138" s="23"/>
      <c r="IFG138" s="23"/>
      <c r="IFH138" s="23"/>
      <c r="IFI138" s="23"/>
      <c r="IFJ138" s="23"/>
      <c r="IFK138" s="23"/>
      <c r="IFL138" s="23"/>
      <c r="IFM138" s="23"/>
      <c r="IFN138" s="23"/>
      <c r="IFO138" s="23"/>
      <c r="IFP138" s="23"/>
      <c r="IFQ138" s="23"/>
      <c r="IFR138" s="23"/>
      <c r="IFS138" s="23"/>
      <c r="IFT138" s="23"/>
      <c r="IFU138" s="23"/>
      <c r="IFV138" s="23"/>
      <c r="IFW138" s="23"/>
      <c r="IFX138" s="23"/>
      <c r="IFY138" s="23"/>
      <c r="IFZ138" s="23"/>
      <c r="IGA138" s="23"/>
      <c r="IGB138" s="23"/>
      <c r="IGC138" s="23"/>
      <c r="IGD138" s="23"/>
      <c r="IGE138" s="23"/>
      <c r="IGF138" s="23"/>
      <c r="IGG138" s="23"/>
      <c r="IGH138" s="23"/>
      <c r="IGI138" s="23"/>
      <c r="IGJ138" s="23"/>
      <c r="IGK138" s="23"/>
      <c r="IGL138" s="23"/>
      <c r="IGM138" s="23"/>
      <c r="IGN138" s="23"/>
      <c r="IGO138" s="23"/>
      <c r="IGP138" s="23"/>
      <c r="IGQ138" s="23"/>
      <c r="IGR138" s="23"/>
      <c r="IGS138" s="23"/>
      <c r="IGT138" s="23"/>
      <c r="IGU138" s="23"/>
      <c r="IGV138" s="23"/>
      <c r="IGW138" s="23"/>
      <c r="IGX138" s="23"/>
      <c r="IGY138" s="23"/>
      <c r="IGZ138" s="23"/>
      <c r="IHA138" s="23"/>
      <c r="IHB138" s="23"/>
      <c r="IHC138" s="23"/>
      <c r="IHD138" s="23"/>
      <c r="IHE138" s="23"/>
      <c r="IHF138" s="23"/>
      <c r="IHG138" s="23"/>
      <c r="IHH138" s="23"/>
      <c r="IHI138" s="23"/>
      <c r="IHJ138" s="23"/>
      <c r="IHK138" s="23"/>
      <c r="IHL138" s="23"/>
      <c r="IHM138" s="23"/>
      <c r="IHN138" s="23"/>
      <c r="IHO138" s="23"/>
      <c r="IHP138" s="23"/>
      <c r="IHQ138" s="23"/>
      <c r="IHR138" s="23"/>
      <c r="IHS138" s="23"/>
      <c r="IHT138" s="23"/>
      <c r="IHU138" s="23"/>
      <c r="IHV138" s="23"/>
      <c r="IHW138" s="23"/>
      <c r="IHX138" s="23"/>
      <c r="IHY138" s="23"/>
      <c r="IHZ138" s="23"/>
      <c r="IIA138" s="23"/>
      <c r="IIB138" s="23"/>
      <c r="IIC138" s="23"/>
      <c r="IID138" s="23"/>
      <c r="IIE138" s="23"/>
      <c r="IIF138" s="23"/>
      <c r="IIG138" s="23"/>
      <c r="IIH138" s="23"/>
      <c r="III138" s="23"/>
      <c r="IIJ138" s="23"/>
      <c r="IIK138" s="23"/>
      <c r="IIL138" s="23"/>
      <c r="IIM138" s="23"/>
      <c r="IIN138" s="23"/>
      <c r="IIO138" s="23"/>
      <c r="IIP138" s="23"/>
      <c r="IIQ138" s="23"/>
      <c r="IIR138" s="23"/>
      <c r="IIS138" s="23"/>
      <c r="IIT138" s="23"/>
      <c r="IIU138" s="23"/>
      <c r="IIV138" s="23"/>
      <c r="IIW138" s="23"/>
      <c r="IIX138" s="23"/>
      <c r="IIY138" s="23"/>
      <c r="IIZ138" s="23"/>
      <c r="IJA138" s="23"/>
      <c r="IJB138" s="23"/>
      <c r="IJC138" s="23"/>
      <c r="IJD138" s="23"/>
      <c r="IJE138" s="23"/>
      <c r="IJF138" s="23"/>
      <c r="IJG138" s="23"/>
      <c r="IJH138" s="23"/>
      <c r="IJI138" s="23"/>
      <c r="IJJ138" s="23"/>
      <c r="IJK138" s="23"/>
      <c r="IJL138" s="23"/>
      <c r="IJM138" s="23"/>
      <c r="IJN138" s="23"/>
      <c r="IJO138" s="23"/>
      <c r="IJP138" s="23"/>
      <c r="IJQ138" s="23"/>
      <c r="IJR138" s="23"/>
      <c r="IJS138" s="23"/>
      <c r="IJT138" s="23"/>
      <c r="IJU138" s="23"/>
      <c r="IJV138" s="23"/>
      <c r="IJW138" s="23"/>
      <c r="IJX138" s="23"/>
      <c r="IJY138" s="23"/>
      <c r="IJZ138" s="23"/>
      <c r="IKA138" s="23"/>
      <c r="IKB138" s="23"/>
      <c r="IKC138" s="23"/>
      <c r="IKD138" s="23"/>
      <c r="IKE138" s="23"/>
      <c r="IKF138" s="23"/>
      <c r="IKG138" s="23"/>
      <c r="IKH138" s="23"/>
      <c r="IKI138" s="23"/>
      <c r="IKJ138" s="23"/>
      <c r="IKK138" s="23"/>
      <c r="IKL138" s="23"/>
      <c r="IKM138" s="23"/>
      <c r="IKN138" s="23"/>
      <c r="IKO138" s="23"/>
      <c r="IKP138" s="23"/>
      <c r="IKQ138" s="23"/>
      <c r="IKR138" s="23"/>
      <c r="IKS138" s="23"/>
      <c r="IKT138" s="23"/>
      <c r="IKU138" s="23"/>
      <c r="IKV138" s="23"/>
      <c r="IKW138" s="23"/>
      <c r="IKX138" s="23"/>
      <c r="IKY138" s="23"/>
      <c r="IKZ138" s="23"/>
      <c r="ILA138" s="23"/>
      <c r="ILB138" s="23"/>
      <c r="ILC138" s="23"/>
      <c r="ILD138" s="23"/>
      <c r="ILE138" s="23"/>
      <c r="ILF138" s="23"/>
      <c r="ILG138" s="23"/>
      <c r="ILH138" s="23"/>
      <c r="ILI138" s="23"/>
      <c r="ILJ138" s="23"/>
      <c r="ILK138" s="23"/>
      <c r="ILL138" s="23"/>
      <c r="ILM138" s="23"/>
      <c r="ILN138" s="23"/>
      <c r="ILO138" s="23"/>
      <c r="ILP138" s="23"/>
      <c r="ILQ138" s="23"/>
      <c r="ILR138" s="23"/>
      <c r="ILS138" s="23"/>
      <c r="ILT138" s="23"/>
      <c r="ILU138" s="23"/>
      <c r="ILV138" s="23"/>
      <c r="ILW138" s="23"/>
      <c r="ILX138" s="23"/>
      <c r="ILY138" s="23"/>
      <c r="ILZ138" s="23"/>
      <c r="IMA138" s="23"/>
      <c r="IMB138" s="23"/>
      <c r="IMC138" s="23"/>
      <c r="IMD138" s="23"/>
      <c r="IME138" s="23"/>
      <c r="IMF138" s="23"/>
      <c r="IMG138" s="23"/>
      <c r="IMH138" s="23"/>
      <c r="IMI138" s="23"/>
      <c r="IMJ138" s="23"/>
      <c r="IMK138" s="23"/>
      <c r="IML138" s="23"/>
      <c r="IMM138" s="23"/>
      <c r="IMN138" s="23"/>
      <c r="IMO138" s="23"/>
      <c r="IMP138" s="23"/>
      <c r="IMQ138" s="23"/>
      <c r="IMR138" s="23"/>
      <c r="IMS138" s="23"/>
      <c r="IMT138" s="23"/>
      <c r="IMU138" s="23"/>
      <c r="IMV138" s="23"/>
      <c r="IMW138" s="23"/>
      <c r="IMX138" s="23"/>
      <c r="IMY138" s="23"/>
      <c r="IMZ138" s="23"/>
      <c r="INA138" s="23"/>
      <c r="INB138" s="23"/>
      <c r="INC138" s="23"/>
      <c r="IND138" s="23"/>
      <c r="INE138" s="23"/>
      <c r="INF138" s="23"/>
      <c r="ING138" s="23"/>
      <c r="INH138" s="23"/>
      <c r="INI138" s="23"/>
      <c r="INJ138" s="23"/>
      <c r="INK138" s="23"/>
      <c r="INL138" s="23"/>
      <c r="INM138" s="23"/>
      <c r="INN138" s="23"/>
      <c r="INO138" s="23"/>
      <c r="INP138" s="23"/>
      <c r="INQ138" s="23"/>
      <c r="INR138" s="23"/>
      <c r="INS138" s="23"/>
      <c r="INT138" s="23"/>
      <c r="INU138" s="23"/>
      <c r="INV138" s="23"/>
      <c r="INW138" s="23"/>
      <c r="INX138" s="23"/>
      <c r="INY138" s="23"/>
      <c r="INZ138" s="23"/>
      <c r="IOA138" s="23"/>
      <c r="IOB138" s="23"/>
      <c r="IOC138" s="23"/>
      <c r="IOD138" s="23"/>
      <c r="IOE138" s="23"/>
      <c r="IOF138" s="23"/>
      <c r="IOG138" s="23"/>
      <c r="IOH138" s="23"/>
      <c r="IOI138" s="23"/>
      <c r="IOJ138" s="23"/>
      <c r="IOK138" s="23"/>
      <c r="IOL138" s="23"/>
      <c r="IOM138" s="23"/>
      <c r="ION138" s="23"/>
      <c r="IOO138" s="23"/>
      <c r="IOP138" s="23"/>
      <c r="IOQ138" s="23"/>
      <c r="IOR138" s="23"/>
      <c r="IOS138" s="23"/>
      <c r="IOT138" s="23"/>
      <c r="IOU138" s="23"/>
      <c r="IOV138" s="23"/>
      <c r="IOW138" s="23"/>
      <c r="IOX138" s="23"/>
      <c r="IOY138" s="23"/>
      <c r="IOZ138" s="23"/>
      <c r="IPA138" s="23"/>
      <c r="IPB138" s="23"/>
      <c r="IPC138" s="23"/>
      <c r="IPD138" s="23"/>
      <c r="IPE138" s="23"/>
      <c r="IPF138" s="23"/>
      <c r="IPG138" s="23"/>
      <c r="IPH138" s="23"/>
      <c r="IPI138" s="23"/>
      <c r="IPJ138" s="23"/>
      <c r="IPK138" s="23"/>
      <c r="IPL138" s="23"/>
      <c r="IPM138" s="23"/>
      <c r="IPN138" s="23"/>
      <c r="IPO138" s="23"/>
      <c r="IPP138" s="23"/>
      <c r="IPQ138" s="23"/>
      <c r="IPR138" s="23"/>
      <c r="IPS138" s="23"/>
      <c r="IPT138" s="23"/>
      <c r="IPU138" s="23"/>
      <c r="IPV138" s="23"/>
      <c r="IPW138" s="23"/>
      <c r="IPX138" s="23"/>
      <c r="IPY138" s="23"/>
      <c r="IPZ138" s="23"/>
      <c r="IQA138" s="23"/>
      <c r="IQB138" s="23"/>
      <c r="IQC138" s="23"/>
      <c r="IQD138" s="23"/>
      <c r="IQE138" s="23"/>
      <c r="IQF138" s="23"/>
      <c r="IQG138" s="23"/>
      <c r="IQH138" s="23"/>
      <c r="IQI138" s="23"/>
      <c r="IQJ138" s="23"/>
      <c r="IQK138" s="23"/>
      <c r="IQL138" s="23"/>
      <c r="IQM138" s="23"/>
      <c r="IQN138" s="23"/>
      <c r="IQO138" s="23"/>
      <c r="IQP138" s="23"/>
      <c r="IQQ138" s="23"/>
      <c r="IQR138" s="23"/>
      <c r="IQS138" s="23"/>
      <c r="IQT138" s="23"/>
      <c r="IQU138" s="23"/>
      <c r="IQV138" s="23"/>
      <c r="IQW138" s="23"/>
      <c r="IQX138" s="23"/>
      <c r="IQY138" s="23"/>
      <c r="IQZ138" s="23"/>
      <c r="IRA138" s="23"/>
      <c r="IRB138" s="23"/>
      <c r="IRC138" s="23"/>
      <c r="IRD138" s="23"/>
      <c r="IRE138" s="23"/>
      <c r="IRF138" s="23"/>
      <c r="IRG138" s="23"/>
      <c r="IRH138" s="23"/>
      <c r="IRI138" s="23"/>
      <c r="IRJ138" s="23"/>
      <c r="IRK138" s="23"/>
      <c r="IRL138" s="23"/>
      <c r="IRM138" s="23"/>
      <c r="IRN138" s="23"/>
      <c r="IRO138" s="23"/>
      <c r="IRP138" s="23"/>
      <c r="IRQ138" s="23"/>
      <c r="IRR138" s="23"/>
      <c r="IRS138" s="23"/>
      <c r="IRT138" s="23"/>
      <c r="IRU138" s="23"/>
      <c r="IRV138" s="23"/>
      <c r="IRW138" s="23"/>
      <c r="IRX138" s="23"/>
      <c r="IRY138" s="23"/>
      <c r="IRZ138" s="23"/>
      <c r="ISA138" s="23"/>
      <c r="ISB138" s="23"/>
      <c r="ISC138" s="23"/>
      <c r="ISD138" s="23"/>
      <c r="ISE138" s="23"/>
      <c r="ISF138" s="23"/>
      <c r="ISG138" s="23"/>
      <c r="ISH138" s="23"/>
      <c r="ISI138" s="23"/>
      <c r="ISJ138" s="23"/>
      <c r="ISK138" s="23"/>
      <c r="ISL138" s="23"/>
      <c r="ISM138" s="23"/>
      <c r="ISN138" s="23"/>
      <c r="ISO138" s="23"/>
      <c r="ISP138" s="23"/>
      <c r="ISQ138" s="23"/>
      <c r="ISR138" s="23"/>
      <c r="ISS138" s="23"/>
      <c r="IST138" s="23"/>
      <c r="ISU138" s="23"/>
      <c r="ISV138" s="23"/>
      <c r="ISW138" s="23"/>
      <c r="ISX138" s="23"/>
      <c r="ISY138" s="23"/>
      <c r="ISZ138" s="23"/>
      <c r="ITA138" s="23"/>
      <c r="ITB138" s="23"/>
      <c r="ITC138" s="23"/>
      <c r="ITD138" s="23"/>
      <c r="ITE138" s="23"/>
      <c r="ITF138" s="23"/>
      <c r="ITG138" s="23"/>
      <c r="ITH138" s="23"/>
      <c r="ITI138" s="23"/>
      <c r="ITJ138" s="23"/>
      <c r="ITK138" s="23"/>
      <c r="ITL138" s="23"/>
      <c r="ITM138" s="23"/>
      <c r="ITN138" s="23"/>
      <c r="ITO138" s="23"/>
      <c r="ITP138" s="23"/>
      <c r="ITQ138" s="23"/>
      <c r="ITR138" s="23"/>
      <c r="ITS138" s="23"/>
      <c r="ITT138" s="23"/>
      <c r="ITU138" s="23"/>
      <c r="ITV138" s="23"/>
      <c r="ITW138" s="23"/>
      <c r="ITX138" s="23"/>
      <c r="ITY138" s="23"/>
      <c r="ITZ138" s="23"/>
      <c r="IUA138" s="23"/>
      <c r="IUB138" s="23"/>
      <c r="IUC138" s="23"/>
      <c r="IUD138" s="23"/>
      <c r="IUE138" s="23"/>
      <c r="IUF138" s="23"/>
      <c r="IUG138" s="23"/>
      <c r="IUH138" s="23"/>
      <c r="IUI138" s="23"/>
      <c r="IUJ138" s="23"/>
      <c r="IUK138" s="23"/>
      <c r="IUL138" s="23"/>
      <c r="IUM138" s="23"/>
      <c r="IUN138" s="23"/>
      <c r="IUO138" s="23"/>
      <c r="IUP138" s="23"/>
      <c r="IUQ138" s="23"/>
      <c r="IUR138" s="23"/>
      <c r="IUS138" s="23"/>
      <c r="IUT138" s="23"/>
      <c r="IUU138" s="23"/>
      <c r="IUV138" s="23"/>
      <c r="IUW138" s="23"/>
      <c r="IUX138" s="23"/>
      <c r="IUY138" s="23"/>
      <c r="IUZ138" s="23"/>
      <c r="IVA138" s="23"/>
      <c r="IVB138" s="23"/>
      <c r="IVC138" s="23"/>
      <c r="IVD138" s="23"/>
      <c r="IVE138" s="23"/>
      <c r="IVF138" s="23"/>
      <c r="IVG138" s="23"/>
      <c r="IVH138" s="23"/>
      <c r="IVI138" s="23"/>
      <c r="IVJ138" s="23"/>
      <c r="IVK138" s="23"/>
      <c r="IVL138" s="23"/>
      <c r="IVM138" s="23"/>
      <c r="IVN138" s="23"/>
      <c r="IVO138" s="23"/>
      <c r="IVP138" s="23"/>
      <c r="IVQ138" s="23"/>
      <c r="IVR138" s="23"/>
      <c r="IVS138" s="23"/>
      <c r="IVT138" s="23"/>
      <c r="IVU138" s="23"/>
      <c r="IVV138" s="23"/>
      <c r="IVW138" s="23"/>
      <c r="IVX138" s="23"/>
      <c r="IVY138" s="23"/>
      <c r="IVZ138" s="23"/>
      <c r="IWA138" s="23"/>
      <c r="IWB138" s="23"/>
      <c r="IWC138" s="23"/>
      <c r="IWD138" s="23"/>
      <c r="IWE138" s="23"/>
      <c r="IWF138" s="23"/>
      <c r="IWG138" s="23"/>
      <c r="IWH138" s="23"/>
      <c r="IWI138" s="23"/>
      <c r="IWJ138" s="23"/>
      <c r="IWK138" s="23"/>
      <c r="IWL138" s="23"/>
      <c r="IWM138" s="23"/>
      <c r="IWN138" s="23"/>
      <c r="IWO138" s="23"/>
      <c r="IWP138" s="23"/>
      <c r="IWQ138" s="23"/>
      <c r="IWR138" s="23"/>
      <c r="IWS138" s="23"/>
      <c r="IWT138" s="23"/>
      <c r="IWU138" s="23"/>
      <c r="IWV138" s="23"/>
      <c r="IWW138" s="23"/>
      <c r="IWX138" s="23"/>
      <c r="IWY138" s="23"/>
      <c r="IWZ138" s="23"/>
      <c r="IXA138" s="23"/>
      <c r="IXB138" s="23"/>
      <c r="IXC138" s="23"/>
      <c r="IXD138" s="23"/>
      <c r="IXE138" s="23"/>
      <c r="IXF138" s="23"/>
      <c r="IXG138" s="23"/>
      <c r="IXH138" s="23"/>
      <c r="IXI138" s="23"/>
      <c r="IXJ138" s="23"/>
      <c r="IXK138" s="23"/>
      <c r="IXL138" s="23"/>
      <c r="IXM138" s="23"/>
      <c r="IXN138" s="23"/>
      <c r="IXO138" s="23"/>
      <c r="IXP138" s="23"/>
      <c r="IXQ138" s="23"/>
      <c r="IXR138" s="23"/>
      <c r="IXS138" s="23"/>
      <c r="IXT138" s="23"/>
      <c r="IXU138" s="23"/>
      <c r="IXV138" s="23"/>
      <c r="IXW138" s="23"/>
      <c r="IXX138" s="23"/>
      <c r="IXY138" s="23"/>
      <c r="IXZ138" s="23"/>
      <c r="IYA138" s="23"/>
      <c r="IYB138" s="23"/>
      <c r="IYC138" s="23"/>
      <c r="IYD138" s="23"/>
      <c r="IYE138" s="23"/>
      <c r="IYF138" s="23"/>
      <c r="IYG138" s="23"/>
      <c r="IYH138" s="23"/>
      <c r="IYI138" s="23"/>
      <c r="IYJ138" s="23"/>
      <c r="IYK138" s="23"/>
      <c r="IYL138" s="23"/>
      <c r="IYM138" s="23"/>
      <c r="IYN138" s="23"/>
      <c r="IYO138" s="23"/>
      <c r="IYP138" s="23"/>
      <c r="IYQ138" s="23"/>
      <c r="IYR138" s="23"/>
      <c r="IYS138" s="23"/>
      <c r="IYT138" s="23"/>
      <c r="IYU138" s="23"/>
      <c r="IYV138" s="23"/>
      <c r="IYW138" s="23"/>
      <c r="IYX138" s="23"/>
      <c r="IYY138" s="23"/>
      <c r="IYZ138" s="23"/>
      <c r="IZA138" s="23"/>
      <c r="IZB138" s="23"/>
      <c r="IZC138" s="23"/>
      <c r="IZD138" s="23"/>
      <c r="IZE138" s="23"/>
      <c r="IZF138" s="23"/>
      <c r="IZG138" s="23"/>
      <c r="IZH138" s="23"/>
      <c r="IZI138" s="23"/>
      <c r="IZJ138" s="23"/>
      <c r="IZK138" s="23"/>
      <c r="IZL138" s="23"/>
      <c r="IZM138" s="23"/>
      <c r="IZN138" s="23"/>
      <c r="IZO138" s="23"/>
      <c r="IZP138" s="23"/>
      <c r="IZQ138" s="23"/>
      <c r="IZR138" s="23"/>
      <c r="IZS138" s="23"/>
      <c r="IZT138" s="23"/>
      <c r="IZU138" s="23"/>
      <c r="IZV138" s="23"/>
      <c r="IZW138" s="23"/>
      <c r="IZX138" s="23"/>
      <c r="IZY138" s="23"/>
      <c r="IZZ138" s="23"/>
      <c r="JAA138" s="23"/>
      <c r="JAB138" s="23"/>
      <c r="JAC138" s="23"/>
      <c r="JAD138" s="23"/>
      <c r="JAE138" s="23"/>
      <c r="JAF138" s="23"/>
      <c r="JAG138" s="23"/>
      <c r="JAH138" s="23"/>
      <c r="JAI138" s="23"/>
      <c r="JAJ138" s="23"/>
      <c r="JAK138" s="23"/>
      <c r="JAL138" s="23"/>
      <c r="JAM138" s="23"/>
      <c r="JAN138" s="23"/>
      <c r="JAO138" s="23"/>
      <c r="JAP138" s="23"/>
      <c r="JAQ138" s="23"/>
      <c r="JAR138" s="23"/>
      <c r="JAS138" s="23"/>
      <c r="JAT138" s="23"/>
      <c r="JAU138" s="23"/>
      <c r="JAV138" s="23"/>
      <c r="JAW138" s="23"/>
      <c r="JAX138" s="23"/>
      <c r="JAY138" s="23"/>
      <c r="JAZ138" s="23"/>
      <c r="JBA138" s="23"/>
      <c r="JBB138" s="23"/>
      <c r="JBC138" s="23"/>
      <c r="JBD138" s="23"/>
      <c r="JBE138" s="23"/>
      <c r="JBF138" s="23"/>
      <c r="JBG138" s="23"/>
      <c r="JBH138" s="23"/>
      <c r="JBI138" s="23"/>
      <c r="JBJ138" s="23"/>
      <c r="JBK138" s="23"/>
      <c r="JBL138" s="23"/>
      <c r="JBM138" s="23"/>
      <c r="JBN138" s="23"/>
      <c r="JBO138" s="23"/>
      <c r="JBP138" s="23"/>
      <c r="JBQ138" s="23"/>
      <c r="JBR138" s="23"/>
      <c r="JBS138" s="23"/>
      <c r="JBT138" s="23"/>
      <c r="JBU138" s="23"/>
      <c r="JBV138" s="23"/>
      <c r="JBW138" s="23"/>
      <c r="JBX138" s="23"/>
      <c r="JBY138" s="23"/>
      <c r="JBZ138" s="23"/>
      <c r="JCA138" s="23"/>
      <c r="JCB138" s="23"/>
      <c r="JCC138" s="23"/>
      <c r="JCD138" s="23"/>
      <c r="JCE138" s="23"/>
      <c r="JCF138" s="23"/>
      <c r="JCG138" s="23"/>
      <c r="JCH138" s="23"/>
      <c r="JCI138" s="23"/>
      <c r="JCJ138" s="23"/>
      <c r="JCK138" s="23"/>
      <c r="JCL138" s="23"/>
      <c r="JCM138" s="23"/>
      <c r="JCN138" s="23"/>
      <c r="JCO138" s="23"/>
      <c r="JCP138" s="23"/>
      <c r="JCQ138" s="23"/>
      <c r="JCR138" s="23"/>
      <c r="JCS138" s="23"/>
      <c r="JCT138" s="23"/>
      <c r="JCU138" s="23"/>
      <c r="JCV138" s="23"/>
      <c r="JCW138" s="23"/>
      <c r="JCX138" s="23"/>
      <c r="JCY138" s="23"/>
      <c r="JCZ138" s="23"/>
      <c r="JDA138" s="23"/>
      <c r="JDB138" s="23"/>
      <c r="JDC138" s="23"/>
      <c r="JDD138" s="23"/>
      <c r="JDE138" s="23"/>
      <c r="JDF138" s="23"/>
      <c r="JDG138" s="23"/>
      <c r="JDH138" s="23"/>
      <c r="JDI138" s="23"/>
      <c r="JDJ138" s="23"/>
      <c r="JDK138" s="23"/>
      <c r="JDL138" s="23"/>
      <c r="JDM138" s="23"/>
      <c r="JDN138" s="23"/>
      <c r="JDO138" s="23"/>
      <c r="JDP138" s="23"/>
      <c r="JDQ138" s="23"/>
      <c r="JDR138" s="23"/>
      <c r="JDS138" s="23"/>
      <c r="JDT138" s="23"/>
      <c r="JDU138" s="23"/>
      <c r="JDV138" s="23"/>
      <c r="JDW138" s="23"/>
      <c r="JDX138" s="23"/>
      <c r="JDY138" s="23"/>
      <c r="JDZ138" s="23"/>
      <c r="JEA138" s="23"/>
      <c r="JEB138" s="23"/>
      <c r="JEC138" s="23"/>
      <c r="JED138" s="23"/>
      <c r="JEE138" s="23"/>
      <c r="JEF138" s="23"/>
      <c r="JEG138" s="23"/>
      <c r="JEH138" s="23"/>
      <c r="JEI138" s="23"/>
      <c r="JEJ138" s="23"/>
      <c r="JEK138" s="23"/>
      <c r="JEL138" s="23"/>
      <c r="JEM138" s="23"/>
      <c r="JEN138" s="23"/>
      <c r="JEO138" s="23"/>
      <c r="JEP138" s="23"/>
      <c r="JEQ138" s="23"/>
      <c r="JER138" s="23"/>
      <c r="JES138" s="23"/>
      <c r="JET138" s="23"/>
      <c r="JEU138" s="23"/>
      <c r="JEV138" s="23"/>
      <c r="JEW138" s="23"/>
      <c r="JEX138" s="23"/>
      <c r="JEY138" s="23"/>
      <c r="JEZ138" s="23"/>
      <c r="JFA138" s="23"/>
      <c r="JFB138" s="23"/>
      <c r="JFC138" s="23"/>
      <c r="JFD138" s="23"/>
      <c r="JFE138" s="23"/>
      <c r="JFF138" s="23"/>
      <c r="JFG138" s="23"/>
      <c r="JFH138" s="23"/>
      <c r="JFI138" s="23"/>
      <c r="JFJ138" s="23"/>
      <c r="JFK138" s="23"/>
      <c r="JFL138" s="23"/>
      <c r="JFM138" s="23"/>
      <c r="JFN138" s="23"/>
      <c r="JFO138" s="23"/>
      <c r="JFP138" s="23"/>
      <c r="JFQ138" s="23"/>
      <c r="JFR138" s="23"/>
      <c r="JFS138" s="23"/>
      <c r="JFT138" s="23"/>
      <c r="JFU138" s="23"/>
      <c r="JFV138" s="23"/>
      <c r="JFW138" s="23"/>
      <c r="JFX138" s="23"/>
      <c r="JFY138" s="23"/>
      <c r="JFZ138" s="23"/>
      <c r="JGA138" s="23"/>
      <c r="JGB138" s="23"/>
      <c r="JGC138" s="23"/>
      <c r="JGD138" s="23"/>
      <c r="JGE138" s="23"/>
      <c r="JGF138" s="23"/>
      <c r="JGG138" s="23"/>
      <c r="JGH138" s="23"/>
      <c r="JGI138" s="23"/>
      <c r="JGJ138" s="23"/>
      <c r="JGK138" s="23"/>
      <c r="JGL138" s="23"/>
      <c r="JGM138" s="23"/>
      <c r="JGN138" s="23"/>
      <c r="JGO138" s="23"/>
      <c r="JGP138" s="23"/>
      <c r="JGQ138" s="23"/>
      <c r="JGR138" s="23"/>
      <c r="JGS138" s="23"/>
      <c r="JGT138" s="23"/>
      <c r="JGU138" s="23"/>
      <c r="JGV138" s="23"/>
      <c r="JGW138" s="23"/>
      <c r="JGX138" s="23"/>
      <c r="JGY138" s="23"/>
      <c r="JGZ138" s="23"/>
      <c r="JHA138" s="23"/>
      <c r="JHB138" s="23"/>
      <c r="JHC138" s="23"/>
      <c r="JHD138" s="23"/>
      <c r="JHE138" s="23"/>
      <c r="JHF138" s="23"/>
      <c r="JHG138" s="23"/>
      <c r="JHH138" s="23"/>
      <c r="JHI138" s="23"/>
      <c r="JHJ138" s="23"/>
      <c r="JHK138" s="23"/>
      <c r="JHL138" s="23"/>
      <c r="JHM138" s="23"/>
      <c r="JHN138" s="23"/>
      <c r="JHO138" s="23"/>
      <c r="JHP138" s="23"/>
      <c r="JHQ138" s="23"/>
      <c r="JHR138" s="23"/>
      <c r="JHS138" s="23"/>
      <c r="JHT138" s="23"/>
      <c r="JHU138" s="23"/>
      <c r="JHV138" s="23"/>
      <c r="JHW138" s="23"/>
      <c r="JHX138" s="23"/>
      <c r="JHY138" s="23"/>
      <c r="JHZ138" s="23"/>
      <c r="JIA138" s="23"/>
      <c r="JIB138" s="23"/>
      <c r="JIC138" s="23"/>
      <c r="JID138" s="23"/>
      <c r="JIE138" s="23"/>
      <c r="JIF138" s="23"/>
      <c r="JIG138" s="23"/>
      <c r="JIH138" s="23"/>
      <c r="JII138" s="23"/>
      <c r="JIJ138" s="23"/>
      <c r="JIK138" s="23"/>
      <c r="JIL138" s="23"/>
      <c r="JIM138" s="23"/>
      <c r="JIN138" s="23"/>
      <c r="JIO138" s="23"/>
      <c r="JIP138" s="23"/>
      <c r="JIQ138" s="23"/>
      <c r="JIR138" s="23"/>
      <c r="JIS138" s="23"/>
      <c r="JIT138" s="23"/>
      <c r="JIU138" s="23"/>
      <c r="JIV138" s="23"/>
      <c r="JIW138" s="23"/>
      <c r="JIX138" s="23"/>
      <c r="JIY138" s="23"/>
      <c r="JIZ138" s="23"/>
      <c r="JJA138" s="23"/>
      <c r="JJB138" s="23"/>
      <c r="JJC138" s="23"/>
      <c r="JJD138" s="23"/>
      <c r="JJE138" s="23"/>
      <c r="JJF138" s="23"/>
      <c r="JJG138" s="23"/>
      <c r="JJH138" s="23"/>
      <c r="JJI138" s="23"/>
      <c r="JJJ138" s="23"/>
      <c r="JJK138" s="23"/>
      <c r="JJL138" s="23"/>
      <c r="JJM138" s="23"/>
      <c r="JJN138" s="23"/>
      <c r="JJO138" s="23"/>
      <c r="JJP138" s="23"/>
      <c r="JJQ138" s="23"/>
      <c r="JJR138" s="23"/>
      <c r="JJS138" s="23"/>
      <c r="JJT138" s="23"/>
      <c r="JJU138" s="23"/>
      <c r="JJV138" s="23"/>
      <c r="JJW138" s="23"/>
      <c r="JJX138" s="23"/>
      <c r="JJY138" s="23"/>
      <c r="JJZ138" s="23"/>
      <c r="JKA138" s="23"/>
      <c r="JKB138" s="23"/>
      <c r="JKC138" s="23"/>
      <c r="JKD138" s="23"/>
      <c r="JKE138" s="23"/>
      <c r="JKF138" s="23"/>
      <c r="JKG138" s="23"/>
      <c r="JKH138" s="23"/>
      <c r="JKI138" s="23"/>
      <c r="JKJ138" s="23"/>
      <c r="JKK138" s="23"/>
      <c r="JKL138" s="23"/>
      <c r="JKM138" s="23"/>
      <c r="JKN138" s="23"/>
      <c r="JKO138" s="23"/>
      <c r="JKP138" s="23"/>
      <c r="JKQ138" s="23"/>
      <c r="JKR138" s="23"/>
      <c r="JKS138" s="23"/>
      <c r="JKT138" s="23"/>
      <c r="JKU138" s="23"/>
      <c r="JKV138" s="23"/>
      <c r="JKW138" s="23"/>
      <c r="JKX138" s="23"/>
      <c r="JKY138" s="23"/>
      <c r="JKZ138" s="23"/>
      <c r="JLA138" s="23"/>
      <c r="JLB138" s="23"/>
      <c r="JLC138" s="23"/>
      <c r="JLD138" s="23"/>
      <c r="JLE138" s="23"/>
      <c r="JLF138" s="23"/>
      <c r="JLG138" s="23"/>
      <c r="JLH138" s="23"/>
      <c r="JLI138" s="23"/>
      <c r="JLJ138" s="23"/>
      <c r="JLK138" s="23"/>
      <c r="JLL138" s="23"/>
      <c r="JLM138" s="23"/>
      <c r="JLN138" s="23"/>
      <c r="JLO138" s="23"/>
      <c r="JLP138" s="23"/>
      <c r="JLQ138" s="23"/>
      <c r="JLR138" s="23"/>
      <c r="JLS138" s="23"/>
      <c r="JLT138" s="23"/>
      <c r="JLU138" s="23"/>
      <c r="JLV138" s="23"/>
      <c r="JLW138" s="23"/>
      <c r="JLX138" s="23"/>
      <c r="JLY138" s="23"/>
      <c r="JLZ138" s="23"/>
      <c r="JMA138" s="23"/>
      <c r="JMB138" s="23"/>
      <c r="JMC138" s="23"/>
      <c r="JMD138" s="23"/>
      <c r="JME138" s="23"/>
      <c r="JMF138" s="23"/>
      <c r="JMG138" s="23"/>
      <c r="JMH138" s="23"/>
      <c r="JMI138" s="23"/>
      <c r="JMJ138" s="23"/>
      <c r="JMK138" s="23"/>
      <c r="JML138" s="23"/>
      <c r="JMM138" s="23"/>
      <c r="JMN138" s="23"/>
      <c r="JMO138" s="23"/>
      <c r="JMP138" s="23"/>
      <c r="JMQ138" s="23"/>
      <c r="JMR138" s="23"/>
      <c r="JMS138" s="23"/>
      <c r="JMT138" s="23"/>
      <c r="JMU138" s="23"/>
      <c r="JMV138" s="23"/>
      <c r="JMW138" s="23"/>
      <c r="JMX138" s="23"/>
      <c r="JMY138" s="23"/>
      <c r="JMZ138" s="23"/>
      <c r="JNA138" s="23"/>
      <c r="JNB138" s="23"/>
      <c r="JNC138" s="23"/>
      <c r="JND138" s="23"/>
      <c r="JNE138" s="23"/>
      <c r="JNF138" s="23"/>
      <c r="JNG138" s="23"/>
      <c r="JNH138" s="23"/>
      <c r="JNI138" s="23"/>
      <c r="JNJ138" s="23"/>
      <c r="JNK138" s="23"/>
      <c r="JNL138" s="23"/>
      <c r="JNM138" s="23"/>
      <c r="JNN138" s="23"/>
      <c r="JNO138" s="23"/>
      <c r="JNP138" s="23"/>
      <c r="JNQ138" s="23"/>
      <c r="JNR138" s="23"/>
      <c r="JNS138" s="23"/>
      <c r="JNT138" s="23"/>
      <c r="JNU138" s="23"/>
      <c r="JNV138" s="23"/>
      <c r="JNW138" s="23"/>
      <c r="JNX138" s="23"/>
      <c r="JNY138" s="23"/>
      <c r="JNZ138" s="23"/>
      <c r="JOA138" s="23"/>
      <c r="JOB138" s="23"/>
      <c r="JOC138" s="23"/>
      <c r="JOD138" s="23"/>
      <c r="JOE138" s="23"/>
      <c r="JOF138" s="23"/>
      <c r="JOG138" s="23"/>
      <c r="JOH138" s="23"/>
      <c r="JOI138" s="23"/>
      <c r="JOJ138" s="23"/>
      <c r="JOK138" s="23"/>
      <c r="JOL138" s="23"/>
      <c r="JOM138" s="23"/>
      <c r="JON138" s="23"/>
      <c r="JOO138" s="23"/>
      <c r="JOP138" s="23"/>
      <c r="JOQ138" s="23"/>
      <c r="JOR138" s="23"/>
      <c r="JOS138" s="23"/>
      <c r="JOT138" s="23"/>
      <c r="JOU138" s="23"/>
      <c r="JOV138" s="23"/>
      <c r="JOW138" s="23"/>
      <c r="JOX138" s="23"/>
      <c r="JOY138" s="23"/>
      <c r="JOZ138" s="23"/>
      <c r="JPA138" s="23"/>
      <c r="JPB138" s="23"/>
      <c r="JPC138" s="23"/>
      <c r="JPD138" s="23"/>
      <c r="JPE138" s="23"/>
      <c r="JPF138" s="23"/>
      <c r="JPG138" s="23"/>
      <c r="JPH138" s="23"/>
      <c r="JPI138" s="23"/>
      <c r="JPJ138" s="23"/>
      <c r="JPK138" s="23"/>
      <c r="JPL138" s="23"/>
      <c r="JPM138" s="23"/>
      <c r="JPN138" s="23"/>
      <c r="JPO138" s="23"/>
      <c r="JPP138" s="23"/>
      <c r="JPQ138" s="23"/>
      <c r="JPR138" s="23"/>
      <c r="JPS138" s="23"/>
      <c r="JPT138" s="23"/>
      <c r="JPU138" s="23"/>
      <c r="JPV138" s="23"/>
      <c r="JPW138" s="23"/>
      <c r="JPX138" s="23"/>
      <c r="JPY138" s="23"/>
      <c r="JPZ138" s="23"/>
      <c r="JQA138" s="23"/>
      <c r="JQB138" s="23"/>
      <c r="JQC138" s="23"/>
      <c r="JQD138" s="23"/>
      <c r="JQE138" s="23"/>
      <c r="JQF138" s="23"/>
      <c r="JQG138" s="23"/>
      <c r="JQH138" s="23"/>
      <c r="JQI138" s="23"/>
      <c r="JQJ138" s="23"/>
      <c r="JQK138" s="23"/>
      <c r="JQL138" s="23"/>
      <c r="JQM138" s="23"/>
      <c r="JQN138" s="23"/>
      <c r="JQO138" s="23"/>
      <c r="JQP138" s="23"/>
      <c r="JQQ138" s="23"/>
      <c r="JQR138" s="23"/>
      <c r="JQS138" s="23"/>
      <c r="JQT138" s="23"/>
      <c r="JQU138" s="23"/>
      <c r="JQV138" s="23"/>
      <c r="JQW138" s="23"/>
      <c r="JQX138" s="23"/>
      <c r="JQY138" s="23"/>
      <c r="JQZ138" s="23"/>
      <c r="JRA138" s="23"/>
      <c r="JRB138" s="23"/>
      <c r="JRC138" s="23"/>
      <c r="JRD138" s="23"/>
      <c r="JRE138" s="23"/>
      <c r="JRF138" s="23"/>
      <c r="JRG138" s="23"/>
      <c r="JRH138" s="23"/>
      <c r="JRI138" s="23"/>
      <c r="JRJ138" s="23"/>
      <c r="JRK138" s="23"/>
      <c r="JRL138" s="23"/>
      <c r="JRM138" s="23"/>
      <c r="JRN138" s="23"/>
      <c r="JRO138" s="23"/>
      <c r="JRP138" s="23"/>
      <c r="JRQ138" s="23"/>
      <c r="JRR138" s="23"/>
      <c r="JRS138" s="23"/>
      <c r="JRT138" s="23"/>
      <c r="JRU138" s="23"/>
      <c r="JRV138" s="23"/>
      <c r="JRW138" s="23"/>
      <c r="JRX138" s="23"/>
      <c r="JRY138" s="23"/>
      <c r="JRZ138" s="23"/>
      <c r="JSA138" s="23"/>
      <c r="JSB138" s="23"/>
      <c r="JSC138" s="23"/>
      <c r="JSD138" s="23"/>
      <c r="JSE138" s="23"/>
      <c r="JSF138" s="23"/>
      <c r="JSG138" s="23"/>
      <c r="JSH138" s="23"/>
      <c r="JSI138" s="23"/>
      <c r="JSJ138" s="23"/>
      <c r="JSK138" s="23"/>
      <c r="JSL138" s="23"/>
      <c r="JSM138" s="23"/>
      <c r="JSN138" s="23"/>
      <c r="JSO138" s="23"/>
      <c r="JSP138" s="23"/>
      <c r="JSQ138" s="23"/>
      <c r="JSR138" s="23"/>
      <c r="JSS138" s="23"/>
      <c r="JST138" s="23"/>
      <c r="JSU138" s="23"/>
      <c r="JSV138" s="23"/>
      <c r="JSW138" s="23"/>
      <c r="JSX138" s="23"/>
      <c r="JSY138" s="23"/>
      <c r="JSZ138" s="23"/>
      <c r="JTA138" s="23"/>
      <c r="JTB138" s="23"/>
      <c r="JTC138" s="23"/>
      <c r="JTD138" s="23"/>
      <c r="JTE138" s="23"/>
      <c r="JTF138" s="23"/>
      <c r="JTG138" s="23"/>
      <c r="JTH138" s="23"/>
      <c r="JTI138" s="23"/>
      <c r="JTJ138" s="23"/>
      <c r="JTK138" s="23"/>
      <c r="JTL138" s="23"/>
      <c r="JTM138" s="23"/>
      <c r="JTN138" s="23"/>
      <c r="JTO138" s="23"/>
      <c r="JTP138" s="23"/>
      <c r="JTQ138" s="23"/>
      <c r="JTR138" s="23"/>
      <c r="JTS138" s="23"/>
      <c r="JTT138" s="23"/>
      <c r="JTU138" s="23"/>
      <c r="JTV138" s="23"/>
      <c r="JTW138" s="23"/>
      <c r="JTX138" s="23"/>
      <c r="JTY138" s="23"/>
      <c r="JTZ138" s="23"/>
      <c r="JUA138" s="23"/>
      <c r="JUB138" s="23"/>
      <c r="JUC138" s="23"/>
      <c r="JUD138" s="23"/>
      <c r="JUE138" s="23"/>
      <c r="JUF138" s="23"/>
      <c r="JUG138" s="23"/>
      <c r="JUH138" s="23"/>
      <c r="JUI138" s="23"/>
      <c r="JUJ138" s="23"/>
      <c r="JUK138" s="23"/>
      <c r="JUL138" s="23"/>
      <c r="JUM138" s="23"/>
      <c r="JUN138" s="23"/>
      <c r="JUO138" s="23"/>
      <c r="JUP138" s="23"/>
      <c r="JUQ138" s="23"/>
      <c r="JUR138" s="23"/>
      <c r="JUS138" s="23"/>
      <c r="JUT138" s="23"/>
      <c r="JUU138" s="23"/>
      <c r="JUV138" s="23"/>
      <c r="JUW138" s="23"/>
      <c r="JUX138" s="23"/>
      <c r="JUY138" s="23"/>
      <c r="JUZ138" s="23"/>
      <c r="JVA138" s="23"/>
      <c r="JVB138" s="23"/>
      <c r="JVC138" s="23"/>
      <c r="JVD138" s="23"/>
      <c r="JVE138" s="23"/>
      <c r="JVF138" s="23"/>
      <c r="JVG138" s="23"/>
      <c r="JVH138" s="23"/>
      <c r="JVI138" s="23"/>
      <c r="JVJ138" s="23"/>
      <c r="JVK138" s="23"/>
      <c r="JVL138" s="23"/>
      <c r="JVM138" s="23"/>
      <c r="JVN138" s="23"/>
      <c r="JVO138" s="23"/>
      <c r="JVP138" s="23"/>
      <c r="JVQ138" s="23"/>
      <c r="JVR138" s="23"/>
      <c r="JVS138" s="23"/>
      <c r="JVT138" s="23"/>
      <c r="JVU138" s="23"/>
      <c r="JVV138" s="23"/>
      <c r="JVW138" s="23"/>
      <c r="JVX138" s="23"/>
      <c r="JVY138" s="23"/>
      <c r="JVZ138" s="23"/>
      <c r="JWA138" s="23"/>
      <c r="JWB138" s="23"/>
      <c r="JWC138" s="23"/>
      <c r="JWD138" s="23"/>
      <c r="JWE138" s="23"/>
      <c r="JWF138" s="23"/>
      <c r="JWG138" s="23"/>
      <c r="JWH138" s="23"/>
      <c r="JWI138" s="23"/>
      <c r="JWJ138" s="23"/>
      <c r="JWK138" s="23"/>
      <c r="JWL138" s="23"/>
      <c r="JWM138" s="23"/>
      <c r="JWN138" s="23"/>
      <c r="JWO138" s="23"/>
      <c r="JWP138" s="23"/>
      <c r="JWQ138" s="23"/>
      <c r="JWR138" s="23"/>
      <c r="JWS138" s="23"/>
      <c r="JWT138" s="23"/>
      <c r="JWU138" s="23"/>
      <c r="JWV138" s="23"/>
      <c r="JWW138" s="23"/>
      <c r="JWX138" s="23"/>
      <c r="JWY138" s="23"/>
      <c r="JWZ138" s="23"/>
      <c r="JXA138" s="23"/>
      <c r="JXB138" s="23"/>
      <c r="JXC138" s="23"/>
      <c r="JXD138" s="23"/>
      <c r="JXE138" s="23"/>
      <c r="JXF138" s="23"/>
      <c r="JXG138" s="23"/>
      <c r="JXH138" s="23"/>
      <c r="JXI138" s="23"/>
      <c r="JXJ138" s="23"/>
      <c r="JXK138" s="23"/>
      <c r="JXL138" s="23"/>
      <c r="JXM138" s="23"/>
      <c r="JXN138" s="23"/>
      <c r="JXO138" s="23"/>
      <c r="JXP138" s="23"/>
      <c r="JXQ138" s="23"/>
      <c r="JXR138" s="23"/>
      <c r="JXS138" s="23"/>
      <c r="JXT138" s="23"/>
      <c r="JXU138" s="23"/>
      <c r="JXV138" s="23"/>
      <c r="JXW138" s="23"/>
      <c r="JXX138" s="23"/>
      <c r="JXY138" s="23"/>
      <c r="JXZ138" s="23"/>
      <c r="JYA138" s="23"/>
      <c r="JYB138" s="23"/>
      <c r="JYC138" s="23"/>
      <c r="JYD138" s="23"/>
      <c r="JYE138" s="23"/>
      <c r="JYF138" s="23"/>
      <c r="JYG138" s="23"/>
      <c r="JYH138" s="23"/>
      <c r="JYI138" s="23"/>
      <c r="JYJ138" s="23"/>
      <c r="JYK138" s="23"/>
      <c r="JYL138" s="23"/>
      <c r="JYM138" s="23"/>
      <c r="JYN138" s="23"/>
      <c r="JYO138" s="23"/>
      <c r="JYP138" s="23"/>
      <c r="JYQ138" s="23"/>
      <c r="JYR138" s="23"/>
      <c r="JYS138" s="23"/>
      <c r="JYT138" s="23"/>
      <c r="JYU138" s="23"/>
      <c r="JYV138" s="23"/>
      <c r="JYW138" s="23"/>
      <c r="JYX138" s="23"/>
      <c r="JYY138" s="23"/>
      <c r="JYZ138" s="23"/>
      <c r="JZA138" s="23"/>
      <c r="JZB138" s="23"/>
      <c r="JZC138" s="23"/>
      <c r="JZD138" s="23"/>
      <c r="JZE138" s="23"/>
      <c r="JZF138" s="23"/>
      <c r="JZG138" s="23"/>
      <c r="JZH138" s="23"/>
      <c r="JZI138" s="23"/>
      <c r="JZJ138" s="23"/>
      <c r="JZK138" s="23"/>
      <c r="JZL138" s="23"/>
      <c r="JZM138" s="23"/>
      <c r="JZN138" s="23"/>
      <c r="JZO138" s="23"/>
      <c r="JZP138" s="23"/>
      <c r="JZQ138" s="23"/>
      <c r="JZR138" s="23"/>
      <c r="JZS138" s="23"/>
      <c r="JZT138" s="23"/>
      <c r="JZU138" s="23"/>
      <c r="JZV138" s="23"/>
      <c r="JZW138" s="23"/>
      <c r="JZX138" s="23"/>
      <c r="JZY138" s="23"/>
      <c r="JZZ138" s="23"/>
      <c r="KAA138" s="23"/>
      <c r="KAB138" s="23"/>
      <c r="KAC138" s="23"/>
      <c r="KAD138" s="23"/>
      <c r="KAE138" s="23"/>
      <c r="KAF138" s="23"/>
      <c r="KAG138" s="23"/>
      <c r="KAH138" s="23"/>
      <c r="KAI138" s="23"/>
      <c r="KAJ138" s="23"/>
      <c r="KAK138" s="23"/>
      <c r="KAL138" s="23"/>
      <c r="KAM138" s="23"/>
      <c r="KAN138" s="23"/>
      <c r="KAO138" s="23"/>
      <c r="KAP138" s="23"/>
      <c r="KAQ138" s="23"/>
      <c r="KAR138" s="23"/>
      <c r="KAS138" s="23"/>
      <c r="KAT138" s="23"/>
      <c r="KAU138" s="23"/>
      <c r="KAV138" s="23"/>
      <c r="KAW138" s="23"/>
      <c r="KAX138" s="23"/>
      <c r="KAY138" s="23"/>
      <c r="KAZ138" s="23"/>
      <c r="KBA138" s="23"/>
      <c r="KBB138" s="23"/>
      <c r="KBC138" s="23"/>
      <c r="KBD138" s="23"/>
      <c r="KBE138" s="23"/>
      <c r="KBF138" s="23"/>
      <c r="KBG138" s="23"/>
      <c r="KBH138" s="23"/>
      <c r="KBI138" s="23"/>
      <c r="KBJ138" s="23"/>
      <c r="KBK138" s="23"/>
      <c r="KBL138" s="23"/>
      <c r="KBM138" s="23"/>
      <c r="KBN138" s="23"/>
      <c r="KBO138" s="23"/>
      <c r="KBP138" s="23"/>
      <c r="KBQ138" s="23"/>
      <c r="KBR138" s="23"/>
      <c r="KBS138" s="23"/>
      <c r="KBT138" s="23"/>
      <c r="KBU138" s="23"/>
      <c r="KBV138" s="23"/>
      <c r="KBW138" s="23"/>
      <c r="KBX138" s="23"/>
      <c r="KBY138" s="23"/>
      <c r="KBZ138" s="23"/>
      <c r="KCA138" s="23"/>
      <c r="KCB138" s="23"/>
      <c r="KCC138" s="23"/>
      <c r="KCD138" s="23"/>
      <c r="KCE138" s="23"/>
      <c r="KCF138" s="23"/>
      <c r="KCG138" s="23"/>
      <c r="KCH138" s="23"/>
      <c r="KCI138" s="23"/>
      <c r="KCJ138" s="23"/>
      <c r="KCK138" s="23"/>
      <c r="KCL138" s="23"/>
      <c r="KCM138" s="23"/>
      <c r="KCN138" s="23"/>
      <c r="KCO138" s="23"/>
      <c r="KCP138" s="23"/>
      <c r="KCQ138" s="23"/>
      <c r="KCR138" s="23"/>
      <c r="KCS138" s="23"/>
      <c r="KCT138" s="23"/>
      <c r="KCU138" s="23"/>
      <c r="KCV138" s="23"/>
      <c r="KCW138" s="23"/>
      <c r="KCX138" s="23"/>
      <c r="KCY138" s="23"/>
      <c r="KCZ138" s="23"/>
      <c r="KDA138" s="23"/>
      <c r="KDB138" s="23"/>
      <c r="KDC138" s="23"/>
      <c r="KDD138" s="23"/>
      <c r="KDE138" s="23"/>
      <c r="KDF138" s="23"/>
      <c r="KDG138" s="23"/>
      <c r="KDH138" s="23"/>
      <c r="KDI138" s="23"/>
      <c r="KDJ138" s="23"/>
      <c r="KDK138" s="23"/>
      <c r="KDL138" s="23"/>
      <c r="KDM138" s="23"/>
      <c r="KDN138" s="23"/>
      <c r="KDO138" s="23"/>
      <c r="KDP138" s="23"/>
      <c r="KDQ138" s="23"/>
      <c r="KDR138" s="23"/>
      <c r="KDS138" s="23"/>
      <c r="KDT138" s="23"/>
      <c r="KDU138" s="23"/>
      <c r="KDV138" s="23"/>
      <c r="KDW138" s="23"/>
      <c r="KDX138" s="23"/>
      <c r="KDY138" s="23"/>
      <c r="KDZ138" s="23"/>
      <c r="KEA138" s="23"/>
      <c r="KEB138" s="23"/>
      <c r="KEC138" s="23"/>
      <c r="KED138" s="23"/>
      <c r="KEE138" s="23"/>
      <c r="KEF138" s="23"/>
      <c r="KEG138" s="23"/>
      <c r="KEH138" s="23"/>
      <c r="KEI138" s="23"/>
      <c r="KEJ138" s="23"/>
      <c r="KEK138" s="23"/>
      <c r="KEL138" s="23"/>
      <c r="KEM138" s="23"/>
      <c r="KEN138" s="23"/>
      <c r="KEO138" s="23"/>
      <c r="KEP138" s="23"/>
      <c r="KEQ138" s="23"/>
      <c r="KER138" s="23"/>
      <c r="KES138" s="23"/>
      <c r="KET138" s="23"/>
      <c r="KEU138" s="23"/>
      <c r="KEV138" s="23"/>
      <c r="KEW138" s="23"/>
      <c r="KEX138" s="23"/>
      <c r="KEY138" s="23"/>
      <c r="KEZ138" s="23"/>
      <c r="KFA138" s="23"/>
      <c r="KFB138" s="23"/>
      <c r="KFC138" s="23"/>
      <c r="KFD138" s="23"/>
      <c r="KFE138" s="23"/>
      <c r="KFF138" s="23"/>
      <c r="KFG138" s="23"/>
      <c r="KFH138" s="23"/>
      <c r="KFI138" s="23"/>
      <c r="KFJ138" s="23"/>
      <c r="KFK138" s="23"/>
      <c r="KFL138" s="23"/>
      <c r="KFM138" s="23"/>
      <c r="KFN138" s="23"/>
      <c r="KFO138" s="23"/>
      <c r="KFP138" s="23"/>
      <c r="KFQ138" s="23"/>
      <c r="KFR138" s="23"/>
      <c r="KFS138" s="23"/>
      <c r="KFT138" s="23"/>
      <c r="KFU138" s="23"/>
      <c r="KFV138" s="23"/>
      <c r="KFW138" s="23"/>
      <c r="KFX138" s="23"/>
      <c r="KFY138" s="23"/>
      <c r="KFZ138" s="23"/>
      <c r="KGA138" s="23"/>
      <c r="KGB138" s="23"/>
      <c r="KGC138" s="23"/>
      <c r="KGD138" s="23"/>
      <c r="KGE138" s="23"/>
      <c r="KGF138" s="23"/>
      <c r="KGG138" s="23"/>
      <c r="KGH138" s="23"/>
      <c r="KGI138" s="23"/>
      <c r="KGJ138" s="23"/>
      <c r="KGK138" s="23"/>
      <c r="KGL138" s="23"/>
      <c r="KGM138" s="23"/>
      <c r="KGN138" s="23"/>
      <c r="KGO138" s="23"/>
      <c r="KGP138" s="23"/>
      <c r="KGQ138" s="23"/>
      <c r="KGR138" s="23"/>
      <c r="KGS138" s="23"/>
      <c r="KGT138" s="23"/>
      <c r="KGU138" s="23"/>
      <c r="KGV138" s="23"/>
      <c r="KGW138" s="23"/>
      <c r="KGX138" s="23"/>
      <c r="KGY138" s="23"/>
      <c r="KGZ138" s="23"/>
      <c r="KHA138" s="23"/>
      <c r="KHB138" s="23"/>
      <c r="KHC138" s="23"/>
      <c r="KHD138" s="23"/>
      <c r="KHE138" s="23"/>
      <c r="KHF138" s="23"/>
      <c r="KHG138" s="23"/>
      <c r="KHH138" s="23"/>
      <c r="KHI138" s="23"/>
      <c r="KHJ138" s="23"/>
      <c r="KHK138" s="23"/>
      <c r="KHL138" s="23"/>
      <c r="KHM138" s="23"/>
      <c r="KHN138" s="23"/>
      <c r="KHO138" s="23"/>
      <c r="KHP138" s="23"/>
      <c r="KHQ138" s="23"/>
      <c r="KHR138" s="23"/>
      <c r="KHS138" s="23"/>
      <c r="KHT138" s="23"/>
      <c r="KHU138" s="23"/>
      <c r="KHV138" s="23"/>
      <c r="KHW138" s="23"/>
      <c r="KHX138" s="23"/>
      <c r="KHY138" s="23"/>
      <c r="KHZ138" s="23"/>
      <c r="KIA138" s="23"/>
      <c r="KIB138" s="23"/>
      <c r="KIC138" s="23"/>
      <c r="KID138" s="23"/>
      <c r="KIE138" s="23"/>
      <c r="KIF138" s="23"/>
      <c r="KIG138" s="23"/>
      <c r="KIH138" s="23"/>
      <c r="KII138" s="23"/>
      <c r="KIJ138" s="23"/>
      <c r="KIK138" s="23"/>
      <c r="KIL138" s="23"/>
      <c r="KIM138" s="23"/>
      <c r="KIN138" s="23"/>
      <c r="KIO138" s="23"/>
      <c r="KIP138" s="23"/>
      <c r="KIQ138" s="23"/>
      <c r="KIR138" s="23"/>
      <c r="KIS138" s="23"/>
      <c r="KIT138" s="23"/>
      <c r="KIU138" s="23"/>
      <c r="KIV138" s="23"/>
      <c r="KIW138" s="23"/>
      <c r="KIX138" s="23"/>
      <c r="KIY138" s="23"/>
      <c r="KIZ138" s="23"/>
      <c r="KJA138" s="23"/>
      <c r="KJB138" s="23"/>
      <c r="KJC138" s="23"/>
      <c r="KJD138" s="23"/>
      <c r="KJE138" s="23"/>
      <c r="KJF138" s="23"/>
      <c r="KJG138" s="23"/>
      <c r="KJH138" s="23"/>
      <c r="KJI138" s="23"/>
      <c r="KJJ138" s="23"/>
      <c r="KJK138" s="23"/>
      <c r="KJL138" s="23"/>
      <c r="KJM138" s="23"/>
      <c r="KJN138" s="23"/>
      <c r="KJO138" s="23"/>
      <c r="KJP138" s="23"/>
      <c r="KJQ138" s="23"/>
      <c r="KJR138" s="23"/>
      <c r="KJS138" s="23"/>
      <c r="KJT138" s="23"/>
      <c r="KJU138" s="23"/>
      <c r="KJV138" s="23"/>
      <c r="KJW138" s="23"/>
      <c r="KJX138" s="23"/>
      <c r="KJY138" s="23"/>
      <c r="KJZ138" s="23"/>
      <c r="KKA138" s="23"/>
      <c r="KKB138" s="23"/>
      <c r="KKC138" s="23"/>
      <c r="KKD138" s="23"/>
      <c r="KKE138" s="23"/>
      <c r="KKF138" s="23"/>
      <c r="KKG138" s="23"/>
      <c r="KKH138" s="23"/>
      <c r="KKI138" s="23"/>
      <c r="KKJ138" s="23"/>
      <c r="KKK138" s="23"/>
      <c r="KKL138" s="23"/>
      <c r="KKM138" s="23"/>
      <c r="KKN138" s="23"/>
      <c r="KKO138" s="23"/>
      <c r="KKP138" s="23"/>
      <c r="KKQ138" s="23"/>
      <c r="KKR138" s="23"/>
      <c r="KKS138" s="23"/>
      <c r="KKT138" s="23"/>
      <c r="KKU138" s="23"/>
      <c r="KKV138" s="23"/>
      <c r="KKW138" s="23"/>
      <c r="KKX138" s="23"/>
      <c r="KKY138" s="23"/>
      <c r="KKZ138" s="23"/>
      <c r="KLA138" s="23"/>
      <c r="KLB138" s="23"/>
      <c r="KLC138" s="23"/>
      <c r="KLD138" s="23"/>
      <c r="KLE138" s="23"/>
      <c r="KLF138" s="23"/>
      <c r="KLG138" s="23"/>
      <c r="KLH138" s="23"/>
      <c r="KLI138" s="23"/>
      <c r="KLJ138" s="23"/>
      <c r="KLK138" s="23"/>
      <c r="KLL138" s="23"/>
      <c r="KLM138" s="23"/>
      <c r="KLN138" s="23"/>
      <c r="KLO138" s="23"/>
      <c r="KLP138" s="23"/>
      <c r="KLQ138" s="23"/>
      <c r="KLR138" s="23"/>
      <c r="KLS138" s="23"/>
      <c r="KLT138" s="23"/>
      <c r="KLU138" s="23"/>
      <c r="KLV138" s="23"/>
      <c r="KLW138" s="23"/>
      <c r="KLX138" s="23"/>
      <c r="KLY138" s="23"/>
      <c r="KLZ138" s="23"/>
      <c r="KMA138" s="23"/>
      <c r="KMB138" s="23"/>
      <c r="KMC138" s="23"/>
      <c r="KMD138" s="23"/>
      <c r="KME138" s="23"/>
      <c r="KMF138" s="23"/>
      <c r="KMG138" s="23"/>
      <c r="KMH138" s="23"/>
      <c r="KMI138" s="23"/>
      <c r="KMJ138" s="23"/>
      <c r="KMK138" s="23"/>
      <c r="KML138" s="23"/>
      <c r="KMM138" s="23"/>
      <c r="KMN138" s="23"/>
      <c r="KMO138" s="23"/>
      <c r="KMP138" s="23"/>
      <c r="KMQ138" s="23"/>
      <c r="KMR138" s="23"/>
      <c r="KMS138" s="23"/>
      <c r="KMT138" s="23"/>
      <c r="KMU138" s="23"/>
      <c r="KMV138" s="23"/>
      <c r="KMW138" s="23"/>
      <c r="KMX138" s="23"/>
      <c r="KMY138" s="23"/>
      <c r="KMZ138" s="23"/>
      <c r="KNA138" s="23"/>
      <c r="KNB138" s="23"/>
      <c r="KNC138" s="23"/>
      <c r="KND138" s="23"/>
      <c r="KNE138" s="23"/>
      <c r="KNF138" s="23"/>
      <c r="KNG138" s="23"/>
      <c r="KNH138" s="23"/>
      <c r="KNI138" s="23"/>
      <c r="KNJ138" s="23"/>
      <c r="KNK138" s="23"/>
      <c r="KNL138" s="23"/>
      <c r="KNM138" s="23"/>
      <c r="KNN138" s="23"/>
      <c r="KNO138" s="23"/>
      <c r="KNP138" s="23"/>
      <c r="KNQ138" s="23"/>
      <c r="KNR138" s="23"/>
      <c r="KNS138" s="23"/>
      <c r="KNT138" s="23"/>
      <c r="KNU138" s="23"/>
      <c r="KNV138" s="23"/>
      <c r="KNW138" s="23"/>
      <c r="KNX138" s="23"/>
      <c r="KNY138" s="23"/>
      <c r="KNZ138" s="23"/>
      <c r="KOA138" s="23"/>
      <c r="KOB138" s="23"/>
      <c r="KOC138" s="23"/>
      <c r="KOD138" s="23"/>
      <c r="KOE138" s="23"/>
      <c r="KOF138" s="23"/>
      <c r="KOG138" s="23"/>
      <c r="KOH138" s="23"/>
      <c r="KOI138" s="23"/>
      <c r="KOJ138" s="23"/>
      <c r="KOK138" s="23"/>
      <c r="KOL138" s="23"/>
      <c r="KOM138" s="23"/>
      <c r="KON138" s="23"/>
      <c r="KOO138" s="23"/>
      <c r="KOP138" s="23"/>
      <c r="KOQ138" s="23"/>
      <c r="KOR138" s="23"/>
      <c r="KOS138" s="23"/>
      <c r="KOT138" s="23"/>
      <c r="KOU138" s="23"/>
      <c r="KOV138" s="23"/>
      <c r="KOW138" s="23"/>
      <c r="KOX138" s="23"/>
      <c r="KOY138" s="23"/>
      <c r="KOZ138" s="23"/>
      <c r="KPA138" s="23"/>
      <c r="KPB138" s="23"/>
      <c r="KPC138" s="23"/>
      <c r="KPD138" s="23"/>
      <c r="KPE138" s="23"/>
      <c r="KPF138" s="23"/>
      <c r="KPG138" s="23"/>
      <c r="KPH138" s="23"/>
      <c r="KPI138" s="23"/>
      <c r="KPJ138" s="23"/>
      <c r="KPK138" s="23"/>
      <c r="KPL138" s="23"/>
      <c r="KPM138" s="23"/>
      <c r="KPN138" s="23"/>
      <c r="KPO138" s="23"/>
      <c r="KPP138" s="23"/>
      <c r="KPQ138" s="23"/>
      <c r="KPR138" s="23"/>
      <c r="KPS138" s="23"/>
      <c r="KPT138" s="23"/>
      <c r="KPU138" s="23"/>
      <c r="KPV138" s="23"/>
      <c r="KPW138" s="23"/>
      <c r="KPX138" s="23"/>
      <c r="KPY138" s="23"/>
      <c r="KPZ138" s="23"/>
      <c r="KQA138" s="23"/>
      <c r="KQB138" s="23"/>
      <c r="KQC138" s="23"/>
      <c r="KQD138" s="23"/>
      <c r="KQE138" s="23"/>
      <c r="KQF138" s="23"/>
      <c r="KQG138" s="23"/>
      <c r="KQH138" s="23"/>
      <c r="KQI138" s="23"/>
      <c r="KQJ138" s="23"/>
      <c r="KQK138" s="23"/>
      <c r="KQL138" s="23"/>
      <c r="KQM138" s="23"/>
      <c r="KQN138" s="23"/>
      <c r="KQO138" s="23"/>
      <c r="KQP138" s="23"/>
      <c r="KQQ138" s="23"/>
      <c r="KQR138" s="23"/>
      <c r="KQS138" s="23"/>
      <c r="KQT138" s="23"/>
      <c r="KQU138" s="23"/>
      <c r="KQV138" s="23"/>
      <c r="KQW138" s="23"/>
      <c r="KQX138" s="23"/>
      <c r="KQY138" s="23"/>
      <c r="KQZ138" s="23"/>
      <c r="KRA138" s="23"/>
      <c r="KRB138" s="23"/>
      <c r="KRC138" s="23"/>
      <c r="KRD138" s="23"/>
      <c r="KRE138" s="23"/>
      <c r="KRF138" s="23"/>
      <c r="KRG138" s="23"/>
      <c r="KRH138" s="23"/>
      <c r="KRI138" s="23"/>
      <c r="KRJ138" s="23"/>
      <c r="KRK138" s="23"/>
      <c r="KRL138" s="23"/>
      <c r="KRM138" s="23"/>
      <c r="KRN138" s="23"/>
      <c r="KRO138" s="23"/>
      <c r="KRP138" s="23"/>
      <c r="KRQ138" s="23"/>
      <c r="KRR138" s="23"/>
      <c r="KRS138" s="23"/>
      <c r="KRT138" s="23"/>
      <c r="KRU138" s="23"/>
      <c r="KRV138" s="23"/>
      <c r="KRW138" s="23"/>
      <c r="KRX138" s="23"/>
      <c r="KRY138" s="23"/>
      <c r="KRZ138" s="23"/>
      <c r="KSA138" s="23"/>
      <c r="KSB138" s="23"/>
      <c r="KSC138" s="23"/>
      <c r="KSD138" s="23"/>
      <c r="KSE138" s="23"/>
      <c r="KSF138" s="23"/>
      <c r="KSG138" s="23"/>
      <c r="KSH138" s="23"/>
      <c r="KSI138" s="23"/>
      <c r="KSJ138" s="23"/>
      <c r="KSK138" s="23"/>
      <c r="KSL138" s="23"/>
      <c r="KSM138" s="23"/>
      <c r="KSN138" s="23"/>
      <c r="KSO138" s="23"/>
      <c r="KSP138" s="23"/>
      <c r="KSQ138" s="23"/>
      <c r="KSR138" s="23"/>
      <c r="KSS138" s="23"/>
      <c r="KST138" s="23"/>
      <c r="KSU138" s="23"/>
      <c r="KSV138" s="23"/>
      <c r="KSW138" s="23"/>
      <c r="KSX138" s="23"/>
      <c r="KSY138" s="23"/>
      <c r="KSZ138" s="23"/>
      <c r="KTA138" s="23"/>
      <c r="KTB138" s="23"/>
      <c r="KTC138" s="23"/>
      <c r="KTD138" s="23"/>
      <c r="KTE138" s="23"/>
      <c r="KTF138" s="23"/>
      <c r="KTG138" s="23"/>
      <c r="KTH138" s="23"/>
      <c r="KTI138" s="23"/>
      <c r="KTJ138" s="23"/>
      <c r="KTK138" s="23"/>
      <c r="KTL138" s="23"/>
      <c r="KTM138" s="23"/>
      <c r="KTN138" s="23"/>
      <c r="KTO138" s="23"/>
      <c r="KTP138" s="23"/>
      <c r="KTQ138" s="23"/>
      <c r="KTR138" s="23"/>
      <c r="KTS138" s="23"/>
      <c r="KTT138" s="23"/>
      <c r="KTU138" s="23"/>
      <c r="KTV138" s="23"/>
      <c r="KTW138" s="23"/>
      <c r="KTX138" s="23"/>
      <c r="KTY138" s="23"/>
      <c r="KTZ138" s="23"/>
      <c r="KUA138" s="23"/>
      <c r="KUB138" s="23"/>
      <c r="KUC138" s="23"/>
      <c r="KUD138" s="23"/>
      <c r="KUE138" s="23"/>
      <c r="KUF138" s="23"/>
      <c r="KUG138" s="23"/>
      <c r="KUH138" s="23"/>
      <c r="KUI138" s="23"/>
      <c r="KUJ138" s="23"/>
      <c r="KUK138" s="23"/>
      <c r="KUL138" s="23"/>
      <c r="KUM138" s="23"/>
      <c r="KUN138" s="23"/>
      <c r="KUO138" s="23"/>
      <c r="KUP138" s="23"/>
      <c r="KUQ138" s="23"/>
      <c r="KUR138" s="23"/>
      <c r="KUS138" s="23"/>
      <c r="KUT138" s="23"/>
      <c r="KUU138" s="23"/>
      <c r="KUV138" s="23"/>
      <c r="KUW138" s="23"/>
      <c r="KUX138" s="23"/>
      <c r="KUY138" s="23"/>
      <c r="KUZ138" s="23"/>
      <c r="KVA138" s="23"/>
      <c r="KVB138" s="23"/>
      <c r="KVC138" s="23"/>
      <c r="KVD138" s="23"/>
      <c r="KVE138" s="23"/>
      <c r="KVF138" s="23"/>
      <c r="KVG138" s="23"/>
      <c r="KVH138" s="23"/>
      <c r="KVI138" s="23"/>
      <c r="KVJ138" s="23"/>
      <c r="KVK138" s="23"/>
      <c r="KVL138" s="23"/>
      <c r="KVM138" s="23"/>
      <c r="KVN138" s="23"/>
      <c r="KVO138" s="23"/>
      <c r="KVP138" s="23"/>
      <c r="KVQ138" s="23"/>
      <c r="KVR138" s="23"/>
      <c r="KVS138" s="23"/>
      <c r="KVT138" s="23"/>
      <c r="KVU138" s="23"/>
      <c r="KVV138" s="23"/>
      <c r="KVW138" s="23"/>
      <c r="KVX138" s="23"/>
      <c r="KVY138" s="23"/>
      <c r="KVZ138" s="23"/>
      <c r="KWA138" s="23"/>
      <c r="KWB138" s="23"/>
      <c r="KWC138" s="23"/>
      <c r="KWD138" s="23"/>
      <c r="KWE138" s="23"/>
      <c r="KWF138" s="23"/>
      <c r="KWG138" s="23"/>
      <c r="KWH138" s="23"/>
      <c r="KWI138" s="23"/>
      <c r="KWJ138" s="23"/>
      <c r="KWK138" s="23"/>
      <c r="KWL138" s="23"/>
      <c r="KWM138" s="23"/>
      <c r="KWN138" s="23"/>
      <c r="KWO138" s="23"/>
      <c r="KWP138" s="23"/>
      <c r="KWQ138" s="23"/>
      <c r="KWR138" s="23"/>
      <c r="KWS138" s="23"/>
      <c r="KWT138" s="23"/>
      <c r="KWU138" s="23"/>
      <c r="KWV138" s="23"/>
      <c r="KWW138" s="23"/>
      <c r="KWX138" s="23"/>
      <c r="KWY138" s="23"/>
      <c r="KWZ138" s="23"/>
      <c r="KXA138" s="23"/>
      <c r="KXB138" s="23"/>
      <c r="KXC138" s="23"/>
      <c r="KXD138" s="23"/>
      <c r="KXE138" s="23"/>
      <c r="KXF138" s="23"/>
      <c r="KXG138" s="23"/>
      <c r="KXH138" s="23"/>
      <c r="KXI138" s="23"/>
      <c r="KXJ138" s="23"/>
      <c r="KXK138" s="23"/>
      <c r="KXL138" s="23"/>
      <c r="KXM138" s="23"/>
      <c r="KXN138" s="23"/>
      <c r="KXO138" s="23"/>
      <c r="KXP138" s="23"/>
      <c r="KXQ138" s="23"/>
      <c r="KXR138" s="23"/>
      <c r="KXS138" s="23"/>
      <c r="KXT138" s="23"/>
      <c r="KXU138" s="23"/>
      <c r="KXV138" s="23"/>
      <c r="KXW138" s="23"/>
      <c r="KXX138" s="23"/>
      <c r="KXY138" s="23"/>
      <c r="KXZ138" s="23"/>
      <c r="KYA138" s="23"/>
      <c r="KYB138" s="23"/>
      <c r="KYC138" s="23"/>
      <c r="KYD138" s="23"/>
      <c r="KYE138" s="23"/>
      <c r="KYF138" s="23"/>
      <c r="KYG138" s="23"/>
      <c r="KYH138" s="23"/>
      <c r="KYI138" s="23"/>
      <c r="KYJ138" s="23"/>
      <c r="KYK138" s="23"/>
      <c r="KYL138" s="23"/>
      <c r="KYM138" s="23"/>
      <c r="KYN138" s="23"/>
      <c r="KYO138" s="23"/>
      <c r="KYP138" s="23"/>
      <c r="KYQ138" s="23"/>
      <c r="KYR138" s="23"/>
      <c r="KYS138" s="23"/>
      <c r="KYT138" s="23"/>
      <c r="KYU138" s="23"/>
      <c r="KYV138" s="23"/>
      <c r="KYW138" s="23"/>
      <c r="KYX138" s="23"/>
      <c r="KYY138" s="23"/>
      <c r="KYZ138" s="23"/>
      <c r="KZA138" s="23"/>
      <c r="KZB138" s="23"/>
      <c r="KZC138" s="23"/>
      <c r="KZD138" s="23"/>
      <c r="KZE138" s="23"/>
      <c r="KZF138" s="23"/>
      <c r="KZG138" s="23"/>
      <c r="KZH138" s="23"/>
      <c r="KZI138" s="23"/>
      <c r="KZJ138" s="23"/>
      <c r="KZK138" s="23"/>
      <c r="KZL138" s="23"/>
      <c r="KZM138" s="23"/>
      <c r="KZN138" s="23"/>
      <c r="KZO138" s="23"/>
      <c r="KZP138" s="23"/>
      <c r="KZQ138" s="23"/>
      <c r="KZR138" s="23"/>
      <c r="KZS138" s="23"/>
      <c r="KZT138" s="23"/>
      <c r="KZU138" s="23"/>
      <c r="KZV138" s="23"/>
      <c r="KZW138" s="23"/>
      <c r="KZX138" s="23"/>
      <c r="KZY138" s="23"/>
      <c r="KZZ138" s="23"/>
      <c r="LAA138" s="23"/>
      <c r="LAB138" s="23"/>
      <c r="LAC138" s="23"/>
      <c r="LAD138" s="23"/>
      <c r="LAE138" s="23"/>
      <c r="LAF138" s="23"/>
      <c r="LAG138" s="23"/>
      <c r="LAH138" s="23"/>
      <c r="LAI138" s="23"/>
      <c r="LAJ138" s="23"/>
      <c r="LAK138" s="23"/>
      <c r="LAL138" s="23"/>
      <c r="LAM138" s="23"/>
      <c r="LAN138" s="23"/>
      <c r="LAO138" s="23"/>
      <c r="LAP138" s="23"/>
      <c r="LAQ138" s="23"/>
      <c r="LAR138" s="23"/>
      <c r="LAS138" s="23"/>
      <c r="LAT138" s="23"/>
      <c r="LAU138" s="23"/>
      <c r="LAV138" s="23"/>
      <c r="LAW138" s="23"/>
      <c r="LAX138" s="23"/>
      <c r="LAY138" s="23"/>
      <c r="LAZ138" s="23"/>
      <c r="LBA138" s="23"/>
      <c r="LBB138" s="23"/>
      <c r="LBC138" s="23"/>
      <c r="LBD138" s="23"/>
      <c r="LBE138" s="23"/>
      <c r="LBF138" s="23"/>
      <c r="LBG138" s="23"/>
      <c r="LBH138" s="23"/>
      <c r="LBI138" s="23"/>
      <c r="LBJ138" s="23"/>
      <c r="LBK138" s="23"/>
      <c r="LBL138" s="23"/>
      <c r="LBM138" s="23"/>
      <c r="LBN138" s="23"/>
      <c r="LBO138" s="23"/>
      <c r="LBP138" s="23"/>
      <c r="LBQ138" s="23"/>
      <c r="LBR138" s="23"/>
      <c r="LBS138" s="23"/>
      <c r="LBT138" s="23"/>
      <c r="LBU138" s="23"/>
      <c r="LBV138" s="23"/>
      <c r="LBW138" s="23"/>
      <c r="LBX138" s="23"/>
      <c r="LBY138" s="23"/>
      <c r="LBZ138" s="23"/>
      <c r="LCA138" s="23"/>
      <c r="LCB138" s="23"/>
      <c r="LCC138" s="23"/>
      <c r="LCD138" s="23"/>
      <c r="LCE138" s="23"/>
      <c r="LCF138" s="23"/>
      <c r="LCG138" s="23"/>
      <c r="LCH138" s="23"/>
      <c r="LCI138" s="23"/>
      <c r="LCJ138" s="23"/>
      <c r="LCK138" s="23"/>
      <c r="LCL138" s="23"/>
      <c r="LCM138" s="23"/>
      <c r="LCN138" s="23"/>
      <c r="LCO138" s="23"/>
      <c r="LCP138" s="23"/>
      <c r="LCQ138" s="23"/>
      <c r="LCR138" s="23"/>
      <c r="LCS138" s="23"/>
      <c r="LCT138" s="23"/>
      <c r="LCU138" s="23"/>
      <c r="LCV138" s="23"/>
      <c r="LCW138" s="23"/>
      <c r="LCX138" s="23"/>
      <c r="LCY138" s="23"/>
      <c r="LCZ138" s="23"/>
      <c r="LDA138" s="23"/>
      <c r="LDB138" s="23"/>
      <c r="LDC138" s="23"/>
      <c r="LDD138" s="23"/>
      <c r="LDE138" s="23"/>
      <c r="LDF138" s="23"/>
      <c r="LDG138" s="23"/>
      <c r="LDH138" s="23"/>
      <c r="LDI138" s="23"/>
      <c r="LDJ138" s="23"/>
      <c r="LDK138" s="23"/>
      <c r="LDL138" s="23"/>
      <c r="LDM138" s="23"/>
      <c r="LDN138" s="23"/>
      <c r="LDO138" s="23"/>
      <c r="LDP138" s="23"/>
      <c r="LDQ138" s="23"/>
      <c r="LDR138" s="23"/>
      <c r="LDS138" s="23"/>
      <c r="LDT138" s="23"/>
      <c r="LDU138" s="23"/>
      <c r="LDV138" s="23"/>
      <c r="LDW138" s="23"/>
      <c r="LDX138" s="23"/>
      <c r="LDY138" s="23"/>
      <c r="LDZ138" s="23"/>
      <c r="LEA138" s="23"/>
      <c r="LEB138" s="23"/>
      <c r="LEC138" s="23"/>
      <c r="LED138" s="23"/>
      <c r="LEE138" s="23"/>
      <c r="LEF138" s="23"/>
      <c r="LEG138" s="23"/>
      <c r="LEH138" s="23"/>
      <c r="LEI138" s="23"/>
      <c r="LEJ138" s="23"/>
      <c r="LEK138" s="23"/>
      <c r="LEL138" s="23"/>
      <c r="LEM138" s="23"/>
      <c r="LEN138" s="23"/>
      <c r="LEO138" s="23"/>
      <c r="LEP138" s="23"/>
      <c r="LEQ138" s="23"/>
      <c r="LER138" s="23"/>
      <c r="LES138" s="23"/>
      <c r="LET138" s="23"/>
      <c r="LEU138" s="23"/>
      <c r="LEV138" s="23"/>
      <c r="LEW138" s="23"/>
      <c r="LEX138" s="23"/>
      <c r="LEY138" s="23"/>
      <c r="LEZ138" s="23"/>
      <c r="LFA138" s="23"/>
      <c r="LFB138" s="23"/>
      <c r="LFC138" s="23"/>
      <c r="LFD138" s="23"/>
      <c r="LFE138" s="23"/>
      <c r="LFF138" s="23"/>
      <c r="LFG138" s="23"/>
      <c r="LFH138" s="23"/>
      <c r="LFI138" s="23"/>
      <c r="LFJ138" s="23"/>
      <c r="LFK138" s="23"/>
      <c r="LFL138" s="23"/>
      <c r="LFM138" s="23"/>
      <c r="LFN138" s="23"/>
      <c r="LFO138" s="23"/>
      <c r="LFP138" s="23"/>
      <c r="LFQ138" s="23"/>
      <c r="LFR138" s="23"/>
      <c r="LFS138" s="23"/>
      <c r="LFT138" s="23"/>
      <c r="LFU138" s="23"/>
      <c r="LFV138" s="23"/>
      <c r="LFW138" s="23"/>
      <c r="LFX138" s="23"/>
      <c r="LFY138" s="23"/>
      <c r="LFZ138" s="23"/>
      <c r="LGA138" s="23"/>
      <c r="LGB138" s="23"/>
      <c r="LGC138" s="23"/>
      <c r="LGD138" s="23"/>
      <c r="LGE138" s="23"/>
      <c r="LGF138" s="23"/>
      <c r="LGG138" s="23"/>
      <c r="LGH138" s="23"/>
      <c r="LGI138" s="23"/>
      <c r="LGJ138" s="23"/>
      <c r="LGK138" s="23"/>
      <c r="LGL138" s="23"/>
      <c r="LGM138" s="23"/>
      <c r="LGN138" s="23"/>
      <c r="LGO138" s="23"/>
      <c r="LGP138" s="23"/>
      <c r="LGQ138" s="23"/>
      <c r="LGR138" s="23"/>
      <c r="LGS138" s="23"/>
      <c r="LGT138" s="23"/>
      <c r="LGU138" s="23"/>
      <c r="LGV138" s="23"/>
      <c r="LGW138" s="23"/>
      <c r="LGX138" s="23"/>
      <c r="LGY138" s="23"/>
      <c r="LGZ138" s="23"/>
      <c r="LHA138" s="23"/>
      <c r="LHB138" s="23"/>
      <c r="LHC138" s="23"/>
      <c r="LHD138" s="23"/>
      <c r="LHE138" s="23"/>
      <c r="LHF138" s="23"/>
      <c r="LHG138" s="23"/>
      <c r="LHH138" s="23"/>
      <c r="LHI138" s="23"/>
      <c r="LHJ138" s="23"/>
      <c r="LHK138" s="23"/>
      <c r="LHL138" s="23"/>
      <c r="LHM138" s="23"/>
      <c r="LHN138" s="23"/>
      <c r="LHO138" s="23"/>
      <c r="LHP138" s="23"/>
      <c r="LHQ138" s="23"/>
      <c r="LHR138" s="23"/>
      <c r="LHS138" s="23"/>
      <c r="LHT138" s="23"/>
      <c r="LHU138" s="23"/>
      <c r="LHV138" s="23"/>
      <c r="LHW138" s="23"/>
      <c r="LHX138" s="23"/>
      <c r="LHY138" s="23"/>
      <c r="LHZ138" s="23"/>
      <c r="LIA138" s="23"/>
      <c r="LIB138" s="23"/>
      <c r="LIC138" s="23"/>
      <c r="LID138" s="23"/>
      <c r="LIE138" s="23"/>
      <c r="LIF138" s="23"/>
      <c r="LIG138" s="23"/>
      <c r="LIH138" s="23"/>
      <c r="LII138" s="23"/>
      <c r="LIJ138" s="23"/>
      <c r="LIK138" s="23"/>
      <c r="LIL138" s="23"/>
      <c r="LIM138" s="23"/>
      <c r="LIN138" s="23"/>
      <c r="LIO138" s="23"/>
      <c r="LIP138" s="23"/>
      <c r="LIQ138" s="23"/>
      <c r="LIR138" s="23"/>
      <c r="LIS138" s="23"/>
      <c r="LIT138" s="23"/>
      <c r="LIU138" s="23"/>
      <c r="LIV138" s="23"/>
      <c r="LIW138" s="23"/>
      <c r="LIX138" s="23"/>
      <c r="LIY138" s="23"/>
      <c r="LIZ138" s="23"/>
      <c r="LJA138" s="23"/>
      <c r="LJB138" s="23"/>
      <c r="LJC138" s="23"/>
      <c r="LJD138" s="23"/>
      <c r="LJE138" s="23"/>
      <c r="LJF138" s="23"/>
      <c r="LJG138" s="23"/>
      <c r="LJH138" s="23"/>
      <c r="LJI138" s="23"/>
      <c r="LJJ138" s="23"/>
      <c r="LJK138" s="23"/>
      <c r="LJL138" s="23"/>
      <c r="LJM138" s="23"/>
      <c r="LJN138" s="23"/>
      <c r="LJO138" s="23"/>
      <c r="LJP138" s="23"/>
      <c r="LJQ138" s="23"/>
      <c r="LJR138" s="23"/>
      <c r="LJS138" s="23"/>
      <c r="LJT138" s="23"/>
      <c r="LJU138" s="23"/>
      <c r="LJV138" s="23"/>
      <c r="LJW138" s="23"/>
      <c r="LJX138" s="23"/>
      <c r="LJY138" s="23"/>
      <c r="LJZ138" s="23"/>
      <c r="LKA138" s="23"/>
      <c r="LKB138" s="23"/>
      <c r="LKC138" s="23"/>
      <c r="LKD138" s="23"/>
      <c r="LKE138" s="23"/>
      <c r="LKF138" s="23"/>
      <c r="LKG138" s="23"/>
      <c r="LKH138" s="23"/>
      <c r="LKI138" s="23"/>
      <c r="LKJ138" s="23"/>
      <c r="LKK138" s="23"/>
      <c r="LKL138" s="23"/>
      <c r="LKM138" s="23"/>
      <c r="LKN138" s="23"/>
      <c r="LKO138" s="23"/>
      <c r="LKP138" s="23"/>
      <c r="LKQ138" s="23"/>
      <c r="LKR138" s="23"/>
      <c r="LKS138" s="23"/>
      <c r="LKT138" s="23"/>
      <c r="LKU138" s="23"/>
      <c r="LKV138" s="23"/>
      <c r="LKW138" s="23"/>
      <c r="LKX138" s="23"/>
      <c r="LKY138" s="23"/>
      <c r="LKZ138" s="23"/>
      <c r="LLA138" s="23"/>
      <c r="LLB138" s="23"/>
      <c r="LLC138" s="23"/>
      <c r="LLD138" s="23"/>
      <c r="LLE138" s="23"/>
      <c r="LLF138" s="23"/>
      <c r="LLG138" s="23"/>
      <c r="LLH138" s="23"/>
      <c r="LLI138" s="23"/>
      <c r="LLJ138" s="23"/>
      <c r="LLK138" s="23"/>
      <c r="LLL138" s="23"/>
      <c r="LLM138" s="23"/>
      <c r="LLN138" s="23"/>
      <c r="LLO138" s="23"/>
      <c r="LLP138" s="23"/>
      <c r="LLQ138" s="23"/>
      <c r="LLR138" s="23"/>
      <c r="LLS138" s="23"/>
      <c r="LLT138" s="23"/>
      <c r="LLU138" s="23"/>
      <c r="LLV138" s="23"/>
      <c r="LLW138" s="23"/>
      <c r="LLX138" s="23"/>
      <c r="LLY138" s="23"/>
      <c r="LLZ138" s="23"/>
      <c r="LMA138" s="23"/>
      <c r="LMB138" s="23"/>
      <c r="LMC138" s="23"/>
      <c r="LMD138" s="23"/>
      <c r="LME138" s="23"/>
      <c r="LMF138" s="23"/>
      <c r="LMG138" s="23"/>
      <c r="LMH138" s="23"/>
      <c r="LMI138" s="23"/>
      <c r="LMJ138" s="23"/>
      <c r="LMK138" s="23"/>
      <c r="LML138" s="23"/>
      <c r="LMM138" s="23"/>
      <c r="LMN138" s="23"/>
      <c r="LMO138" s="23"/>
      <c r="LMP138" s="23"/>
      <c r="LMQ138" s="23"/>
      <c r="LMR138" s="23"/>
      <c r="LMS138" s="23"/>
      <c r="LMT138" s="23"/>
      <c r="LMU138" s="23"/>
      <c r="LMV138" s="23"/>
      <c r="LMW138" s="23"/>
      <c r="LMX138" s="23"/>
      <c r="LMY138" s="23"/>
      <c r="LMZ138" s="23"/>
      <c r="LNA138" s="23"/>
      <c r="LNB138" s="23"/>
      <c r="LNC138" s="23"/>
      <c r="LND138" s="23"/>
      <c r="LNE138" s="23"/>
      <c r="LNF138" s="23"/>
      <c r="LNG138" s="23"/>
      <c r="LNH138" s="23"/>
      <c r="LNI138" s="23"/>
      <c r="LNJ138" s="23"/>
      <c r="LNK138" s="23"/>
      <c r="LNL138" s="23"/>
      <c r="LNM138" s="23"/>
      <c r="LNN138" s="23"/>
      <c r="LNO138" s="23"/>
      <c r="LNP138" s="23"/>
      <c r="LNQ138" s="23"/>
      <c r="LNR138" s="23"/>
      <c r="LNS138" s="23"/>
      <c r="LNT138" s="23"/>
      <c r="LNU138" s="23"/>
      <c r="LNV138" s="23"/>
      <c r="LNW138" s="23"/>
      <c r="LNX138" s="23"/>
      <c r="LNY138" s="23"/>
      <c r="LNZ138" s="23"/>
      <c r="LOA138" s="23"/>
      <c r="LOB138" s="23"/>
      <c r="LOC138" s="23"/>
      <c r="LOD138" s="23"/>
      <c r="LOE138" s="23"/>
      <c r="LOF138" s="23"/>
      <c r="LOG138" s="23"/>
      <c r="LOH138" s="23"/>
      <c r="LOI138" s="23"/>
      <c r="LOJ138" s="23"/>
      <c r="LOK138" s="23"/>
      <c r="LOL138" s="23"/>
      <c r="LOM138" s="23"/>
      <c r="LON138" s="23"/>
      <c r="LOO138" s="23"/>
      <c r="LOP138" s="23"/>
      <c r="LOQ138" s="23"/>
      <c r="LOR138" s="23"/>
      <c r="LOS138" s="23"/>
      <c r="LOT138" s="23"/>
      <c r="LOU138" s="23"/>
      <c r="LOV138" s="23"/>
      <c r="LOW138" s="23"/>
      <c r="LOX138" s="23"/>
      <c r="LOY138" s="23"/>
      <c r="LOZ138" s="23"/>
      <c r="LPA138" s="23"/>
      <c r="LPB138" s="23"/>
      <c r="LPC138" s="23"/>
      <c r="LPD138" s="23"/>
      <c r="LPE138" s="23"/>
      <c r="LPF138" s="23"/>
      <c r="LPG138" s="23"/>
      <c r="LPH138" s="23"/>
      <c r="LPI138" s="23"/>
      <c r="LPJ138" s="23"/>
      <c r="LPK138" s="23"/>
      <c r="LPL138" s="23"/>
      <c r="LPM138" s="23"/>
      <c r="LPN138" s="23"/>
      <c r="LPO138" s="23"/>
      <c r="LPP138" s="23"/>
      <c r="LPQ138" s="23"/>
      <c r="LPR138" s="23"/>
      <c r="LPS138" s="23"/>
      <c r="LPT138" s="23"/>
      <c r="LPU138" s="23"/>
      <c r="LPV138" s="23"/>
      <c r="LPW138" s="23"/>
      <c r="LPX138" s="23"/>
      <c r="LPY138" s="23"/>
      <c r="LPZ138" s="23"/>
      <c r="LQA138" s="23"/>
      <c r="LQB138" s="23"/>
      <c r="LQC138" s="23"/>
      <c r="LQD138" s="23"/>
      <c r="LQE138" s="23"/>
      <c r="LQF138" s="23"/>
      <c r="LQG138" s="23"/>
      <c r="LQH138" s="23"/>
      <c r="LQI138" s="23"/>
      <c r="LQJ138" s="23"/>
      <c r="LQK138" s="23"/>
      <c r="LQL138" s="23"/>
      <c r="LQM138" s="23"/>
      <c r="LQN138" s="23"/>
      <c r="LQO138" s="23"/>
      <c r="LQP138" s="23"/>
      <c r="LQQ138" s="23"/>
      <c r="LQR138" s="23"/>
      <c r="LQS138" s="23"/>
      <c r="LQT138" s="23"/>
      <c r="LQU138" s="23"/>
      <c r="LQV138" s="23"/>
      <c r="LQW138" s="23"/>
      <c r="LQX138" s="23"/>
      <c r="LQY138" s="23"/>
      <c r="LQZ138" s="23"/>
      <c r="LRA138" s="23"/>
      <c r="LRB138" s="23"/>
      <c r="LRC138" s="23"/>
      <c r="LRD138" s="23"/>
      <c r="LRE138" s="23"/>
      <c r="LRF138" s="23"/>
      <c r="LRG138" s="23"/>
      <c r="LRH138" s="23"/>
      <c r="LRI138" s="23"/>
      <c r="LRJ138" s="23"/>
      <c r="LRK138" s="23"/>
      <c r="LRL138" s="23"/>
      <c r="LRM138" s="23"/>
      <c r="LRN138" s="23"/>
      <c r="LRO138" s="23"/>
      <c r="LRP138" s="23"/>
      <c r="LRQ138" s="23"/>
      <c r="LRR138" s="23"/>
      <c r="LRS138" s="23"/>
      <c r="LRT138" s="23"/>
      <c r="LRU138" s="23"/>
      <c r="LRV138" s="23"/>
      <c r="LRW138" s="23"/>
      <c r="LRX138" s="23"/>
      <c r="LRY138" s="23"/>
      <c r="LRZ138" s="23"/>
      <c r="LSA138" s="23"/>
      <c r="LSB138" s="23"/>
      <c r="LSC138" s="23"/>
      <c r="LSD138" s="23"/>
      <c r="LSE138" s="23"/>
      <c r="LSF138" s="23"/>
      <c r="LSG138" s="23"/>
      <c r="LSH138" s="23"/>
      <c r="LSI138" s="23"/>
      <c r="LSJ138" s="23"/>
      <c r="LSK138" s="23"/>
      <c r="LSL138" s="23"/>
      <c r="LSM138" s="23"/>
      <c r="LSN138" s="23"/>
      <c r="LSO138" s="23"/>
      <c r="LSP138" s="23"/>
      <c r="LSQ138" s="23"/>
      <c r="LSR138" s="23"/>
      <c r="LSS138" s="23"/>
      <c r="LST138" s="23"/>
      <c r="LSU138" s="23"/>
      <c r="LSV138" s="23"/>
      <c r="LSW138" s="23"/>
      <c r="LSX138" s="23"/>
      <c r="LSY138" s="23"/>
      <c r="LSZ138" s="23"/>
      <c r="LTA138" s="23"/>
      <c r="LTB138" s="23"/>
      <c r="LTC138" s="23"/>
      <c r="LTD138" s="23"/>
      <c r="LTE138" s="23"/>
      <c r="LTF138" s="23"/>
      <c r="LTG138" s="23"/>
      <c r="LTH138" s="23"/>
      <c r="LTI138" s="23"/>
      <c r="LTJ138" s="23"/>
      <c r="LTK138" s="23"/>
      <c r="LTL138" s="23"/>
      <c r="LTM138" s="23"/>
      <c r="LTN138" s="23"/>
      <c r="LTO138" s="23"/>
      <c r="LTP138" s="23"/>
      <c r="LTQ138" s="23"/>
      <c r="LTR138" s="23"/>
      <c r="LTS138" s="23"/>
      <c r="LTT138" s="23"/>
      <c r="LTU138" s="23"/>
      <c r="LTV138" s="23"/>
      <c r="LTW138" s="23"/>
      <c r="LTX138" s="23"/>
      <c r="LTY138" s="23"/>
      <c r="LTZ138" s="23"/>
      <c r="LUA138" s="23"/>
      <c r="LUB138" s="23"/>
      <c r="LUC138" s="23"/>
      <c r="LUD138" s="23"/>
      <c r="LUE138" s="23"/>
      <c r="LUF138" s="23"/>
      <c r="LUG138" s="23"/>
      <c r="LUH138" s="23"/>
      <c r="LUI138" s="23"/>
      <c r="LUJ138" s="23"/>
      <c r="LUK138" s="23"/>
      <c r="LUL138" s="23"/>
      <c r="LUM138" s="23"/>
      <c r="LUN138" s="23"/>
      <c r="LUO138" s="23"/>
      <c r="LUP138" s="23"/>
      <c r="LUQ138" s="23"/>
      <c r="LUR138" s="23"/>
      <c r="LUS138" s="23"/>
      <c r="LUT138" s="23"/>
      <c r="LUU138" s="23"/>
      <c r="LUV138" s="23"/>
      <c r="LUW138" s="23"/>
      <c r="LUX138" s="23"/>
      <c r="LUY138" s="23"/>
      <c r="LUZ138" s="23"/>
      <c r="LVA138" s="23"/>
      <c r="LVB138" s="23"/>
      <c r="LVC138" s="23"/>
      <c r="LVD138" s="23"/>
      <c r="LVE138" s="23"/>
      <c r="LVF138" s="23"/>
      <c r="LVG138" s="23"/>
      <c r="LVH138" s="23"/>
      <c r="LVI138" s="23"/>
      <c r="LVJ138" s="23"/>
      <c r="LVK138" s="23"/>
      <c r="LVL138" s="23"/>
      <c r="LVM138" s="23"/>
      <c r="LVN138" s="23"/>
      <c r="LVO138" s="23"/>
      <c r="LVP138" s="23"/>
      <c r="LVQ138" s="23"/>
      <c r="LVR138" s="23"/>
      <c r="LVS138" s="23"/>
      <c r="LVT138" s="23"/>
      <c r="LVU138" s="23"/>
      <c r="LVV138" s="23"/>
      <c r="LVW138" s="23"/>
      <c r="LVX138" s="23"/>
      <c r="LVY138" s="23"/>
      <c r="LVZ138" s="23"/>
      <c r="LWA138" s="23"/>
      <c r="LWB138" s="23"/>
      <c r="LWC138" s="23"/>
      <c r="LWD138" s="23"/>
      <c r="LWE138" s="23"/>
      <c r="LWF138" s="23"/>
      <c r="LWG138" s="23"/>
      <c r="LWH138" s="23"/>
      <c r="LWI138" s="23"/>
      <c r="LWJ138" s="23"/>
      <c r="LWK138" s="23"/>
      <c r="LWL138" s="23"/>
      <c r="LWM138" s="23"/>
      <c r="LWN138" s="23"/>
      <c r="LWO138" s="23"/>
      <c r="LWP138" s="23"/>
      <c r="LWQ138" s="23"/>
      <c r="LWR138" s="23"/>
      <c r="LWS138" s="23"/>
      <c r="LWT138" s="23"/>
      <c r="LWU138" s="23"/>
      <c r="LWV138" s="23"/>
      <c r="LWW138" s="23"/>
      <c r="LWX138" s="23"/>
      <c r="LWY138" s="23"/>
      <c r="LWZ138" s="23"/>
      <c r="LXA138" s="23"/>
      <c r="LXB138" s="23"/>
      <c r="LXC138" s="23"/>
      <c r="LXD138" s="23"/>
      <c r="LXE138" s="23"/>
      <c r="LXF138" s="23"/>
      <c r="LXG138" s="23"/>
      <c r="LXH138" s="23"/>
      <c r="LXI138" s="23"/>
      <c r="LXJ138" s="23"/>
      <c r="LXK138" s="23"/>
      <c r="LXL138" s="23"/>
      <c r="LXM138" s="23"/>
      <c r="LXN138" s="23"/>
      <c r="LXO138" s="23"/>
      <c r="LXP138" s="23"/>
      <c r="LXQ138" s="23"/>
      <c r="LXR138" s="23"/>
      <c r="LXS138" s="23"/>
      <c r="LXT138" s="23"/>
      <c r="LXU138" s="23"/>
      <c r="LXV138" s="23"/>
      <c r="LXW138" s="23"/>
      <c r="LXX138" s="23"/>
      <c r="LXY138" s="23"/>
      <c r="LXZ138" s="23"/>
      <c r="LYA138" s="23"/>
      <c r="LYB138" s="23"/>
      <c r="LYC138" s="23"/>
      <c r="LYD138" s="23"/>
      <c r="LYE138" s="23"/>
      <c r="LYF138" s="23"/>
      <c r="LYG138" s="23"/>
      <c r="LYH138" s="23"/>
      <c r="LYI138" s="23"/>
      <c r="LYJ138" s="23"/>
      <c r="LYK138" s="23"/>
      <c r="LYL138" s="23"/>
      <c r="LYM138" s="23"/>
      <c r="LYN138" s="23"/>
      <c r="LYO138" s="23"/>
      <c r="LYP138" s="23"/>
      <c r="LYQ138" s="23"/>
      <c r="LYR138" s="23"/>
      <c r="LYS138" s="23"/>
      <c r="LYT138" s="23"/>
      <c r="LYU138" s="23"/>
      <c r="LYV138" s="23"/>
      <c r="LYW138" s="23"/>
      <c r="LYX138" s="23"/>
      <c r="LYY138" s="23"/>
      <c r="LYZ138" s="23"/>
      <c r="LZA138" s="23"/>
      <c r="LZB138" s="23"/>
      <c r="LZC138" s="23"/>
      <c r="LZD138" s="23"/>
      <c r="LZE138" s="23"/>
      <c r="LZF138" s="23"/>
      <c r="LZG138" s="23"/>
      <c r="LZH138" s="23"/>
      <c r="LZI138" s="23"/>
      <c r="LZJ138" s="23"/>
      <c r="LZK138" s="23"/>
      <c r="LZL138" s="23"/>
      <c r="LZM138" s="23"/>
      <c r="LZN138" s="23"/>
      <c r="LZO138" s="23"/>
      <c r="LZP138" s="23"/>
      <c r="LZQ138" s="23"/>
      <c r="LZR138" s="23"/>
      <c r="LZS138" s="23"/>
      <c r="LZT138" s="23"/>
      <c r="LZU138" s="23"/>
      <c r="LZV138" s="23"/>
      <c r="LZW138" s="23"/>
      <c r="LZX138" s="23"/>
      <c r="LZY138" s="23"/>
      <c r="LZZ138" s="23"/>
      <c r="MAA138" s="23"/>
      <c r="MAB138" s="23"/>
      <c r="MAC138" s="23"/>
      <c r="MAD138" s="23"/>
      <c r="MAE138" s="23"/>
      <c r="MAF138" s="23"/>
      <c r="MAG138" s="23"/>
      <c r="MAH138" s="23"/>
      <c r="MAI138" s="23"/>
      <c r="MAJ138" s="23"/>
      <c r="MAK138" s="23"/>
      <c r="MAL138" s="23"/>
      <c r="MAM138" s="23"/>
      <c r="MAN138" s="23"/>
      <c r="MAO138" s="23"/>
      <c r="MAP138" s="23"/>
      <c r="MAQ138" s="23"/>
      <c r="MAR138" s="23"/>
      <c r="MAS138" s="23"/>
      <c r="MAT138" s="23"/>
      <c r="MAU138" s="23"/>
      <c r="MAV138" s="23"/>
      <c r="MAW138" s="23"/>
      <c r="MAX138" s="23"/>
      <c r="MAY138" s="23"/>
      <c r="MAZ138" s="23"/>
      <c r="MBA138" s="23"/>
      <c r="MBB138" s="23"/>
      <c r="MBC138" s="23"/>
      <c r="MBD138" s="23"/>
      <c r="MBE138" s="23"/>
      <c r="MBF138" s="23"/>
      <c r="MBG138" s="23"/>
      <c r="MBH138" s="23"/>
      <c r="MBI138" s="23"/>
      <c r="MBJ138" s="23"/>
      <c r="MBK138" s="23"/>
      <c r="MBL138" s="23"/>
      <c r="MBM138" s="23"/>
      <c r="MBN138" s="23"/>
      <c r="MBO138" s="23"/>
      <c r="MBP138" s="23"/>
      <c r="MBQ138" s="23"/>
      <c r="MBR138" s="23"/>
      <c r="MBS138" s="23"/>
      <c r="MBT138" s="23"/>
      <c r="MBU138" s="23"/>
      <c r="MBV138" s="23"/>
      <c r="MBW138" s="23"/>
      <c r="MBX138" s="23"/>
      <c r="MBY138" s="23"/>
      <c r="MBZ138" s="23"/>
      <c r="MCA138" s="23"/>
      <c r="MCB138" s="23"/>
      <c r="MCC138" s="23"/>
      <c r="MCD138" s="23"/>
      <c r="MCE138" s="23"/>
      <c r="MCF138" s="23"/>
      <c r="MCG138" s="23"/>
      <c r="MCH138" s="23"/>
      <c r="MCI138" s="23"/>
      <c r="MCJ138" s="23"/>
      <c r="MCK138" s="23"/>
      <c r="MCL138" s="23"/>
      <c r="MCM138" s="23"/>
      <c r="MCN138" s="23"/>
      <c r="MCO138" s="23"/>
      <c r="MCP138" s="23"/>
      <c r="MCQ138" s="23"/>
      <c r="MCR138" s="23"/>
      <c r="MCS138" s="23"/>
      <c r="MCT138" s="23"/>
      <c r="MCU138" s="23"/>
      <c r="MCV138" s="23"/>
      <c r="MCW138" s="23"/>
      <c r="MCX138" s="23"/>
      <c r="MCY138" s="23"/>
      <c r="MCZ138" s="23"/>
      <c r="MDA138" s="23"/>
      <c r="MDB138" s="23"/>
      <c r="MDC138" s="23"/>
      <c r="MDD138" s="23"/>
      <c r="MDE138" s="23"/>
      <c r="MDF138" s="23"/>
      <c r="MDG138" s="23"/>
      <c r="MDH138" s="23"/>
      <c r="MDI138" s="23"/>
      <c r="MDJ138" s="23"/>
      <c r="MDK138" s="23"/>
      <c r="MDL138" s="23"/>
      <c r="MDM138" s="23"/>
      <c r="MDN138" s="23"/>
      <c r="MDO138" s="23"/>
      <c r="MDP138" s="23"/>
      <c r="MDQ138" s="23"/>
      <c r="MDR138" s="23"/>
      <c r="MDS138" s="23"/>
      <c r="MDT138" s="23"/>
      <c r="MDU138" s="23"/>
      <c r="MDV138" s="23"/>
      <c r="MDW138" s="23"/>
      <c r="MDX138" s="23"/>
      <c r="MDY138" s="23"/>
      <c r="MDZ138" s="23"/>
      <c r="MEA138" s="23"/>
      <c r="MEB138" s="23"/>
      <c r="MEC138" s="23"/>
      <c r="MED138" s="23"/>
      <c r="MEE138" s="23"/>
      <c r="MEF138" s="23"/>
      <c r="MEG138" s="23"/>
      <c r="MEH138" s="23"/>
      <c r="MEI138" s="23"/>
      <c r="MEJ138" s="23"/>
      <c r="MEK138" s="23"/>
      <c r="MEL138" s="23"/>
      <c r="MEM138" s="23"/>
      <c r="MEN138" s="23"/>
      <c r="MEO138" s="23"/>
      <c r="MEP138" s="23"/>
      <c r="MEQ138" s="23"/>
      <c r="MER138" s="23"/>
      <c r="MES138" s="23"/>
      <c r="MET138" s="23"/>
      <c r="MEU138" s="23"/>
      <c r="MEV138" s="23"/>
      <c r="MEW138" s="23"/>
      <c r="MEX138" s="23"/>
      <c r="MEY138" s="23"/>
      <c r="MEZ138" s="23"/>
      <c r="MFA138" s="23"/>
      <c r="MFB138" s="23"/>
      <c r="MFC138" s="23"/>
      <c r="MFD138" s="23"/>
      <c r="MFE138" s="23"/>
      <c r="MFF138" s="23"/>
      <c r="MFG138" s="23"/>
      <c r="MFH138" s="23"/>
      <c r="MFI138" s="23"/>
      <c r="MFJ138" s="23"/>
      <c r="MFK138" s="23"/>
      <c r="MFL138" s="23"/>
      <c r="MFM138" s="23"/>
      <c r="MFN138" s="23"/>
      <c r="MFO138" s="23"/>
      <c r="MFP138" s="23"/>
      <c r="MFQ138" s="23"/>
      <c r="MFR138" s="23"/>
      <c r="MFS138" s="23"/>
      <c r="MFT138" s="23"/>
      <c r="MFU138" s="23"/>
      <c r="MFV138" s="23"/>
      <c r="MFW138" s="23"/>
      <c r="MFX138" s="23"/>
      <c r="MFY138" s="23"/>
      <c r="MFZ138" s="23"/>
      <c r="MGA138" s="23"/>
      <c r="MGB138" s="23"/>
      <c r="MGC138" s="23"/>
      <c r="MGD138" s="23"/>
      <c r="MGE138" s="23"/>
      <c r="MGF138" s="23"/>
      <c r="MGG138" s="23"/>
      <c r="MGH138" s="23"/>
      <c r="MGI138" s="23"/>
      <c r="MGJ138" s="23"/>
      <c r="MGK138" s="23"/>
      <c r="MGL138" s="23"/>
      <c r="MGM138" s="23"/>
      <c r="MGN138" s="23"/>
      <c r="MGO138" s="23"/>
      <c r="MGP138" s="23"/>
      <c r="MGQ138" s="23"/>
      <c r="MGR138" s="23"/>
      <c r="MGS138" s="23"/>
      <c r="MGT138" s="23"/>
      <c r="MGU138" s="23"/>
      <c r="MGV138" s="23"/>
      <c r="MGW138" s="23"/>
      <c r="MGX138" s="23"/>
      <c r="MGY138" s="23"/>
      <c r="MGZ138" s="23"/>
      <c r="MHA138" s="23"/>
      <c r="MHB138" s="23"/>
      <c r="MHC138" s="23"/>
      <c r="MHD138" s="23"/>
      <c r="MHE138" s="23"/>
      <c r="MHF138" s="23"/>
      <c r="MHG138" s="23"/>
      <c r="MHH138" s="23"/>
      <c r="MHI138" s="23"/>
      <c r="MHJ138" s="23"/>
      <c r="MHK138" s="23"/>
      <c r="MHL138" s="23"/>
      <c r="MHM138" s="23"/>
      <c r="MHN138" s="23"/>
      <c r="MHO138" s="23"/>
      <c r="MHP138" s="23"/>
      <c r="MHQ138" s="23"/>
      <c r="MHR138" s="23"/>
      <c r="MHS138" s="23"/>
      <c r="MHT138" s="23"/>
      <c r="MHU138" s="23"/>
      <c r="MHV138" s="23"/>
      <c r="MHW138" s="23"/>
      <c r="MHX138" s="23"/>
      <c r="MHY138" s="23"/>
      <c r="MHZ138" s="23"/>
      <c r="MIA138" s="23"/>
      <c r="MIB138" s="23"/>
      <c r="MIC138" s="23"/>
      <c r="MID138" s="23"/>
      <c r="MIE138" s="23"/>
      <c r="MIF138" s="23"/>
      <c r="MIG138" s="23"/>
      <c r="MIH138" s="23"/>
      <c r="MII138" s="23"/>
      <c r="MIJ138" s="23"/>
      <c r="MIK138" s="23"/>
      <c r="MIL138" s="23"/>
      <c r="MIM138" s="23"/>
      <c r="MIN138" s="23"/>
      <c r="MIO138" s="23"/>
      <c r="MIP138" s="23"/>
      <c r="MIQ138" s="23"/>
      <c r="MIR138" s="23"/>
      <c r="MIS138" s="23"/>
      <c r="MIT138" s="23"/>
      <c r="MIU138" s="23"/>
      <c r="MIV138" s="23"/>
      <c r="MIW138" s="23"/>
      <c r="MIX138" s="23"/>
      <c r="MIY138" s="23"/>
      <c r="MIZ138" s="23"/>
      <c r="MJA138" s="23"/>
      <c r="MJB138" s="23"/>
      <c r="MJC138" s="23"/>
      <c r="MJD138" s="23"/>
      <c r="MJE138" s="23"/>
      <c r="MJF138" s="23"/>
      <c r="MJG138" s="23"/>
      <c r="MJH138" s="23"/>
      <c r="MJI138" s="23"/>
      <c r="MJJ138" s="23"/>
      <c r="MJK138" s="23"/>
      <c r="MJL138" s="23"/>
      <c r="MJM138" s="23"/>
      <c r="MJN138" s="23"/>
      <c r="MJO138" s="23"/>
      <c r="MJP138" s="23"/>
      <c r="MJQ138" s="23"/>
      <c r="MJR138" s="23"/>
      <c r="MJS138" s="23"/>
      <c r="MJT138" s="23"/>
      <c r="MJU138" s="23"/>
      <c r="MJV138" s="23"/>
      <c r="MJW138" s="23"/>
      <c r="MJX138" s="23"/>
      <c r="MJY138" s="23"/>
      <c r="MJZ138" s="23"/>
      <c r="MKA138" s="23"/>
      <c r="MKB138" s="23"/>
      <c r="MKC138" s="23"/>
      <c r="MKD138" s="23"/>
      <c r="MKE138" s="23"/>
      <c r="MKF138" s="23"/>
      <c r="MKG138" s="23"/>
      <c r="MKH138" s="23"/>
      <c r="MKI138" s="23"/>
      <c r="MKJ138" s="23"/>
      <c r="MKK138" s="23"/>
      <c r="MKL138" s="23"/>
      <c r="MKM138" s="23"/>
      <c r="MKN138" s="23"/>
      <c r="MKO138" s="23"/>
      <c r="MKP138" s="23"/>
      <c r="MKQ138" s="23"/>
      <c r="MKR138" s="23"/>
      <c r="MKS138" s="23"/>
      <c r="MKT138" s="23"/>
      <c r="MKU138" s="23"/>
      <c r="MKV138" s="23"/>
      <c r="MKW138" s="23"/>
      <c r="MKX138" s="23"/>
      <c r="MKY138" s="23"/>
      <c r="MKZ138" s="23"/>
      <c r="MLA138" s="23"/>
      <c r="MLB138" s="23"/>
      <c r="MLC138" s="23"/>
      <c r="MLD138" s="23"/>
      <c r="MLE138" s="23"/>
      <c r="MLF138" s="23"/>
      <c r="MLG138" s="23"/>
      <c r="MLH138" s="23"/>
      <c r="MLI138" s="23"/>
      <c r="MLJ138" s="23"/>
      <c r="MLK138" s="23"/>
      <c r="MLL138" s="23"/>
      <c r="MLM138" s="23"/>
      <c r="MLN138" s="23"/>
      <c r="MLO138" s="23"/>
      <c r="MLP138" s="23"/>
      <c r="MLQ138" s="23"/>
      <c r="MLR138" s="23"/>
      <c r="MLS138" s="23"/>
      <c r="MLT138" s="23"/>
      <c r="MLU138" s="23"/>
      <c r="MLV138" s="23"/>
      <c r="MLW138" s="23"/>
      <c r="MLX138" s="23"/>
      <c r="MLY138" s="23"/>
      <c r="MLZ138" s="23"/>
      <c r="MMA138" s="23"/>
      <c r="MMB138" s="23"/>
      <c r="MMC138" s="23"/>
      <c r="MMD138" s="23"/>
      <c r="MME138" s="23"/>
      <c r="MMF138" s="23"/>
      <c r="MMG138" s="23"/>
      <c r="MMH138" s="23"/>
      <c r="MMI138" s="23"/>
      <c r="MMJ138" s="23"/>
      <c r="MMK138" s="23"/>
      <c r="MML138" s="23"/>
      <c r="MMM138" s="23"/>
      <c r="MMN138" s="23"/>
      <c r="MMO138" s="23"/>
      <c r="MMP138" s="23"/>
      <c r="MMQ138" s="23"/>
      <c r="MMR138" s="23"/>
      <c r="MMS138" s="23"/>
      <c r="MMT138" s="23"/>
      <c r="MMU138" s="23"/>
      <c r="MMV138" s="23"/>
      <c r="MMW138" s="23"/>
      <c r="MMX138" s="23"/>
      <c r="MMY138" s="23"/>
      <c r="MMZ138" s="23"/>
      <c r="MNA138" s="23"/>
      <c r="MNB138" s="23"/>
      <c r="MNC138" s="23"/>
      <c r="MND138" s="23"/>
      <c r="MNE138" s="23"/>
      <c r="MNF138" s="23"/>
      <c r="MNG138" s="23"/>
      <c r="MNH138" s="23"/>
      <c r="MNI138" s="23"/>
      <c r="MNJ138" s="23"/>
      <c r="MNK138" s="23"/>
      <c r="MNL138" s="23"/>
      <c r="MNM138" s="23"/>
      <c r="MNN138" s="23"/>
      <c r="MNO138" s="23"/>
      <c r="MNP138" s="23"/>
      <c r="MNQ138" s="23"/>
      <c r="MNR138" s="23"/>
      <c r="MNS138" s="23"/>
      <c r="MNT138" s="23"/>
      <c r="MNU138" s="23"/>
      <c r="MNV138" s="23"/>
      <c r="MNW138" s="23"/>
      <c r="MNX138" s="23"/>
      <c r="MNY138" s="23"/>
      <c r="MNZ138" s="23"/>
      <c r="MOA138" s="23"/>
      <c r="MOB138" s="23"/>
      <c r="MOC138" s="23"/>
      <c r="MOD138" s="23"/>
      <c r="MOE138" s="23"/>
      <c r="MOF138" s="23"/>
      <c r="MOG138" s="23"/>
      <c r="MOH138" s="23"/>
      <c r="MOI138" s="23"/>
      <c r="MOJ138" s="23"/>
      <c r="MOK138" s="23"/>
      <c r="MOL138" s="23"/>
      <c r="MOM138" s="23"/>
      <c r="MON138" s="23"/>
      <c r="MOO138" s="23"/>
      <c r="MOP138" s="23"/>
      <c r="MOQ138" s="23"/>
      <c r="MOR138" s="23"/>
      <c r="MOS138" s="23"/>
      <c r="MOT138" s="23"/>
      <c r="MOU138" s="23"/>
      <c r="MOV138" s="23"/>
      <c r="MOW138" s="23"/>
      <c r="MOX138" s="23"/>
      <c r="MOY138" s="23"/>
      <c r="MOZ138" s="23"/>
      <c r="MPA138" s="23"/>
      <c r="MPB138" s="23"/>
      <c r="MPC138" s="23"/>
      <c r="MPD138" s="23"/>
      <c r="MPE138" s="23"/>
      <c r="MPF138" s="23"/>
      <c r="MPG138" s="23"/>
      <c r="MPH138" s="23"/>
      <c r="MPI138" s="23"/>
      <c r="MPJ138" s="23"/>
      <c r="MPK138" s="23"/>
      <c r="MPL138" s="23"/>
      <c r="MPM138" s="23"/>
      <c r="MPN138" s="23"/>
      <c r="MPO138" s="23"/>
      <c r="MPP138" s="23"/>
      <c r="MPQ138" s="23"/>
      <c r="MPR138" s="23"/>
      <c r="MPS138" s="23"/>
      <c r="MPT138" s="23"/>
      <c r="MPU138" s="23"/>
      <c r="MPV138" s="23"/>
      <c r="MPW138" s="23"/>
      <c r="MPX138" s="23"/>
      <c r="MPY138" s="23"/>
      <c r="MPZ138" s="23"/>
      <c r="MQA138" s="23"/>
      <c r="MQB138" s="23"/>
      <c r="MQC138" s="23"/>
      <c r="MQD138" s="23"/>
      <c r="MQE138" s="23"/>
      <c r="MQF138" s="23"/>
      <c r="MQG138" s="23"/>
      <c r="MQH138" s="23"/>
      <c r="MQI138" s="23"/>
      <c r="MQJ138" s="23"/>
      <c r="MQK138" s="23"/>
      <c r="MQL138" s="23"/>
      <c r="MQM138" s="23"/>
      <c r="MQN138" s="23"/>
      <c r="MQO138" s="23"/>
      <c r="MQP138" s="23"/>
      <c r="MQQ138" s="23"/>
      <c r="MQR138" s="23"/>
      <c r="MQS138" s="23"/>
      <c r="MQT138" s="23"/>
      <c r="MQU138" s="23"/>
      <c r="MQV138" s="23"/>
      <c r="MQW138" s="23"/>
      <c r="MQX138" s="23"/>
      <c r="MQY138" s="23"/>
      <c r="MQZ138" s="23"/>
      <c r="MRA138" s="23"/>
      <c r="MRB138" s="23"/>
      <c r="MRC138" s="23"/>
      <c r="MRD138" s="23"/>
      <c r="MRE138" s="23"/>
      <c r="MRF138" s="23"/>
      <c r="MRG138" s="23"/>
      <c r="MRH138" s="23"/>
      <c r="MRI138" s="23"/>
      <c r="MRJ138" s="23"/>
      <c r="MRK138" s="23"/>
      <c r="MRL138" s="23"/>
      <c r="MRM138" s="23"/>
      <c r="MRN138" s="23"/>
      <c r="MRO138" s="23"/>
      <c r="MRP138" s="23"/>
      <c r="MRQ138" s="23"/>
      <c r="MRR138" s="23"/>
      <c r="MRS138" s="23"/>
      <c r="MRT138" s="23"/>
      <c r="MRU138" s="23"/>
      <c r="MRV138" s="23"/>
      <c r="MRW138" s="23"/>
      <c r="MRX138" s="23"/>
      <c r="MRY138" s="23"/>
      <c r="MRZ138" s="23"/>
      <c r="MSA138" s="23"/>
      <c r="MSB138" s="23"/>
      <c r="MSC138" s="23"/>
      <c r="MSD138" s="23"/>
      <c r="MSE138" s="23"/>
      <c r="MSF138" s="23"/>
      <c r="MSG138" s="23"/>
      <c r="MSH138" s="23"/>
      <c r="MSI138" s="23"/>
      <c r="MSJ138" s="23"/>
      <c r="MSK138" s="23"/>
      <c r="MSL138" s="23"/>
      <c r="MSM138" s="23"/>
      <c r="MSN138" s="23"/>
      <c r="MSO138" s="23"/>
      <c r="MSP138" s="23"/>
      <c r="MSQ138" s="23"/>
      <c r="MSR138" s="23"/>
      <c r="MSS138" s="23"/>
      <c r="MST138" s="23"/>
      <c r="MSU138" s="23"/>
      <c r="MSV138" s="23"/>
      <c r="MSW138" s="23"/>
      <c r="MSX138" s="23"/>
      <c r="MSY138" s="23"/>
      <c r="MSZ138" s="23"/>
      <c r="MTA138" s="23"/>
      <c r="MTB138" s="23"/>
      <c r="MTC138" s="23"/>
      <c r="MTD138" s="23"/>
      <c r="MTE138" s="23"/>
      <c r="MTF138" s="23"/>
      <c r="MTG138" s="23"/>
      <c r="MTH138" s="23"/>
      <c r="MTI138" s="23"/>
      <c r="MTJ138" s="23"/>
      <c r="MTK138" s="23"/>
      <c r="MTL138" s="23"/>
      <c r="MTM138" s="23"/>
      <c r="MTN138" s="23"/>
      <c r="MTO138" s="23"/>
      <c r="MTP138" s="23"/>
      <c r="MTQ138" s="23"/>
      <c r="MTR138" s="23"/>
      <c r="MTS138" s="23"/>
      <c r="MTT138" s="23"/>
      <c r="MTU138" s="23"/>
      <c r="MTV138" s="23"/>
      <c r="MTW138" s="23"/>
      <c r="MTX138" s="23"/>
      <c r="MTY138" s="23"/>
      <c r="MTZ138" s="23"/>
      <c r="MUA138" s="23"/>
      <c r="MUB138" s="23"/>
      <c r="MUC138" s="23"/>
      <c r="MUD138" s="23"/>
      <c r="MUE138" s="23"/>
      <c r="MUF138" s="23"/>
      <c r="MUG138" s="23"/>
      <c r="MUH138" s="23"/>
      <c r="MUI138" s="23"/>
      <c r="MUJ138" s="23"/>
      <c r="MUK138" s="23"/>
      <c r="MUL138" s="23"/>
      <c r="MUM138" s="23"/>
      <c r="MUN138" s="23"/>
      <c r="MUO138" s="23"/>
      <c r="MUP138" s="23"/>
      <c r="MUQ138" s="23"/>
      <c r="MUR138" s="23"/>
      <c r="MUS138" s="23"/>
      <c r="MUT138" s="23"/>
      <c r="MUU138" s="23"/>
      <c r="MUV138" s="23"/>
      <c r="MUW138" s="23"/>
      <c r="MUX138" s="23"/>
      <c r="MUY138" s="23"/>
      <c r="MUZ138" s="23"/>
      <c r="MVA138" s="23"/>
      <c r="MVB138" s="23"/>
      <c r="MVC138" s="23"/>
      <c r="MVD138" s="23"/>
      <c r="MVE138" s="23"/>
      <c r="MVF138" s="23"/>
      <c r="MVG138" s="23"/>
      <c r="MVH138" s="23"/>
      <c r="MVI138" s="23"/>
      <c r="MVJ138" s="23"/>
      <c r="MVK138" s="23"/>
      <c r="MVL138" s="23"/>
      <c r="MVM138" s="23"/>
      <c r="MVN138" s="23"/>
      <c r="MVO138" s="23"/>
      <c r="MVP138" s="23"/>
      <c r="MVQ138" s="23"/>
      <c r="MVR138" s="23"/>
      <c r="MVS138" s="23"/>
      <c r="MVT138" s="23"/>
      <c r="MVU138" s="23"/>
      <c r="MVV138" s="23"/>
      <c r="MVW138" s="23"/>
      <c r="MVX138" s="23"/>
      <c r="MVY138" s="23"/>
      <c r="MVZ138" s="23"/>
      <c r="MWA138" s="23"/>
      <c r="MWB138" s="23"/>
      <c r="MWC138" s="23"/>
      <c r="MWD138" s="23"/>
      <c r="MWE138" s="23"/>
      <c r="MWF138" s="23"/>
      <c r="MWG138" s="23"/>
      <c r="MWH138" s="23"/>
      <c r="MWI138" s="23"/>
      <c r="MWJ138" s="23"/>
      <c r="MWK138" s="23"/>
      <c r="MWL138" s="23"/>
      <c r="MWM138" s="23"/>
      <c r="MWN138" s="23"/>
      <c r="MWO138" s="23"/>
      <c r="MWP138" s="23"/>
      <c r="MWQ138" s="23"/>
      <c r="MWR138" s="23"/>
      <c r="MWS138" s="23"/>
      <c r="MWT138" s="23"/>
      <c r="MWU138" s="23"/>
      <c r="MWV138" s="23"/>
      <c r="MWW138" s="23"/>
      <c r="MWX138" s="23"/>
      <c r="MWY138" s="23"/>
      <c r="MWZ138" s="23"/>
      <c r="MXA138" s="23"/>
      <c r="MXB138" s="23"/>
      <c r="MXC138" s="23"/>
      <c r="MXD138" s="23"/>
      <c r="MXE138" s="23"/>
      <c r="MXF138" s="23"/>
      <c r="MXG138" s="23"/>
      <c r="MXH138" s="23"/>
      <c r="MXI138" s="23"/>
      <c r="MXJ138" s="23"/>
      <c r="MXK138" s="23"/>
      <c r="MXL138" s="23"/>
      <c r="MXM138" s="23"/>
      <c r="MXN138" s="23"/>
      <c r="MXO138" s="23"/>
      <c r="MXP138" s="23"/>
      <c r="MXQ138" s="23"/>
      <c r="MXR138" s="23"/>
      <c r="MXS138" s="23"/>
      <c r="MXT138" s="23"/>
      <c r="MXU138" s="23"/>
      <c r="MXV138" s="23"/>
      <c r="MXW138" s="23"/>
      <c r="MXX138" s="23"/>
      <c r="MXY138" s="23"/>
      <c r="MXZ138" s="23"/>
      <c r="MYA138" s="23"/>
      <c r="MYB138" s="23"/>
      <c r="MYC138" s="23"/>
      <c r="MYD138" s="23"/>
      <c r="MYE138" s="23"/>
      <c r="MYF138" s="23"/>
      <c r="MYG138" s="23"/>
      <c r="MYH138" s="23"/>
      <c r="MYI138" s="23"/>
      <c r="MYJ138" s="23"/>
      <c r="MYK138" s="23"/>
      <c r="MYL138" s="23"/>
      <c r="MYM138" s="23"/>
      <c r="MYN138" s="23"/>
      <c r="MYO138" s="23"/>
      <c r="MYP138" s="23"/>
      <c r="MYQ138" s="23"/>
      <c r="MYR138" s="23"/>
      <c r="MYS138" s="23"/>
      <c r="MYT138" s="23"/>
      <c r="MYU138" s="23"/>
      <c r="MYV138" s="23"/>
      <c r="MYW138" s="23"/>
      <c r="MYX138" s="23"/>
      <c r="MYY138" s="23"/>
      <c r="MYZ138" s="23"/>
      <c r="MZA138" s="23"/>
      <c r="MZB138" s="23"/>
      <c r="MZC138" s="23"/>
      <c r="MZD138" s="23"/>
      <c r="MZE138" s="23"/>
      <c r="MZF138" s="23"/>
      <c r="MZG138" s="23"/>
      <c r="MZH138" s="23"/>
      <c r="MZI138" s="23"/>
      <c r="MZJ138" s="23"/>
      <c r="MZK138" s="23"/>
      <c r="MZL138" s="23"/>
      <c r="MZM138" s="23"/>
      <c r="MZN138" s="23"/>
      <c r="MZO138" s="23"/>
      <c r="MZP138" s="23"/>
      <c r="MZQ138" s="23"/>
      <c r="MZR138" s="23"/>
      <c r="MZS138" s="23"/>
      <c r="MZT138" s="23"/>
      <c r="MZU138" s="23"/>
      <c r="MZV138" s="23"/>
      <c r="MZW138" s="23"/>
      <c r="MZX138" s="23"/>
      <c r="MZY138" s="23"/>
      <c r="MZZ138" s="23"/>
      <c r="NAA138" s="23"/>
      <c r="NAB138" s="23"/>
      <c r="NAC138" s="23"/>
      <c r="NAD138" s="23"/>
      <c r="NAE138" s="23"/>
      <c r="NAF138" s="23"/>
      <c r="NAG138" s="23"/>
      <c r="NAH138" s="23"/>
      <c r="NAI138" s="23"/>
      <c r="NAJ138" s="23"/>
      <c r="NAK138" s="23"/>
      <c r="NAL138" s="23"/>
      <c r="NAM138" s="23"/>
      <c r="NAN138" s="23"/>
      <c r="NAO138" s="23"/>
      <c r="NAP138" s="23"/>
      <c r="NAQ138" s="23"/>
      <c r="NAR138" s="23"/>
      <c r="NAS138" s="23"/>
      <c r="NAT138" s="23"/>
      <c r="NAU138" s="23"/>
      <c r="NAV138" s="23"/>
      <c r="NAW138" s="23"/>
      <c r="NAX138" s="23"/>
      <c r="NAY138" s="23"/>
      <c r="NAZ138" s="23"/>
      <c r="NBA138" s="23"/>
      <c r="NBB138" s="23"/>
      <c r="NBC138" s="23"/>
      <c r="NBD138" s="23"/>
      <c r="NBE138" s="23"/>
      <c r="NBF138" s="23"/>
      <c r="NBG138" s="23"/>
      <c r="NBH138" s="23"/>
      <c r="NBI138" s="23"/>
      <c r="NBJ138" s="23"/>
      <c r="NBK138" s="23"/>
      <c r="NBL138" s="23"/>
      <c r="NBM138" s="23"/>
      <c r="NBN138" s="23"/>
      <c r="NBO138" s="23"/>
      <c r="NBP138" s="23"/>
      <c r="NBQ138" s="23"/>
      <c r="NBR138" s="23"/>
      <c r="NBS138" s="23"/>
      <c r="NBT138" s="23"/>
      <c r="NBU138" s="23"/>
      <c r="NBV138" s="23"/>
      <c r="NBW138" s="23"/>
      <c r="NBX138" s="23"/>
      <c r="NBY138" s="23"/>
      <c r="NBZ138" s="23"/>
      <c r="NCA138" s="23"/>
      <c r="NCB138" s="23"/>
      <c r="NCC138" s="23"/>
      <c r="NCD138" s="23"/>
      <c r="NCE138" s="23"/>
      <c r="NCF138" s="23"/>
      <c r="NCG138" s="23"/>
      <c r="NCH138" s="23"/>
      <c r="NCI138" s="23"/>
      <c r="NCJ138" s="23"/>
      <c r="NCK138" s="23"/>
      <c r="NCL138" s="23"/>
      <c r="NCM138" s="23"/>
      <c r="NCN138" s="23"/>
      <c r="NCO138" s="23"/>
      <c r="NCP138" s="23"/>
      <c r="NCQ138" s="23"/>
      <c r="NCR138" s="23"/>
      <c r="NCS138" s="23"/>
      <c r="NCT138" s="23"/>
      <c r="NCU138" s="23"/>
      <c r="NCV138" s="23"/>
      <c r="NCW138" s="23"/>
      <c r="NCX138" s="23"/>
      <c r="NCY138" s="23"/>
      <c r="NCZ138" s="23"/>
      <c r="NDA138" s="23"/>
      <c r="NDB138" s="23"/>
      <c r="NDC138" s="23"/>
      <c r="NDD138" s="23"/>
      <c r="NDE138" s="23"/>
      <c r="NDF138" s="23"/>
      <c r="NDG138" s="23"/>
      <c r="NDH138" s="23"/>
      <c r="NDI138" s="23"/>
      <c r="NDJ138" s="23"/>
      <c r="NDK138" s="23"/>
      <c r="NDL138" s="23"/>
      <c r="NDM138" s="23"/>
      <c r="NDN138" s="23"/>
      <c r="NDO138" s="23"/>
      <c r="NDP138" s="23"/>
      <c r="NDQ138" s="23"/>
      <c r="NDR138" s="23"/>
      <c r="NDS138" s="23"/>
      <c r="NDT138" s="23"/>
      <c r="NDU138" s="23"/>
      <c r="NDV138" s="23"/>
      <c r="NDW138" s="23"/>
      <c r="NDX138" s="23"/>
      <c r="NDY138" s="23"/>
      <c r="NDZ138" s="23"/>
      <c r="NEA138" s="23"/>
      <c r="NEB138" s="23"/>
      <c r="NEC138" s="23"/>
      <c r="NED138" s="23"/>
      <c r="NEE138" s="23"/>
      <c r="NEF138" s="23"/>
      <c r="NEG138" s="23"/>
      <c r="NEH138" s="23"/>
      <c r="NEI138" s="23"/>
      <c r="NEJ138" s="23"/>
      <c r="NEK138" s="23"/>
      <c r="NEL138" s="23"/>
      <c r="NEM138" s="23"/>
      <c r="NEN138" s="23"/>
      <c r="NEO138" s="23"/>
      <c r="NEP138" s="23"/>
      <c r="NEQ138" s="23"/>
      <c r="NER138" s="23"/>
      <c r="NES138" s="23"/>
      <c r="NET138" s="23"/>
      <c r="NEU138" s="23"/>
      <c r="NEV138" s="23"/>
      <c r="NEW138" s="23"/>
      <c r="NEX138" s="23"/>
      <c r="NEY138" s="23"/>
      <c r="NEZ138" s="23"/>
      <c r="NFA138" s="23"/>
      <c r="NFB138" s="23"/>
      <c r="NFC138" s="23"/>
      <c r="NFD138" s="23"/>
      <c r="NFE138" s="23"/>
      <c r="NFF138" s="23"/>
      <c r="NFG138" s="23"/>
      <c r="NFH138" s="23"/>
      <c r="NFI138" s="23"/>
      <c r="NFJ138" s="23"/>
      <c r="NFK138" s="23"/>
      <c r="NFL138" s="23"/>
      <c r="NFM138" s="23"/>
      <c r="NFN138" s="23"/>
      <c r="NFO138" s="23"/>
      <c r="NFP138" s="23"/>
      <c r="NFQ138" s="23"/>
      <c r="NFR138" s="23"/>
      <c r="NFS138" s="23"/>
      <c r="NFT138" s="23"/>
      <c r="NFU138" s="23"/>
      <c r="NFV138" s="23"/>
      <c r="NFW138" s="23"/>
      <c r="NFX138" s="23"/>
      <c r="NFY138" s="23"/>
      <c r="NFZ138" s="23"/>
      <c r="NGA138" s="23"/>
      <c r="NGB138" s="23"/>
      <c r="NGC138" s="23"/>
      <c r="NGD138" s="23"/>
      <c r="NGE138" s="23"/>
      <c r="NGF138" s="23"/>
      <c r="NGG138" s="23"/>
      <c r="NGH138" s="23"/>
      <c r="NGI138" s="23"/>
      <c r="NGJ138" s="23"/>
      <c r="NGK138" s="23"/>
      <c r="NGL138" s="23"/>
      <c r="NGM138" s="23"/>
      <c r="NGN138" s="23"/>
      <c r="NGO138" s="23"/>
      <c r="NGP138" s="23"/>
      <c r="NGQ138" s="23"/>
      <c r="NGR138" s="23"/>
      <c r="NGS138" s="23"/>
      <c r="NGT138" s="23"/>
      <c r="NGU138" s="23"/>
      <c r="NGV138" s="23"/>
      <c r="NGW138" s="23"/>
      <c r="NGX138" s="23"/>
      <c r="NGY138" s="23"/>
      <c r="NGZ138" s="23"/>
      <c r="NHA138" s="23"/>
      <c r="NHB138" s="23"/>
      <c r="NHC138" s="23"/>
      <c r="NHD138" s="23"/>
      <c r="NHE138" s="23"/>
      <c r="NHF138" s="23"/>
      <c r="NHG138" s="23"/>
      <c r="NHH138" s="23"/>
      <c r="NHI138" s="23"/>
      <c r="NHJ138" s="23"/>
      <c r="NHK138" s="23"/>
      <c r="NHL138" s="23"/>
      <c r="NHM138" s="23"/>
      <c r="NHN138" s="23"/>
      <c r="NHO138" s="23"/>
      <c r="NHP138" s="23"/>
      <c r="NHQ138" s="23"/>
      <c r="NHR138" s="23"/>
      <c r="NHS138" s="23"/>
      <c r="NHT138" s="23"/>
      <c r="NHU138" s="23"/>
      <c r="NHV138" s="23"/>
      <c r="NHW138" s="23"/>
      <c r="NHX138" s="23"/>
      <c r="NHY138" s="23"/>
      <c r="NHZ138" s="23"/>
      <c r="NIA138" s="23"/>
      <c r="NIB138" s="23"/>
      <c r="NIC138" s="23"/>
      <c r="NID138" s="23"/>
      <c r="NIE138" s="23"/>
      <c r="NIF138" s="23"/>
      <c r="NIG138" s="23"/>
      <c r="NIH138" s="23"/>
      <c r="NII138" s="23"/>
      <c r="NIJ138" s="23"/>
      <c r="NIK138" s="23"/>
      <c r="NIL138" s="23"/>
      <c r="NIM138" s="23"/>
      <c r="NIN138" s="23"/>
      <c r="NIO138" s="23"/>
      <c r="NIP138" s="23"/>
      <c r="NIQ138" s="23"/>
      <c r="NIR138" s="23"/>
      <c r="NIS138" s="23"/>
      <c r="NIT138" s="23"/>
      <c r="NIU138" s="23"/>
      <c r="NIV138" s="23"/>
      <c r="NIW138" s="23"/>
      <c r="NIX138" s="23"/>
      <c r="NIY138" s="23"/>
      <c r="NIZ138" s="23"/>
      <c r="NJA138" s="23"/>
      <c r="NJB138" s="23"/>
      <c r="NJC138" s="23"/>
      <c r="NJD138" s="23"/>
      <c r="NJE138" s="23"/>
      <c r="NJF138" s="23"/>
      <c r="NJG138" s="23"/>
      <c r="NJH138" s="23"/>
      <c r="NJI138" s="23"/>
      <c r="NJJ138" s="23"/>
      <c r="NJK138" s="23"/>
      <c r="NJL138" s="23"/>
      <c r="NJM138" s="23"/>
      <c r="NJN138" s="23"/>
      <c r="NJO138" s="23"/>
      <c r="NJP138" s="23"/>
      <c r="NJQ138" s="23"/>
      <c r="NJR138" s="23"/>
      <c r="NJS138" s="23"/>
      <c r="NJT138" s="23"/>
      <c r="NJU138" s="23"/>
      <c r="NJV138" s="23"/>
      <c r="NJW138" s="23"/>
      <c r="NJX138" s="23"/>
      <c r="NJY138" s="23"/>
      <c r="NJZ138" s="23"/>
      <c r="NKA138" s="23"/>
      <c r="NKB138" s="23"/>
      <c r="NKC138" s="23"/>
      <c r="NKD138" s="23"/>
      <c r="NKE138" s="23"/>
      <c r="NKF138" s="23"/>
      <c r="NKG138" s="23"/>
      <c r="NKH138" s="23"/>
      <c r="NKI138" s="23"/>
      <c r="NKJ138" s="23"/>
      <c r="NKK138" s="23"/>
      <c r="NKL138" s="23"/>
      <c r="NKM138" s="23"/>
      <c r="NKN138" s="23"/>
      <c r="NKO138" s="23"/>
      <c r="NKP138" s="23"/>
      <c r="NKQ138" s="23"/>
      <c r="NKR138" s="23"/>
      <c r="NKS138" s="23"/>
      <c r="NKT138" s="23"/>
      <c r="NKU138" s="23"/>
      <c r="NKV138" s="23"/>
      <c r="NKW138" s="23"/>
      <c r="NKX138" s="23"/>
      <c r="NKY138" s="23"/>
      <c r="NKZ138" s="23"/>
      <c r="NLA138" s="23"/>
      <c r="NLB138" s="23"/>
      <c r="NLC138" s="23"/>
      <c r="NLD138" s="23"/>
      <c r="NLE138" s="23"/>
      <c r="NLF138" s="23"/>
      <c r="NLG138" s="23"/>
      <c r="NLH138" s="23"/>
      <c r="NLI138" s="23"/>
      <c r="NLJ138" s="23"/>
      <c r="NLK138" s="23"/>
      <c r="NLL138" s="23"/>
      <c r="NLM138" s="23"/>
      <c r="NLN138" s="23"/>
      <c r="NLO138" s="23"/>
      <c r="NLP138" s="23"/>
      <c r="NLQ138" s="23"/>
      <c r="NLR138" s="23"/>
      <c r="NLS138" s="23"/>
      <c r="NLT138" s="23"/>
      <c r="NLU138" s="23"/>
      <c r="NLV138" s="23"/>
      <c r="NLW138" s="23"/>
      <c r="NLX138" s="23"/>
      <c r="NLY138" s="23"/>
      <c r="NLZ138" s="23"/>
      <c r="NMA138" s="23"/>
      <c r="NMB138" s="23"/>
      <c r="NMC138" s="23"/>
      <c r="NMD138" s="23"/>
      <c r="NME138" s="23"/>
      <c r="NMF138" s="23"/>
      <c r="NMG138" s="23"/>
      <c r="NMH138" s="23"/>
      <c r="NMI138" s="23"/>
      <c r="NMJ138" s="23"/>
      <c r="NMK138" s="23"/>
      <c r="NML138" s="23"/>
      <c r="NMM138" s="23"/>
      <c r="NMN138" s="23"/>
      <c r="NMO138" s="23"/>
      <c r="NMP138" s="23"/>
      <c r="NMQ138" s="23"/>
      <c r="NMR138" s="23"/>
      <c r="NMS138" s="23"/>
      <c r="NMT138" s="23"/>
      <c r="NMU138" s="23"/>
      <c r="NMV138" s="23"/>
      <c r="NMW138" s="23"/>
      <c r="NMX138" s="23"/>
      <c r="NMY138" s="23"/>
      <c r="NMZ138" s="23"/>
      <c r="NNA138" s="23"/>
      <c r="NNB138" s="23"/>
      <c r="NNC138" s="23"/>
      <c r="NND138" s="23"/>
      <c r="NNE138" s="23"/>
      <c r="NNF138" s="23"/>
      <c r="NNG138" s="23"/>
      <c r="NNH138" s="23"/>
      <c r="NNI138" s="23"/>
      <c r="NNJ138" s="23"/>
      <c r="NNK138" s="23"/>
      <c r="NNL138" s="23"/>
      <c r="NNM138" s="23"/>
      <c r="NNN138" s="23"/>
      <c r="NNO138" s="23"/>
      <c r="NNP138" s="23"/>
      <c r="NNQ138" s="23"/>
      <c r="NNR138" s="23"/>
      <c r="NNS138" s="23"/>
      <c r="NNT138" s="23"/>
      <c r="NNU138" s="23"/>
      <c r="NNV138" s="23"/>
      <c r="NNW138" s="23"/>
      <c r="NNX138" s="23"/>
      <c r="NNY138" s="23"/>
      <c r="NNZ138" s="23"/>
      <c r="NOA138" s="23"/>
      <c r="NOB138" s="23"/>
      <c r="NOC138" s="23"/>
      <c r="NOD138" s="23"/>
      <c r="NOE138" s="23"/>
      <c r="NOF138" s="23"/>
      <c r="NOG138" s="23"/>
      <c r="NOH138" s="23"/>
      <c r="NOI138" s="23"/>
      <c r="NOJ138" s="23"/>
      <c r="NOK138" s="23"/>
      <c r="NOL138" s="23"/>
      <c r="NOM138" s="23"/>
      <c r="NON138" s="23"/>
      <c r="NOO138" s="23"/>
      <c r="NOP138" s="23"/>
      <c r="NOQ138" s="23"/>
      <c r="NOR138" s="23"/>
      <c r="NOS138" s="23"/>
      <c r="NOT138" s="23"/>
      <c r="NOU138" s="23"/>
      <c r="NOV138" s="23"/>
      <c r="NOW138" s="23"/>
      <c r="NOX138" s="23"/>
      <c r="NOY138" s="23"/>
      <c r="NOZ138" s="23"/>
      <c r="NPA138" s="23"/>
      <c r="NPB138" s="23"/>
      <c r="NPC138" s="23"/>
      <c r="NPD138" s="23"/>
      <c r="NPE138" s="23"/>
      <c r="NPF138" s="23"/>
      <c r="NPG138" s="23"/>
      <c r="NPH138" s="23"/>
      <c r="NPI138" s="23"/>
      <c r="NPJ138" s="23"/>
      <c r="NPK138" s="23"/>
      <c r="NPL138" s="23"/>
      <c r="NPM138" s="23"/>
      <c r="NPN138" s="23"/>
      <c r="NPO138" s="23"/>
      <c r="NPP138" s="23"/>
      <c r="NPQ138" s="23"/>
      <c r="NPR138" s="23"/>
      <c r="NPS138" s="23"/>
      <c r="NPT138" s="23"/>
      <c r="NPU138" s="23"/>
      <c r="NPV138" s="23"/>
      <c r="NPW138" s="23"/>
      <c r="NPX138" s="23"/>
      <c r="NPY138" s="23"/>
      <c r="NPZ138" s="23"/>
      <c r="NQA138" s="23"/>
      <c r="NQB138" s="23"/>
      <c r="NQC138" s="23"/>
      <c r="NQD138" s="23"/>
      <c r="NQE138" s="23"/>
      <c r="NQF138" s="23"/>
      <c r="NQG138" s="23"/>
      <c r="NQH138" s="23"/>
      <c r="NQI138" s="23"/>
      <c r="NQJ138" s="23"/>
      <c r="NQK138" s="23"/>
      <c r="NQL138" s="23"/>
      <c r="NQM138" s="23"/>
      <c r="NQN138" s="23"/>
      <c r="NQO138" s="23"/>
      <c r="NQP138" s="23"/>
      <c r="NQQ138" s="23"/>
      <c r="NQR138" s="23"/>
      <c r="NQS138" s="23"/>
      <c r="NQT138" s="23"/>
      <c r="NQU138" s="23"/>
      <c r="NQV138" s="23"/>
      <c r="NQW138" s="23"/>
      <c r="NQX138" s="23"/>
      <c r="NQY138" s="23"/>
      <c r="NQZ138" s="23"/>
      <c r="NRA138" s="23"/>
      <c r="NRB138" s="23"/>
      <c r="NRC138" s="23"/>
      <c r="NRD138" s="23"/>
      <c r="NRE138" s="23"/>
      <c r="NRF138" s="23"/>
      <c r="NRG138" s="23"/>
      <c r="NRH138" s="23"/>
      <c r="NRI138" s="23"/>
      <c r="NRJ138" s="23"/>
      <c r="NRK138" s="23"/>
      <c r="NRL138" s="23"/>
      <c r="NRM138" s="23"/>
      <c r="NRN138" s="23"/>
      <c r="NRO138" s="23"/>
      <c r="NRP138" s="23"/>
      <c r="NRQ138" s="23"/>
      <c r="NRR138" s="23"/>
      <c r="NRS138" s="23"/>
      <c r="NRT138" s="23"/>
      <c r="NRU138" s="23"/>
      <c r="NRV138" s="23"/>
      <c r="NRW138" s="23"/>
      <c r="NRX138" s="23"/>
      <c r="NRY138" s="23"/>
      <c r="NRZ138" s="23"/>
      <c r="NSA138" s="23"/>
      <c r="NSB138" s="23"/>
      <c r="NSC138" s="23"/>
      <c r="NSD138" s="23"/>
      <c r="NSE138" s="23"/>
      <c r="NSF138" s="23"/>
      <c r="NSG138" s="23"/>
      <c r="NSH138" s="23"/>
      <c r="NSI138" s="23"/>
      <c r="NSJ138" s="23"/>
      <c r="NSK138" s="23"/>
      <c r="NSL138" s="23"/>
      <c r="NSM138" s="23"/>
      <c r="NSN138" s="23"/>
      <c r="NSO138" s="23"/>
      <c r="NSP138" s="23"/>
      <c r="NSQ138" s="23"/>
      <c r="NSR138" s="23"/>
      <c r="NSS138" s="23"/>
      <c r="NST138" s="23"/>
      <c r="NSU138" s="23"/>
      <c r="NSV138" s="23"/>
      <c r="NSW138" s="23"/>
      <c r="NSX138" s="23"/>
      <c r="NSY138" s="23"/>
      <c r="NSZ138" s="23"/>
      <c r="NTA138" s="23"/>
      <c r="NTB138" s="23"/>
      <c r="NTC138" s="23"/>
      <c r="NTD138" s="23"/>
      <c r="NTE138" s="23"/>
      <c r="NTF138" s="23"/>
      <c r="NTG138" s="23"/>
      <c r="NTH138" s="23"/>
      <c r="NTI138" s="23"/>
      <c r="NTJ138" s="23"/>
      <c r="NTK138" s="23"/>
      <c r="NTL138" s="23"/>
      <c r="NTM138" s="23"/>
      <c r="NTN138" s="23"/>
      <c r="NTO138" s="23"/>
      <c r="NTP138" s="23"/>
      <c r="NTQ138" s="23"/>
      <c r="NTR138" s="23"/>
      <c r="NTS138" s="23"/>
      <c r="NTT138" s="23"/>
      <c r="NTU138" s="23"/>
      <c r="NTV138" s="23"/>
      <c r="NTW138" s="23"/>
      <c r="NTX138" s="23"/>
      <c r="NTY138" s="23"/>
      <c r="NTZ138" s="23"/>
      <c r="NUA138" s="23"/>
      <c r="NUB138" s="23"/>
      <c r="NUC138" s="23"/>
      <c r="NUD138" s="23"/>
      <c r="NUE138" s="23"/>
      <c r="NUF138" s="23"/>
      <c r="NUG138" s="23"/>
      <c r="NUH138" s="23"/>
      <c r="NUI138" s="23"/>
      <c r="NUJ138" s="23"/>
      <c r="NUK138" s="23"/>
      <c r="NUL138" s="23"/>
      <c r="NUM138" s="23"/>
      <c r="NUN138" s="23"/>
      <c r="NUO138" s="23"/>
      <c r="NUP138" s="23"/>
      <c r="NUQ138" s="23"/>
      <c r="NUR138" s="23"/>
      <c r="NUS138" s="23"/>
      <c r="NUT138" s="23"/>
      <c r="NUU138" s="23"/>
      <c r="NUV138" s="23"/>
      <c r="NUW138" s="23"/>
      <c r="NUX138" s="23"/>
      <c r="NUY138" s="23"/>
      <c r="NUZ138" s="23"/>
      <c r="NVA138" s="23"/>
      <c r="NVB138" s="23"/>
      <c r="NVC138" s="23"/>
      <c r="NVD138" s="23"/>
      <c r="NVE138" s="23"/>
      <c r="NVF138" s="23"/>
      <c r="NVG138" s="23"/>
      <c r="NVH138" s="23"/>
      <c r="NVI138" s="23"/>
      <c r="NVJ138" s="23"/>
      <c r="NVK138" s="23"/>
      <c r="NVL138" s="23"/>
      <c r="NVM138" s="23"/>
      <c r="NVN138" s="23"/>
      <c r="NVO138" s="23"/>
      <c r="NVP138" s="23"/>
      <c r="NVQ138" s="23"/>
      <c r="NVR138" s="23"/>
      <c r="NVS138" s="23"/>
      <c r="NVT138" s="23"/>
      <c r="NVU138" s="23"/>
      <c r="NVV138" s="23"/>
      <c r="NVW138" s="23"/>
      <c r="NVX138" s="23"/>
      <c r="NVY138" s="23"/>
      <c r="NVZ138" s="23"/>
      <c r="NWA138" s="23"/>
      <c r="NWB138" s="23"/>
      <c r="NWC138" s="23"/>
      <c r="NWD138" s="23"/>
      <c r="NWE138" s="23"/>
      <c r="NWF138" s="23"/>
      <c r="NWG138" s="23"/>
      <c r="NWH138" s="23"/>
      <c r="NWI138" s="23"/>
      <c r="NWJ138" s="23"/>
      <c r="NWK138" s="23"/>
      <c r="NWL138" s="23"/>
      <c r="NWM138" s="23"/>
      <c r="NWN138" s="23"/>
      <c r="NWO138" s="23"/>
      <c r="NWP138" s="23"/>
      <c r="NWQ138" s="23"/>
      <c r="NWR138" s="23"/>
      <c r="NWS138" s="23"/>
      <c r="NWT138" s="23"/>
      <c r="NWU138" s="23"/>
      <c r="NWV138" s="23"/>
      <c r="NWW138" s="23"/>
      <c r="NWX138" s="23"/>
      <c r="NWY138" s="23"/>
      <c r="NWZ138" s="23"/>
      <c r="NXA138" s="23"/>
      <c r="NXB138" s="23"/>
      <c r="NXC138" s="23"/>
      <c r="NXD138" s="23"/>
      <c r="NXE138" s="23"/>
      <c r="NXF138" s="23"/>
      <c r="NXG138" s="23"/>
      <c r="NXH138" s="23"/>
      <c r="NXI138" s="23"/>
      <c r="NXJ138" s="23"/>
      <c r="NXK138" s="23"/>
      <c r="NXL138" s="23"/>
      <c r="NXM138" s="23"/>
      <c r="NXN138" s="23"/>
      <c r="NXO138" s="23"/>
      <c r="NXP138" s="23"/>
      <c r="NXQ138" s="23"/>
      <c r="NXR138" s="23"/>
      <c r="NXS138" s="23"/>
      <c r="NXT138" s="23"/>
      <c r="NXU138" s="23"/>
      <c r="NXV138" s="23"/>
      <c r="NXW138" s="23"/>
      <c r="NXX138" s="23"/>
      <c r="NXY138" s="23"/>
      <c r="NXZ138" s="23"/>
      <c r="NYA138" s="23"/>
      <c r="NYB138" s="23"/>
      <c r="NYC138" s="23"/>
      <c r="NYD138" s="23"/>
      <c r="NYE138" s="23"/>
      <c r="NYF138" s="23"/>
      <c r="NYG138" s="23"/>
      <c r="NYH138" s="23"/>
      <c r="NYI138" s="23"/>
      <c r="NYJ138" s="23"/>
      <c r="NYK138" s="23"/>
      <c r="NYL138" s="23"/>
      <c r="NYM138" s="23"/>
      <c r="NYN138" s="23"/>
      <c r="NYO138" s="23"/>
      <c r="NYP138" s="23"/>
      <c r="NYQ138" s="23"/>
      <c r="NYR138" s="23"/>
      <c r="NYS138" s="23"/>
      <c r="NYT138" s="23"/>
      <c r="NYU138" s="23"/>
      <c r="NYV138" s="23"/>
      <c r="NYW138" s="23"/>
      <c r="NYX138" s="23"/>
      <c r="NYY138" s="23"/>
      <c r="NYZ138" s="23"/>
      <c r="NZA138" s="23"/>
      <c r="NZB138" s="23"/>
      <c r="NZC138" s="23"/>
      <c r="NZD138" s="23"/>
      <c r="NZE138" s="23"/>
      <c r="NZF138" s="23"/>
      <c r="NZG138" s="23"/>
      <c r="NZH138" s="23"/>
      <c r="NZI138" s="23"/>
      <c r="NZJ138" s="23"/>
      <c r="NZK138" s="23"/>
      <c r="NZL138" s="23"/>
      <c r="NZM138" s="23"/>
      <c r="NZN138" s="23"/>
      <c r="NZO138" s="23"/>
      <c r="NZP138" s="23"/>
      <c r="NZQ138" s="23"/>
      <c r="NZR138" s="23"/>
      <c r="NZS138" s="23"/>
      <c r="NZT138" s="23"/>
      <c r="NZU138" s="23"/>
      <c r="NZV138" s="23"/>
      <c r="NZW138" s="23"/>
      <c r="NZX138" s="23"/>
      <c r="NZY138" s="23"/>
      <c r="NZZ138" s="23"/>
      <c r="OAA138" s="23"/>
      <c r="OAB138" s="23"/>
      <c r="OAC138" s="23"/>
      <c r="OAD138" s="23"/>
      <c r="OAE138" s="23"/>
      <c r="OAF138" s="23"/>
      <c r="OAG138" s="23"/>
      <c r="OAH138" s="23"/>
      <c r="OAI138" s="23"/>
      <c r="OAJ138" s="23"/>
      <c r="OAK138" s="23"/>
      <c r="OAL138" s="23"/>
      <c r="OAM138" s="23"/>
      <c r="OAN138" s="23"/>
      <c r="OAO138" s="23"/>
      <c r="OAP138" s="23"/>
      <c r="OAQ138" s="23"/>
      <c r="OAR138" s="23"/>
      <c r="OAS138" s="23"/>
      <c r="OAT138" s="23"/>
      <c r="OAU138" s="23"/>
      <c r="OAV138" s="23"/>
      <c r="OAW138" s="23"/>
      <c r="OAX138" s="23"/>
      <c r="OAY138" s="23"/>
      <c r="OAZ138" s="23"/>
      <c r="OBA138" s="23"/>
      <c r="OBB138" s="23"/>
      <c r="OBC138" s="23"/>
      <c r="OBD138" s="23"/>
      <c r="OBE138" s="23"/>
      <c r="OBF138" s="23"/>
      <c r="OBG138" s="23"/>
      <c r="OBH138" s="23"/>
      <c r="OBI138" s="23"/>
      <c r="OBJ138" s="23"/>
      <c r="OBK138" s="23"/>
      <c r="OBL138" s="23"/>
      <c r="OBM138" s="23"/>
      <c r="OBN138" s="23"/>
      <c r="OBO138" s="23"/>
      <c r="OBP138" s="23"/>
      <c r="OBQ138" s="23"/>
      <c r="OBR138" s="23"/>
      <c r="OBS138" s="23"/>
      <c r="OBT138" s="23"/>
      <c r="OBU138" s="23"/>
      <c r="OBV138" s="23"/>
      <c r="OBW138" s="23"/>
      <c r="OBX138" s="23"/>
      <c r="OBY138" s="23"/>
      <c r="OBZ138" s="23"/>
      <c r="OCA138" s="23"/>
      <c r="OCB138" s="23"/>
      <c r="OCC138" s="23"/>
      <c r="OCD138" s="23"/>
      <c r="OCE138" s="23"/>
      <c r="OCF138" s="23"/>
      <c r="OCG138" s="23"/>
      <c r="OCH138" s="23"/>
      <c r="OCI138" s="23"/>
      <c r="OCJ138" s="23"/>
      <c r="OCK138" s="23"/>
      <c r="OCL138" s="23"/>
      <c r="OCM138" s="23"/>
      <c r="OCN138" s="23"/>
      <c r="OCO138" s="23"/>
      <c r="OCP138" s="23"/>
      <c r="OCQ138" s="23"/>
      <c r="OCR138" s="23"/>
      <c r="OCS138" s="23"/>
      <c r="OCT138" s="23"/>
      <c r="OCU138" s="23"/>
      <c r="OCV138" s="23"/>
      <c r="OCW138" s="23"/>
      <c r="OCX138" s="23"/>
      <c r="OCY138" s="23"/>
      <c r="OCZ138" s="23"/>
      <c r="ODA138" s="23"/>
      <c r="ODB138" s="23"/>
      <c r="ODC138" s="23"/>
      <c r="ODD138" s="23"/>
      <c r="ODE138" s="23"/>
      <c r="ODF138" s="23"/>
      <c r="ODG138" s="23"/>
      <c r="ODH138" s="23"/>
      <c r="ODI138" s="23"/>
      <c r="ODJ138" s="23"/>
      <c r="ODK138" s="23"/>
      <c r="ODL138" s="23"/>
      <c r="ODM138" s="23"/>
      <c r="ODN138" s="23"/>
      <c r="ODO138" s="23"/>
      <c r="ODP138" s="23"/>
      <c r="ODQ138" s="23"/>
      <c r="ODR138" s="23"/>
      <c r="ODS138" s="23"/>
      <c r="ODT138" s="23"/>
      <c r="ODU138" s="23"/>
      <c r="ODV138" s="23"/>
      <c r="ODW138" s="23"/>
      <c r="ODX138" s="23"/>
      <c r="ODY138" s="23"/>
      <c r="ODZ138" s="23"/>
      <c r="OEA138" s="23"/>
      <c r="OEB138" s="23"/>
      <c r="OEC138" s="23"/>
      <c r="OED138" s="23"/>
      <c r="OEE138" s="23"/>
      <c r="OEF138" s="23"/>
      <c r="OEG138" s="23"/>
      <c r="OEH138" s="23"/>
      <c r="OEI138" s="23"/>
      <c r="OEJ138" s="23"/>
      <c r="OEK138" s="23"/>
      <c r="OEL138" s="23"/>
      <c r="OEM138" s="23"/>
      <c r="OEN138" s="23"/>
      <c r="OEO138" s="23"/>
      <c r="OEP138" s="23"/>
      <c r="OEQ138" s="23"/>
      <c r="OER138" s="23"/>
      <c r="OES138" s="23"/>
      <c r="OET138" s="23"/>
      <c r="OEU138" s="23"/>
      <c r="OEV138" s="23"/>
      <c r="OEW138" s="23"/>
      <c r="OEX138" s="23"/>
      <c r="OEY138" s="23"/>
      <c r="OEZ138" s="23"/>
      <c r="OFA138" s="23"/>
      <c r="OFB138" s="23"/>
      <c r="OFC138" s="23"/>
      <c r="OFD138" s="23"/>
      <c r="OFE138" s="23"/>
      <c r="OFF138" s="23"/>
      <c r="OFG138" s="23"/>
      <c r="OFH138" s="23"/>
      <c r="OFI138" s="23"/>
      <c r="OFJ138" s="23"/>
      <c r="OFK138" s="23"/>
      <c r="OFL138" s="23"/>
      <c r="OFM138" s="23"/>
      <c r="OFN138" s="23"/>
      <c r="OFO138" s="23"/>
      <c r="OFP138" s="23"/>
      <c r="OFQ138" s="23"/>
      <c r="OFR138" s="23"/>
      <c r="OFS138" s="23"/>
      <c r="OFT138" s="23"/>
      <c r="OFU138" s="23"/>
      <c r="OFV138" s="23"/>
      <c r="OFW138" s="23"/>
      <c r="OFX138" s="23"/>
      <c r="OFY138" s="23"/>
      <c r="OFZ138" s="23"/>
      <c r="OGA138" s="23"/>
      <c r="OGB138" s="23"/>
      <c r="OGC138" s="23"/>
      <c r="OGD138" s="23"/>
      <c r="OGE138" s="23"/>
      <c r="OGF138" s="23"/>
      <c r="OGG138" s="23"/>
      <c r="OGH138" s="23"/>
      <c r="OGI138" s="23"/>
      <c r="OGJ138" s="23"/>
      <c r="OGK138" s="23"/>
      <c r="OGL138" s="23"/>
      <c r="OGM138" s="23"/>
      <c r="OGN138" s="23"/>
      <c r="OGO138" s="23"/>
      <c r="OGP138" s="23"/>
      <c r="OGQ138" s="23"/>
      <c r="OGR138" s="23"/>
      <c r="OGS138" s="23"/>
      <c r="OGT138" s="23"/>
      <c r="OGU138" s="23"/>
      <c r="OGV138" s="23"/>
      <c r="OGW138" s="23"/>
      <c r="OGX138" s="23"/>
      <c r="OGY138" s="23"/>
      <c r="OGZ138" s="23"/>
      <c r="OHA138" s="23"/>
      <c r="OHB138" s="23"/>
      <c r="OHC138" s="23"/>
      <c r="OHD138" s="23"/>
      <c r="OHE138" s="23"/>
      <c r="OHF138" s="23"/>
      <c r="OHG138" s="23"/>
      <c r="OHH138" s="23"/>
      <c r="OHI138" s="23"/>
      <c r="OHJ138" s="23"/>
      <c r="OHK138" s="23"/>
      <c r="OHL138" s="23"/>
      <c r="OHM138" s="23"/>
      <c r="OHN138" s="23"/>
      <c r="OHO138" s="23"/>
      <c r="OHP138" s="23"/>
      <c r="OHQ138" s="23"/>
      <c r="OHR138" s="23"/>
      <c r="OHS138" s="23"/>
      <c r="OHT138" s="23"/>
      <c r="OHU138" s="23"/>
      <c r="OHV138" s="23"/>
      <c r="OHW138" s="23"/>
      <c r="OHX138" s="23"/>
      <c r="OHY138" s="23"/>
      <c r="OHZ138" s="23"/>
      <c r="OIA138" s="23"/>
      <c r="OIB138" s="23"/>
      <c r="OIC138" s="23"/>
      <c r="OID138" s="23"/>
      <c r="OIE138" s="23"/>
      <c r="OIF138" s="23"/>
      <c r="OIG138" s="23"/>
      <c r="OIH138" s="23"/>
      <c r="OII138" s="23"/>
      <c r="OIJ138" s="23"/>
      <c r="OIK138" s="23"/>
      <c r="OIL138" s="23"/>
      <c r="OIM138" s="23"/>
      <c r="OIN138" s="23"/>
      <c r="OIO138" s="23"/>
      <c r="OIP138" s="23"/>
      <c r="OIQ138" s="23"/>
      <c r="OIR138" s="23"/>
      <c r="OIS138" s="23"/>
      <c r="OIT138" s="23"/>
      <c r="OIU138" s="23"/>
      <c r="OIV138" s="23"/>
      <c r="OIW138" s="23"/>
      <c r="OIX138" s="23"/>
      <c r="OIY138" s="23"/>
      <c r="OIZ138" s="23"/>
      <c r="OJA138" s="23"/>
      <c r="OJB138" s="23"/>
      <c r="OJC138" s="23"/>
      <c r="OJD138" s="23"/>
      <c r="OJE138" s="23"/>
      <c r="OJF138" s="23"/>
      <c r="OJG138" s="23"/>
      <c r="OJH138" s="23"/>
      <c r="OJI138" s="23"/>
      <c r="OJJ138" s="23"/>
      <c r="OJK138" s="23"/>
      <c r="OJL138" s="23"/>
      <c r="OJM138" s="23"/>
      <c r="OJN138" s="23"/>
      <c r="OJO138" s="23"/>
      <c r="OJP138" s="23"/>
      <c r="OJQ138" s="23"/>
      <c r="OJR138" s="23"/>
      <c r="OJS138" s="23"/>
      <c r="OJT138" s="23"/>
      <c r="OJU138" s="23"/>
      <c r="OJV138" s="23"/>
      <c r="OJW138" s="23"/>
      <c r="OJX138" s="23"/>
      <c r="OJY138" s="23"/>
      <c r="OJZ138" s="23"/>
      <c r="OKA138" s="23"/>
      <c r="OKB138" s="23"/>
      <c r="OKC138" s="23"/>
      <c r="OKD138" s="23"/>
      <c r="OKE138" s="23"/>
      <c r="OKF138" s="23"/>
      <c r="OKG138" s="23"/>
      <c r="OKH138" s="23"/>
      <c r="OKI138" s="23"/>
      <c r="OKJ138" s="23"/>
      <c r="OKK138" s="23"/>
      <c r="OKL138" s="23"/>
      <c r="OKM138" s="23"/>
      <c r="OKN138" s="23"/>
      <c r="OKO138" s="23"/>
      <c r="OKP138" s="23"/>
      <c r="OKQ138" s="23"/>
      <c r="OKR138" s="23"/>
      <c r="OKS138" s="23"/>
      <c r="OKT138" s="23"/>
      <c r="OKU138" s="23"/>
      <c r="OKV138" s="23"/>
      <c r="OKW138" s="23"/>
      <c r="OKX138" s="23"/>
      <c r="OKY138" s="23"/>
      <c r="OKZ138" s="23"/>
      <c r="OLA138" s="23"/>
      <c r="OLB138" s="23"/>
      <c r="OLC138" s="23"/>
      <c r="OLD138" s="23"/>
      <c r="OLE138" s="23"/>
      <c r="OLF138" s="23"/>
      <c r="OLG138" s="23"/>
      <c r="OLH138" s="23"/>
      <c r="OLI138" s="23"/>
      <c r="OLJ138" s="23"/>
      <c r="OLK138" s="23"/>
      <c r="OLL138" s="23"/>
      <c r="OLM138" s="23"/>
      <c r="OLN138" s="23"/>
      <c r="OLO138" s="23"/>
      <c r="OLP138" s="23"/>
      <c r="OLQ138" s="23"/>
      <c r="OLR138" s="23"/>
      <c r="OLS138" s="23"/>
      <c r="OLT138" s="23"/>
      <c r="OLU138" s="23"/>
      <c r="OLV138" s="23"/>
      <c r="OLW138" s="23"/>
      <c r="OLX138" s="23"/>
      <c r="OLY138" s="23"/>
      <c r="OLZ138" s="23"/>
      <c r="OMA138" s="23"/>
      <c r="OMB138" s="23"/>
      <c r="OMC138" s="23"/>
      <c r="OMD138" s="23"/>
      <c r="OME138" s="23"/>
      <c r="OMF138" s="23"/>
      <c r="OMG138" s="23"/>
      <c r="OMH138" s="23"/>
      <c r="OMI138" s="23"/>
      <c r="OMJ138" s="23"/>
      <c r="OMK138" s="23"/>
      <c r="OML138" s="23"/>
      <c r="OMM138" s="23"/>
      <c r="OMN138" s="23"/>
      <c r="OMO138" s="23"/>
      <c r="OMP138" s="23"/>
      <c r="OMQ138" s="23"/>
      <c r="OMR138" s="23"/>
      <c r="OMS138" s="23"/>
      <c r="OMT138" s="23"/>
      <c r="OMU138" s="23"/>
      <c r="OMV138" s="23"/>
      <c r="OMW138" s="23"/>
      <c r="OMX138" s="23"/>
      <c r="OMY138" s="23"/>
      <c r="OMZ138" s="23"/>
      <c r="ONA138" s="23"/>
      <c r="ONB138" s="23"/>
      <c r="ONC138" s="23"/>
      <c r="OND138" s="23"/>
      <c r="ONE138" s="23"/>
      <c r="ONF138" s="23"/>
      <c r="ONG138" s="23"/>
      <c r="ONH138" s="23"/>
      <c r="ONI138" s="23"/>
      <c r="ONJ138" s="23"/>
      <c r="ONK138" s="23"/>
      <c r="ONL138" s="23"/>
      <c r="ONM138" s="23"/>
      <c r="ONN138" s="23"/>
      <c r="ONO138" s="23"/>
      <c r="ONP138" s="23"/>
      <c r="ONQ138" s="23"/>
      <c r="ONR138" s="23"/>
      <c r="ONS138" s="23"/>
      <c r="ONT138" s="23"/>
      <c r="ONU138" s="23"/>
      <c r="ONV138" s="23"/>
      <c r="ONW138" s="23"/>
      <c r="ONX138" s="23"/>
      <c r="ONY138" s="23"/>
      <c r="ONZ138" s="23"/>
      <c r="OOA138" s="23"/>
      <c r="OOB138" s="23"/>
      <c r="OOC138" s="23"/>
      <c r="OOD138" s="23"/>
      <c r="OOE138" s="23"/>
      <c r="OOF138" s="23"/>
      <c r="OOG138" s="23"/>
      <c r="OOH138" s="23"/>
      <c r="OOI138" s="23"/>
      <c r="OOJ138" s="23"/>
      <c r="OOK138" s="23"/>
      <c r="OOL138" s="23"/>
      <c r="OOM138" s="23"/>
      <c r="OON138" s="23"/>
      <c r="OOO138" s="23"/>
      <c r="OOP138" s="23"/>
      <c r="OOQ138" s="23"/>
      <c r="OOR138" s="23"/>
      <c r="OOS138" s="23"/>
      <c r="OOT138" s="23"/>
      <c r="OOU138" s="23"/>
      <c r="OOV138" s="23"/>
      <c r="OOW138" s="23"/>
      <c r="OOX138" s="23"/>
      <c r="OOY138" s="23"/>
      <c r="OOZ138" s="23"/>
      <c r="OPA138" s="23"/>
      <c r="OPB138" s="23"/>
      <c r="OPC138" s="23"/>
      <c r="OPD138" s="23"/>
      <c r="OPE138" s="23"/>
      <c r="OPF138" s="23"/>
      <c r="OPG138" s="23"/>
      <c r="OPH138" s="23"/>
      <c r="OPI138" s="23"/>
      <c r="OPJ138" s="23"/>
      <c r="OPK138" s="23"/>
      <c r="OPL138" s="23"/>
      <c r="OPM138" s="23"/>
      <c r="OPN138" s="23"/>
      <c r="OPO138" s="23"/>
      <c r="OPP138" s="23"/>
      <c r="OPQ138" s="23"/>
      <c r="OPR138" s="23"/>
      <c r="OPS138" s="23"/>
      <c r="OPT138" s="23"/>
      <c r="OPU138" s="23"/>
      <c r="OPV138" s="23"/>
      <c r="OPW138" s="23"/>
      <c r="OPX138" s="23"/>
      <c r="OPY138" s="23"/>
      <c r="OPZ138" s="23"/>
      <c r="OQA138" s="23"/>
      <c r="OQB138" s="23"/>
      <c r="OQC138" s="23"/>
      <c r="OQD138" s="23"/>
      <c r="OQE138" s="23"/>
      <c r="OQF138" s="23"/>
      <c r="OQG138" s="23"/>
      <c r="OQH138" s="23"/>
      <c r="OQI138" s="23"/>
      <c r="OQJ138" s="23"/>
      <c r="OQK138" s="23"/>
      <c r="OQL138" s="23"/>
      <c r="OQM138" s="23"/>
      <c r="OQN138" s="23"/>
      <c r="OQO138" s="23"/>
      <c r="OQP138" s="23"/>
      <c r="OQQ138" s="23"/>
      <c r="OQR138" s="23"/>
      <c r="OQS138" s="23"/>
      <c r="OQT138" s="23"/>
      <c r="OQU138" s="23"/>
      <c r="OQV138" s="23"/>
      <c r="OQW138" s="23"/>
      <c r="OQX138" s="23"/>
      <c r="OQY138" s="23"/>
      <c r="OQZ138" s="23"/>
      <c r="ORA138" s="23"/>
      <c r="ORB138" s="23"/>
      <c r="ORC138" s="23"/>
      <c r="ORD138" s="23"/>
      <c r="ORE138" s="23"/>
      <c r="ORF138" s="23"/>
      <c r="ORG138" s="23"/>
      <c r="ORH138" s="23"/>
      <c r="ORI138" s="23"/>
      <c r="ORJ138" s="23"/>
      <c r="ORK138" s="23"/>
      <c r="ORL138" s="23"/>
      <c r="ORM138" s="23"/>
      <c r="ORN138" s="23"/>
      <c r="ORO138" s="23"/>
      <c r="ORP138" s="23"/>
      <c r="ORQ138" s="23"/>
      <c r="ORR138" s="23"/>
      <c r="ORS138" s="23"/>
      <c r="ORT138" s="23"/>
      <c r="ORU138" s="23"/>
      <c r="ORV138" s="23"/>
      <c r="ORW138" s="23"/>
      <c r="ORX138" s="23"/>
      <c r="ORY138" s="23"/>
      <c r="ORZ138" s="23"/>
      <c r="OSA138" s="23"/>
      <c r="OSB138" s="23"/>
      <c r="OSC138" s="23"/>
      <c r="OSD138" s="23"/>
      <c r="OSE138" s="23"/>
      <c r="OSF138" s="23"/>
      <c r="OSG138" s="23"/>
      <c r="OSH138" s="23"/>
      <c r="OSI138" s="23"/>
      <c r="OSJ138" s="23"/>
      <c r="OSK138" s="23"/>
      <c r="OSL138" s="23"/>
      <c r="OSM138" s="23"/>
      <c r="OSN138" s="23"/>
      <c r="OSO138" s="23"/>
      <c r="OSP138" s="23"/>
      <c r="OSQ138" s="23"/>
      <c r="OSR138" s="23"/>
      <c r="OSS138" s="23"/>
      <c r="OST138" s="23"/>
      <c r="OSU138" s="23"/>
      <c r="OSV138" s="23"/>
      <c r="OSW138" s="23"/>
      <c r="OSX138" s="23"/>
      <c r="OSY138" s="23"/>
      <c r="OSZ138" s="23"/>
      <c r="OTA138" s="23"/>
      <c r="OTB138" s="23"/>
      <c r="OTC138" s="23"/>
      <c r="OTD138" s="23"/>
      <c r="OTE138" s="23"/>
      <c r="OTF138" s="23"/>
      <c r="OTG138" s="23"/>
      <c r="OTH138" s="23"/>
      <c r="OTI138" s="23"/>
      <c r="OTJ138" s="23"/>
      <c r="OTK138" s="23"/>
      <c r="OTL138" s="23"/>
      <c r="OTM138" s="23"/>
      <c r="OTN138" s="23"/>
      <c r="OTO138" s="23"/>
      <c r="OTP138" s="23"/>
      <c r="OTQ138" s="23"/>
      <c r="OTR138" s="23"/>
      <c r="OTS138" s="23"/>
      <c r="OTT138" s="23"/>
      <c r="OTU138" s="23"/>
      <c r="OTV138" s="23"/>
      <c r="OTW138" s="23"/>
      <c r="OTX138" s="23"/>
      <c r="OTY138" s="23"/>
      <c r="OTZ138" s="23"/>
      <c r="OUA138" s="23"/>
      <c r="OUB138" s="23"/>
      <c r="OUC138" s="23"/>
      <c r="OUD138" s="23"/>
      <c r="OUE138" s="23"/>
      <c r="OUF138" s="23"/>
      <c r="OUG138" s="23"/>
      <c r="OUH138" s="23"/>
      <c r="OUI138" s="23"/>
      <c r="OUJ138" s="23"/>
      <c r="OUK138" s="23"/>
      <c r="OUL138" s="23"/>
      <c r="OUM138" s="23"/>
      <c r="OUN138" s="23"/>
      <c r="OUO138" s="23"/>
      <c r="OUP138" s="23"/>
      <c r="OUQ138" s="23"/>
      <c r="OUR138" s="23"/>
      <c r="OUS138" s="23"/>
      <c r="OUT138" s="23"/>
      <c r="OUU138" s="23"/>
      <c r="OUV138" s="23"/>
      <c r="OUW138" s="23"/>
      <c r="OUX138" s="23"/>
      <c r="OUY138" s="23"/>
      <c r="OUZ138" s="23"/>
      <c r="OVA138" s="23"/>
      <c r="OVB138" s="23"/>
      <c r="OVC138" s="23"/>
      <c r="OVD138" s="23"/>
      <c r="OVE138" s="23"/>
      <c r="OVF138" s="23"/>
      <c r="OVG138" s="23"/>
      <c r="OVH138" s="23"/>
      <c r="OVI138" s="23"/>
      <c r="OVJ138" s="23"/>
      <c r="OVK138" s="23"/>
      <c r="OVL138" s="23"/>
      <c r="OVM138" s="23"/>
      <c r="OVN138" s="23"/>
      <c r="OVO138" s="23"/>
      <c r="OVP138" s="23"/>
      <c r="OVQ138" s="23"/>
      <c r="OVR138" s="23"/>
      <c r="OVS138" s="23"/>
      <c r="OVT138" s="23"/>
      <c r="OVU138" s="23"/>
      <c r="OVV138" s="23"/>
      <c r="OVW138" s="23"/>
      <c r="OVX138" s="23"/>
      <c r="OVY138" s="23"/>
      <c r="OVZ138" s="23"/>
      <c r="OWA138" s="23"/>
      <c r="OWB138" s="23"/>
      <c r="OWC138" s="23"/>
      <c r="OWD138" s="23"/>
      <c r="OWE138" s="23"/>
      <c r="OWF138" s="23"/>
      <c r="OWG138" s="23"/>
      <c r="OWH138" s="23"/>
      <c r="OWI138" s="23"/>
      <c r="OWJ138" s="23"/>
      <c r="OWK138" s="23"/>
      <c r="OWL138" s="23"/>
      <c r="OWM138" s="23"/>
      <c r="OWN138" s="23"/>
      <c r="OWO138" s="23"/>
      <c r="OWP138" s="23"/>
      <c r="OWQ138" s="23"/>
      <c r="OWR138" s="23"/>
      <c r="OWS138" s="23"/>
      <c r="OWT138" s="23"/>
      <c r="OWU138" s="23"/>
      <c r="OWV138" s="23"/>
      <c r="OWW138" s="23"/>
      <c r="OWX138" s="23"/>
      <c r="OWY138" s="23"/>
      <c r="OWZ138" s="23"/>
      <c r="OXA138" s="23"/>
      <c r="OXB138" s="23"/>
      <c r="OXC138" s="23"/>
      <c r="OXD138" s="23"/>
      <c r="OXE138" s="23"/>
      <c r="OXF138" s="23"/>
      <c r="OXG138" s="23"/>
      <c r="OXH138" s="23"/>
      <c r="OXI138" s="23"/>
      <c r="OXJ138" s="23"/>
      <c r="OXK138" s="23"/>
      <c r="OXL138" s="23"/>
      <c r="OXM138" s="23"/>
      <c r="OXN138" s="23"/>
      <c r="OXO138" s="23"/>
      <c r="OXP138" s="23"/>
      <c r="OXQ138" s="23"/>
      <c r="OXR138" s="23"/>
      <c r="OXS138" s="23"/>
      <c r="OXT138" s="23"/>
      <c r="OXU138" s="23"/>
      <c r="OXV138" s="23"/>
      <c r="OXW138" s="23"/>
      <c r="OXX138" s="23"/>
      <c r="OXY138" s="23"/>
      <c r="OXZ138" s="23"/>
      <c r="OYA138" s="23"/>
      <c r="OYB138" s="23"/>
      <c r="OYC138" s="23"/>
      <c r="OYD138" s="23"/>
      <c r="OYE138" s="23"/>
      <c r="OYF138" s="23"/>
      <c r="OYG138" s="23"/>
      <c r="OYH138" s="23"/>
      <c r="OYI138" s="23"/>
      <c r="OYJ138" s="23"/>
      <c r="OYK138" s="23"/>
      <c r="OYL138" s="23"/>
      <c r="OYM138" s="23"/>
      <c r="OYN138" s="23"/>
      <c r="OYO138" s="23"/>
      <c r="OYP138" s="23"/>
      <c r="OYQ138" s="23"/>
      <c r="OYR138" s="23"/>
      <c r="OYS138" s="23"/>
      <c r="OYT138" s="23"/>
      <c r="OYU138" s="23"/>
      <c r="OYV138" s="23"/>
      <c r="OYW138" s="23"/>
      <c r="OYX138" s="23"/>
      <c r="OYY138" s="23"/>
      <c r="OYZ138" s="23"/>
      <c r="OZA138" s="23"/>
      <c r="OZB138" s="23"/>
      <c r="OZC138" s="23"/>
      <c r="OZD138" s="23"/>
      <c r="OZE138" s="23"/>
      <c r="OZF138" s="23"/>
      <c r="OZG138" s="23"/>
      <c r="OZH138" s="23"/>
      <c r="OZI138" s="23"/>
      <c r="OZJ138" s="23"/>
      <c r="OZK138" s="23"/>
      <c r="OZL138" s="23"/>
      <c r="OZM138" s="23"/>
      <c r="OZN138" s="23"/>
      <c r="OZO138" s="23"/>
      <c r="OZP138" s="23"/>
      <c r="OZQ138" s="23"/>
      <c r="OZR138" s="23"/>
      <c r="OZS138" s="23"/>
      <c r="OZT138" s="23"/>
      <c r="OZU138" s="23"/>
      <c r="OZV138" s="23"/>
      <c r="OZW138" s="23"/>
      <c r="OZX138" s="23"/>
      <c r="OZY138" s="23"/>
      <c r="OZZ138" s="23"/>
      <c r="PAA138" s="23"/>
      <c r="PAB138" s="23"/>
      <c r="PAC138" s="23"/>
      <c r="PAD138" s="23"/>
      <c r="PAE138" s="23"/>
      <c r="PAF138" s="23"/>
      <c r="PAG138" s="23"/>
      <c r="PAH138" s="23"/>
      <c r="PAI138" s="23"/>
      <c r="PAJ138" s="23"/>
      <c r="PAK138" s="23"/>
      <c r="PAL138" s="23"/>
      <c r="PAM138" s="23"/>
      <c r="PAN138" s="23"/>
      <c r="PAO138" s="23"/>
      <c r="PAP138" s="23"/>
      <c r="PAQ138" s="23"/>
      <c r="PAR138" s="23"/>
      <c r="PAS138" s="23"/>
      <c r="PAT138" s="23"/>
      <c r="PAU138" s="23"/>
      <c r="PAV138" s="23"/>
      <c r="PAW138" s="23"/>
      <c r="PAX138" s="23"/>
      <c r="PAY138" s="23"/>
      <c r="PAZ138" s="23"/>
      <c r="PBA138" s="23"/>
      <c r="PBB138" s="23"/>
      <c r="PBC138" s="23"/>
      <c r="PBD138" s="23"/>
      <c r="PBE138" s="23"/>
      <c r="PBF138" s="23"/>
      <c r="PBG138" s="23"/>
      <c r="PBH138" s="23"/>
      <c r="PBI138" s="23"/>
      <c r="PBJ138" s="23"/>
      <c r="PBK138" s="23"/>
      <c r="PBL138" s="23"/>
      <c r="PBM138" s="23"/>
      <c r="PBN138" s="23"/>
      <c r="PBO138" s="23"/>
      <c r="PBP138" s="23"/>
      <c r="PBQ138" s="23"/>
      <c r="PBR138" s="23"/>
      <c r="PBS138" s="23"/>
      <c r="PBT138" s="23"/>
      <c r="PBU138" s="23"/>
      <c r="PBV138" s="23"/>
      <c r="PBW138" s="23"/>
      <c r="PBX138" s="23"/>
      <c r="PBY138" s="23"/>
      <c r="PBZ138" s="23"/>
      <c r="PCA138" s="23"/>
      <c r="PCB138" s="23"/>
      <c r="PCC138" s="23"/>
      <c r="PCD138" s="23"/>
      <c r="PCE138" s="23"/>
      <c r="PCF138" s="23"/>
      <c r="PCG138" s="23"/>
      <c r="PCH138" s="23"/>
      <c r="PCI138" s="23"/>
      <c r="PCJ138" s="23"/>
      <c r="PCK138" s="23"/>
      <c r="PCL138" s="23"/>
      <c r="PCM138" s="23"/>
      <c r="PCN138" s="23"/>
      <c r="PCO138" s="23"/>
      <c r="PCP138" s="23"/>
      <c r="PCQ138" s="23"/>
      <c r="PCR138" s="23"/>
      <c r="PCS138" s="23"/>
      <c r="PCT138" s="23"/>
      <c r="PCU138" s="23"/>
      <c r="PCV138" s="23"/>
      <c r="PCW138" s="23"/>
      <c r="PCX138" s="23"/>
      <c r="PCY138" s="23"/>
      <c r="PCZ138" s="23"/>
      <c r="PDA138" s="23"/>
      <c r="PDB138" s="23"/>
      <c r="PDC138" s="23"/>
      <c r="PDD138" s="23"/>
      <c r="PDE138" s="23"/>
      <c r="PDF138" s="23"/>
      <c r="PDG138" s="23"/>
      <c r="PDH138" s="23"/>
      <c r="PDI138" s="23"/>
      <c r="PDJ138" s="23"/>
      <c r="PDK138" s="23"/>
      <c r="PDL138" s="23"/>
      <c r="PDM138" s="23"/>
      <c r="PDN138" s="23"/>
      <c r="PDO138" s="23"/>
      <c r="PDP138" s="23"/>
      <c r="PDQ138" s="23"/>
      <c r="PDR138" s="23"/>
      <c r="PDS138" s="23"/>
      <c r="PDT138" s="23"/>
      <c r="PDU138" s="23"/>
      <c r="PDV138" s="23"/>
      <c r="PDW138" s="23"/>
      <c r="PDX138" s="23"/>
      <c r="PDY138" s="23"/>
      <c r="PDZ138" s="23"/>
      <c r="PEA138" s="23"/>
      <c r="PEB138" s="23"/>
      <c r="PEC138" s="23"/>
      <c r="PED138" s="23"/>
      <c r="PEE138" s="23"/>
      <c r="PEF138" s="23"/>
      <c r="PEG138" s="23"/>
      <c r="PEH138" s="23"/>
      <c r="PEI138" s="23"/>
      <c r="PEJ138" s="23"/>
      <c r="PEK138" s="23"/>
      <c r="PEL138" s="23"/>
      <c r="PEM138" s="23"/>
      <c r="PEN138" s="23"/>
      <c r="PEO138" s="23"/>
      <c r="PEP138" s="23"/>
      <c r="PEQ138" s="23"/>
      <c r="PER138" s="23"/>
      <c r="PES138" s="23"/>
      <c r="PET138" s="23"/>
      <c r="PEU138" s="23"/>
      <c r="PEV138" s="23"/>
      <c r="PEW138" s="23"/>
      <c r="PEX138" s="23"/>
      <c r="PEY138" s="23"/>
      <c r="PEZ138" s="23"/>
      <c r="PFA138" s="23"/>
      <c r="PFB138" s="23"/>
      <c r="PFC138" s="23"/>
      <c r="PFD138" s="23"/>
      <c r="PFE138" s="23"/>
      <c r="PFF138" s="23"/>
      <c r="PFG138" s="23"/>
      <c r="PFH138" s="23"/>
      <c r="PFI138" s="23"/>
      <c r="PFJ138" s="23"/>
      <c r="PFK138" s="23"/>
      <c r="PFL138" s="23"/>
      <c r="PFM138" s="23"/>
      <c r="PFN138" s="23"/>
      <c r="PFO138" s="23"/>
      <c r="PFP138" s="23"/>
      <c r="PFQ138" s="23"/>
      <c r="PFR138" s="23"/>
      <c r="PFS138" s="23"/>
      <c r="PFT138" s="23"/>
      <c r="PFU138" s="23"/>
      <c r="PFV138" s="23"/>
      <c r="PFW138" s="23"/>
      <c r="PFX138" s="23"/>
      <c r="PFY138" s="23"/>
      <c r="PFZ138" s="23"/>
      <c r="PGA138" s="23"/>
      <c r="PGB138" s="23"/>
      <c r="PGC138" s="23"/>
      <c r="PGD138" s="23"/>
      <c r="PGE138" s="23"/>
      <c r="PGF138" s="23"/>
      <c r="PGG138" s="23"/>
      <c r="PGH138" s="23"/>
      <c r="PGI138" s="23"/>
      <c r="PGJ138" s="23"/>
      <c r="PGK138" s="23"/>
      <c r="PGL138" s="23"/>
      <c r="PGM138" s="23"/>
      <c r="PGN138" s="23"/>
      <c r="PGO138" s="23"/>
      <c r="PGP138" s="23"/>
      <c r="PGQ138" s="23"/>
      <c r="PGR138" s="23"/>
      <c r="PGS138" s="23"/>
      <c r="PGT138" s="23"/>
      <c r="PGU138" s="23"/>
      <c r="PGV138" s="23"/>
      <c r="PGW138" s="23"/>
      <c r="PGX138" s="23"/>
      <c r="PGY138" s="23"/>
      <c r="PGZ138" s="23"/>
      <c r="PHA138" s="23"/>
      <c r="PHB138" s="23"/>
      <c r="PHC138" s="23"/>
      <c r="PHD138" s="23"/>
      <c r="PHE138" s="23"/>
      <c r="PHF138" s="23"/>
      <c r="PHG138" s="23"/>
      <c r="PHH138" s="23"/>
      <c r="PHI138" s="23"/>
      <c r="PHJ138" s="23"/>
      <c r="PHK138" s="23"/>
      <c r="PHL138" s="23"/>
      <c r="PHM138" s="23"/>
      <c r="PHN138" s="23"/>
      <c r="PHO138" s="23"/>
      <c r="PHP138" s="23"/>
      <c r="PHQ138" s="23"/>
      <c r="PHR138" s="23"/>
      <c r="PHS138" s="23"/>
      <c r="PHT138" s="23"/>
      <c r="PHU138" s="23"/>
      <c r="PHV138" s="23"/>
      <c r="PHW138" s="23"/>
      <c r="PHX138" s="23"/>
      <c r="PHY138" s="23"/>
      <c r="PHZ138" s="23"/>
      <c r="PIA138" s="23"/>
      <c r="PIB138" s="23"/>
      <c r="PIC138" s="23"/>
      <c r="PID138" s="23"/>
      <c r="PIE138" s="23"/>
      <c r="PIF138" s="23"/>
      <c r="PIG138" s="23"/>
      <c r="PIH138" s="23"/>
      <c r="PII138" s="23"/>
      <c r="PIJ138" s="23"/>
      <c r="PIK138" s="23"/>
      <c r="PIL138" s="23"/>
      <c r="PIM138" s="23"/>
      <c r="PIN138" s="23"/>
      <c r="PIO138" s="23"/>
      <c r="PIP138" s="23"/>
      <c r="PIQ138" s="23"/>
      <c r="PIR138" s="23"/>
      <c r="PIS138" s="23"/>
      <c r="PIT138" s="23"/>
      <c r="PIU138" s="23"/>
      <c r="PIV138" s="23"/>
      <c r="PIW138" s="23"/>
      <c r="PIX138" s="23"/>
      <c r="PIY138" s="23"/>
      <c r="PIZ138" s="23"/>
      <c r="PJA138" s="23"/>
      <c r="PJB138" s="23"/>
      <c r="PJC138" s="23"/>
      <c r="PJD138" s="23"/>
      <c r="PJE138" s="23"/>
      <c r="PJF138" s="23"/>
      <c r="PJG138" s="23"/>
      <c r="PJH138" s="23"/>
      <c r="PJI138" s="23"/>
      <c r="PJJ138" s="23"/>
      <c r="PJK138" s="23"/>
      <c r="PJL138" s="23"/>
      <c r="PJM138" s="23"/>
      <c r="PJN138" s="23"/>
      <c r="PJO138" s="23"/>
      <c r="PJP138" s="23"/>
      <c r="PJQ138" s="23"/>
      <c r="PJR138" s="23"/>
      <c r="PJS138" s="23"/>
      <c r="PJT138" s="23"/>
      <c r="PJU138" s="23"/>
      <c r="PJV138" s="23"/>
      <c r="PJW138" s="23"/>
      <c r="PJX138" s="23"/>
      <c r="PJY138" s="23"/>
      <c r="PJZ138" s="23"/>
      <c r="PKA138" s="23"/>
      <c r="PKB138" s="23"/>
      <c r="PKC138" s="23"/>
      <c r="PKD138" s="23"/>
      <c r="PKE138" s="23"/>
      <c r="PKF138" s="23"/>
      <c r="PKG138" s="23"/>
      <c r="PKH138" s="23"/>
      <c r="PKI138" s="23"/>
      <c r="PKJ138" s="23"/>
      <c r="PKK138" s="23"/>
      <c r="PKL138" s="23"/>
      <c r="PKM138" s="23"/>
      <c r="PKN138" s="23"/>
      <c r="PKO138" s="23"/>
      <c r="PKP138" s="23"/>
      <c r="PKQ138" s="23"/>
      <c r="PKR138" s="23"/>
      <c r="PKS138" s="23"/>
      <c r="PKT138" s="23"/>
      <c r="PKU138" s="23"/>
      <c r="PKV138" s="23"/>
      <c r="PKW138" s="23"/>
      <c r="PKX138" s="23"/>
      <c r="PKY138" s="23"/>
      <c r="PKZ138" s="23"/>
      <c r="PLA138" s="23"/>
      <c r="PLB138" s="23"/>
      <c r="PLC138" s="23"/>
      <c r="PLD138" s="23"/>
      <c r="PLE138" s="23"/>
      <c r="PLF138" s="23"/>
      <c r="PLG138" s="23"/>
      <c r="PLH138" s="23"/>
      <c r="PLI138" s="23"/>
      <c r="PLJ138" s="23"/>
      <c r="PLK138" s="23"/>
      <c r="PLL138" s="23"/>
      <c r="PLM138" s="23"/>
      <c r="PLN138" s="23"/>
      <c r="PLO138" s="23"/>
      <c r="PLP138" s="23"/>
      <c r="PLQ138" s="23"/>
      <c r="PLR138" s="23"/>
      <c r="PLS138" s="23"/>
      <c r="PLT138" s="23"/>
      <c r="PLU138" s="23"/>
      <c r="PLV138" s="23"/>
      <c r="PLW138" s="23"/>
      <c r="PLX138" s="23"/>
      <c r="PLY138" s="23"/>
      <c r="PLZ138" s="23"/>
      <c r="PMA138" s="23"/>
      <c r="PMB138" s="23"/>
      <c r="PMC138" s="23"/>
      <c r="PMD138" s="23"/>
      <c r="PME138" s="23"/>
      <c r="PMF138" s="23"/>
      <c r="PMG138" s="23"/>
      <c r="PMH138" s="23"/>
      <c r="PMI138" s="23"/>
      <c r="PMJ138" s="23"/>
      <c r="PMK138" s="23"/>
      <c r="PML138" s="23"/>
      <c r="PMM138" s="23"/>
      <c r="PMN138" s="23"/>
      <c r="PMO138" s="23"/>
      <c r="PMP138" s="23"/>
      <c r="PMQ138" s="23"/>
      <c r="PMR138" s="23"/>
      <c r="PMS138" s="23"/>
      <c r="PMT138" s="23"/>
      <c r="PMU138" s="23"/>
      <c r="PMV138" s="23"/>
      <c r="PMW138" s="23"/>
      <c r="PMX138" s="23"/>
      <c r="PMY138" s="23"/>
      <c r="PMZ138" s="23"/>
      <c r="PNA138" s="23"/>
      <c r="PNB138" s="23"/>
      <c r="PNC138" s="23"/>
      <c r="PND138" s="23"/>
      <c r="PNE138" s="23"/>
      <c r="PNF138" s="23"/>
      <c r="PNG138" s="23"/>
      <c r="PNH138" s="23"/>
      <c r="PNI138" s="23"/>
      <c r="PNJ138" s="23"/>
      <c r="PNK138" s="23"/>
      <c r="PNL138" s="23"/>
      <c r="PNM138" s="23"/>
      <c r="PNN138" s="23"/>
      <c r="PNO138" s="23"/>
      <c r="PNP138" s="23"/>
      <c r="PNQ138" s="23"/>
      <c r="PNR138" s="23"/>
      <c r="PNS138" s="23"/>
      <c r="PNT138" s="23"/>
      <c r="PNU138" s="23"/>
      <c r="PNV138" s="23"/>
      <c r="PNW138" s="23"/>
      <c r="PNX138" s="23"/>
      <c r="PNY138" s="23"/>
      <c r="PNZ138" s="23"/>
      <c r="POA138" s="23"/>
      <c r="POB138" s="23"/>
      <c r="POC138" s="23"/>
      <c r="POD138" s="23"/>
      <c r="POE138" s="23"/>
      <c r="POF138" s="23"/>
      <c r="POG138" s="23"/>
      <c r="POH138" s="23"/>
      <c r="POI138" s="23"/>
      <c r="POJ138" s="23"/>
      <c r="POK138" s="23"/>
      <c r="POL138" s="23"/>
      <c r="POM138" s="23"/>
      <c r="PON138" s="23"/>
      <c r="POO138" s="23"/>
      <c r="POP138" s="23"/>
      <c r="POQ138" s="23"/>
      <c r="POR138" s="23"/>
      <c r="POS138" s="23"/>
      <c r="POT138" s="23"/>
      <c r="POU138" s="23"/>
      <c r="POV138" s="23"/>
      <c r="POW138" s="23"/>
      <c r="POX138" s="23"/>
      <c r="POY138" s="23"/>
      <c r="POZ138" s="23"/>
      <c r="PPA138" s="23"/>
      <c r="PPB138" s="23"/>
      <c r="PPC138" s="23"/>
      <c r="PPD138" s="23"/>
      <c r="PPE138" s="23"/>
      <c r="PPF138" s="23"/>
      <c r="PPG138" s="23"/>
      <c r="PPH138" s="23"/>
      <c r="PPI138" s="23"/>
      <c r="PPJ138" s="23"/>
      <c r="PPK138" s="23"/>
      <c r="PPL138" s="23"/>
      <c r="PPM138" s="23"/>
      <c r="PPN138" s="23"/>
      <c r="PPO138" s="23"/>
      <c r="PPP138" s="23"/>
      <c r="PPQ138" s="23"/>
      <c r="PPR138" s="23"/>
      <c r="PPS138" s="23"/>
      <c r="PPT138" s="23"/>
      <c r="PPU138" s="23"/>
      <c r="PPV138" s="23"/>
      <c r="PPW138" s="23"/>
      <c r="PPX138" s="23"/>
      <c r="PPY138" s="23"/>
      <c r="PPZ138" s="23"/>
      <c r="PQA138" s="23"/>
      <c r="PQB138" s="23"/>
      <c r="PQC138" s="23"/>
      <c r="PQD138" s="23"/>
      <c r="PQE138" s="23"/>
      <c r="PQF138" s="23"/>
      <c r="PQG138" s="23"/>
      <c r="PQH138" s="23"/>
      <c r="PQI138" s="23"/>
      <c r="PQJ138" s="23"/>
      <c r="PQK138" s="23"/>
      <c r="PQL138" s="23"/>
      <c r="PQM138" s="23"/>
      <c r="PQN138" s="23"/>
      <c r="PQO138" s="23"/>
      <c r="PQP138" s="23"/>
      <c r="PQQ138" s="23"/>
      <c r="PQR138" s="23"/>
      <c r="PQS138" s="23"/>
      <c r="PQT138" s="23"/>
      <c r="PQU138" s="23"/>
      <c r="PQV138" s="23"/>
      <c r="PQW138" s="23"/>
      <c r="PQX138" s="23"/>
      <c r="PQY138" s="23"/>
      <c r="PQZ138" s="23"/>
      <c r="PRA138" s="23"/>
      <c r="PRB138" s="23"/>
      <c r="PRC138" s="23"/>
      <c r="PRD138" s="23"/>
      <c r="PRE138" s="23"/>
      <c r="PRF138" s="23"/>
      <c r="PRG138" s="23"/>
      <c r="PRH138" s="23"/>
      <c r="PRI138" s="23"/>
      <c r="PRJ138" s="23"/>
      <c r="PRK138" s="23"/>
      <c r="PRL138" s="23"/>
      <c r="PRM138" s="23"/>
      <c r="PRN138" s="23"/>
      <c r="PRO138" s="23"/>
      <c r="PRP138" s="23"/>
      <c r="PRQ138" s="23"/>
      <c r="PRR138" s="23"/>
      <c r="PRS138" s="23"/>
      <c r="PRT138" s="23"/>
      <c r="PRU138" s="23"/>
      <c r="PRV138" s="23"/>
      <c r="PRW138" s="23"/>
      <c r="PRX138" s="23"/>
      <c r="PRY138" s="23"/>
      <c r="PRZ138" s="23"/>
      <c r="PSA138" s="23"/>
      <c r="PSB138" s="23"/>
      <c r="PSC138" s="23"/>
      <c r="PSD138" s="23"/>
      <c r="PSE138" s="23"/>
      <c r="PSF138" s="23"/>
      <c r="PSG138" s="23"/>
      <c r="PSH138" s="23"/>
      <c r="PSI138" s="23"/>
      <c r="PSJ138" s="23"/>
      <c r="PSK138" s="23"/>
      <c r="PSL138" s="23"/>
      <c r="PSM138" s="23"/>
      <c r="PSN138" s="23"/>
      <c r="PSO138" s="23"/>
      <c r="PSP138" s="23"/>
      <c r="PSQ138" s="23"/>
      <c r="PSR138" s="23"/>
      <c r="PSS138" s="23"/>
      <c r="PST138" s="23"/>
      <c r="PSU138" s="23"/>
      <c r="PSV138" s="23"/>
      <c r="PSW138" s="23"/>
      <c r="PSX138" s="23"/>
      <c r="PSY138" s="23"/>
      <c r="PSZ138" s="23"/>
      <c r="PTA138" s="23"/>
      <c r="PTB138" s="23"/>
      <c r="PTC138" s="23"/>
      <c r="PTD138" s="23"/>
      <c r="PTE138" s="23"/>
      <c r="PTF138" s="23"/>
      <c r="PTG138" s="23"/>
      <c r="PTH138" s="23"/>
      <c r="PTI138" s="23"/>
      <c r="PTJ138" s="23"/>
      <c r="PTK138" s="23"/>
      <c r="PTL138" s="23"/>
      <c r="PTM138" s="23"/>
      <c r="PTN138" s="23"/>
      <c r="PTO138" s="23"/>
      <c r="PTP138" s="23"/>
      <c r="PTQ138" s="23"/>
      <c r="PTR138" s="23"/>
      <c r="PTS138" s="23"/>
      <c r="PTT138" s="23"/>
      <c r="PTU138" s="23"/>
      <c r="PTV138" s="23"/>
      <c r="PTW138" s="23"/>
      <c r="PTX138" s="23"/>
      <c r="PTY138" s="23"/>
      <c r="PTZ138" s="23"/>
      <c r="PUA138" s="23"/>
      <c r="PUB138" s="23"/>
      <c r="PUC138" s="23"/>
      <c r="PUD138" s="23"/>
      <c r="PUE138" s="23"/>
      <c r="PUF138" s="23"/>
      <c r="PUG138" s="23"/>
      <c r="PUH138" s="23"/>
      <c r="PUI138" s="23"/>
      <c r="PUJ138" s="23"/>
      <c r="PUK138" s="23"/>
      <c r="PUL138" s="23"/>
      <c r="PUM138" s="23"/>
      <c r="PUN138" s="23"/>
      <c r="PUO138" s="23"/>
      <c r="PUP138" s="23"/>
      <c r="PUQ138" s="23"/>
      <c r="PUR138" s="23"/>
      <c r="PUS138" s="23"/>
      <c r="PUT138" s="23"/>
      <c r="PUU138" s="23"/>
      <c r="PUV138" s="23"/>
      <c r="PUW138" s="23"/>
      <c r="PUX138" s="23"/>
      <c r="PUY138" s="23"/>
      <c r="PUZ138" s="23"/>
      <c r="PVA138" s="23"/>
      <c r="PVB138" s="23"/>
      <c r="PVC138" s="23"/>
      <c r="PVD138" s="23"/>
      <c r="PVE138" s="23"/>
      <c r="PVF138" s="23"/>
      <c r="PVG138" s="23"/>
      <c r="PVH138" s="23"/>
      <c r="PVI138" s="23"/>
      <c r="PVJ138" s="23"/>
      <c r="PVK138" s="23"/>
      <c r="PVL138" s="23"/>
      <c r="PVM138" s="23"/>
      <c r="PVN138" s="23"/>
      <c r="PVO138" s="23"/>
      <c r="PVP138" s="23"/>
      <c r="PVQ138" s="23"/>
      <c r="PVR138" s="23"/>
      <c r="PVS138" s="23"/>
      <c r="PVT138" s="23"/>
      <c r="PVU138" s="23"/>
      <c r="PVV138" s="23"/>
      <c r="PVW138" s="23"/>
      <c r="PVX138" s="23"/>
      <c r="PVY138" s="23"/>
      <c r="PVZ138" s="23"/>
      <c r="PWA138" s="23"/>
      <c r="PWB138" s="23"/>
      <c r="PWC138" s="23"/>
      <c r="PWD138" s="23"/>
      <c r="PWE138" s="23"/>
      <c r="PWF138" s="23"/>
      <c r="PWG138" s="23"/>
      <c r="PWH138" s="23"/>
      <c r="PWI138" s="23"/>
      <c r="PWJ138" s="23"/>
      <c r="PWK138" s="23"/>
      <c r="PWL138" s="23"/>
      <c r="PWM138" s="23"/>
      <c r="PWN138" s="23"/>
      <c r="PWO138" s="23"/>
      <c r="PWP138" s="23"/>
      <c r="PWQ138" s="23"/>
      <c r="PWR138" s="23"/>
      <c r="PWS138" s="23"/>
      <c r="PWT138" s="23"/>
      <c r="PWU138" s="23"/>
      <c r="PWV138" s="23"/>
      <c r="PWW138" s="23"/>
      <c r="PWX138" s="23"/>
      <c r="PWY138" s="23"/>
      <c r="PWZ138" s="23"/>
      <c r="PXA138" s="23"/>
      <c r="PXB138" s="23"/>
      <c r="PXC138" s="23"/>
      <c r="PXD138" s="23"/>
      <c r="PXE138" s="23"/>
      <c r="PXF138" s="23"/>
      <c r="PXG138" s="23"/>
      <c r="PXH138" s="23"/>
      <c r="PXI138" s="23"/>
      <c r="PXJ138" s="23"/>
      <c r="PXK138" s="23"/>
      <c r="PXL138" s="23"/>
      <c r="PXM138" s="23"/>
      <c r="PXN138" s="23"/>
      <c r="PXO138" s="23"/>
      <c r="PXP138" s="23"/>
      <c r="PXQ138" s="23"/>
      <c r="PXR138" s="23"/>
      <c r="PXS138" s="23"/>
      <c r="PXT138" s="23"/>
      <c r="PXU138" s="23"/>
      <c r="PXV138" s="23"/>
      <c r="PXW138" s="23"/>
      <c r="PXX138" s="23"/>
      <c r="PXY138" s="23"/>
      <c r="PXZ138" s="23"/>
      <c r="PYA138" s="23"/>
      <c r="PYB138" s="23"/>
      <c r="PYC138" s="23"/>
      <c r="PYD138" s="23"/>
      <c r="PYE138" s="23"/>
      <c r="PYF138" s="23"/>
      <c r="PYG138" s="23"/>
      <c r="PYH138" s="23"/>
      <c r="PYI138" s="23"/>
      <c r="PYJ138" s="23"/>
      <c r="PYK138" s="23"/>
      <c r="PYL138" s="23"/>
      <c r="PYM138" s="23"/>
      <c r="PYN138" s="23"/>
      <c r="PYO138" s="23"/>
      <c r="PYP138" s="23"/>
      <c r="PYQ138" s="23"/>
      <c r="PYR138" s="23"/>
      <c r="PYS138" s="23"/>
      <c r="PYT138" s="23"/>
      <c r="PYU138" s="23"/>
      <c r="PYV138" s="23"/>
      <c r="PYW138" s="23"/>
      <c r="PYX138" s="23"/>
      <c r="PYY138" s="23"/>
      <c r="PYZ138" s="23"/>
      <c r="PZA138" s="23"/>
      <c r="PZB138" s="23"/>
      <c r="PZC138" s="23"/>
      <c r="PZD138" s="23"/>
      <c r="PZE138" s="23"/>
      <c r="PZF138" s="23"/>
      <c r="PZG138" s="23"/>
      <c r="PZH138" s="23"/>
      <c r="PZI138" s="23"/>
      <c r="PZJ138" s="23"/>
      <c r="PZK138" s="23"/>
      <c r="PZL138" s="23"/>
      <c r="PZM138" s="23"/>
      <c r="PZN138" s="23"/>
      <c r="PZO138" s="23"/>
      <c r="PZP138" s="23"/>
      <c r="PZQ138" s="23"/>
      <c r="PZR138" s="23"/>
      <c r="PZS138" s="23"/>
      <c r="PZT138" s="23"/>
      <c r="PZU138" s="23"/>
      <c r="PZV138" s="23"/>
      <c r="PZW138" s="23"/>
      <c r="PZX138" s="23"/>
      <c r="PZY138" s="23"/>
      <c r="PZZ138" s="23"/>
      <c r="QAA138" s="23"/>
      <c r="QAB138" s="23"/>
      <c r="QAC138" s="23"/>
      <c r="QAD138" s="23"/>
      <c r="QAE138" s="23"/>
      <c r="QAF138" s="23"/>
      <c r="QAG138" s="23"/>
      <c r="QAH138" s="23"/>
      <c r="QAI138" s="23"/>
      <c r="QAJ138" s="23"/>
      <c r="QAK138" s="23"/>
      <c r="QAL138" s="23"/>
      <c r="QAM138" s="23"/>
      <c r="QAN138" s="23"/>
      <c r="QAO138" s="23"/>
      <c r="QAP138" s="23"/>
      <c r="QAQ138" s="23"/>
      <c r="QAR138" s="23"/>
      <c r="QAS138" s="23"/>
      <c r="QAT138" s="23"/>
      <c r="QAU138" s="23"/>
      <c r="QAV138" s="23"/>
      <c r="QAW138" s="23"/>
      <c r="QAX138" s="23"/>
      <c r="QAY138" s="23"/>
      <c r="QAZ138" s="23"/>
      <c r="QBA138" s="23"/>
      <c r="QBB138" s="23"/>
      <c r="QBC138" s="23"/>
      <c r="QBD138" s="23"/>
      <c r="QBE138" s="23"/>
      <c r="QBF138" s="23"/>
      <c r="QBG138" s="23"/>
      <c r="QBH138" s="23"/>
      <c r="QBI138" s="23"/>
      <c r="QBJ138" s="23"/>
      <c r="QBK138" s="23"/>
      <c r="QBL138" s="23"/>
      <c r="QBM138" s="23"/>
      <c r="QBN138" s="23"/>
      <c r="QBO138" s="23"/>
      <c r="QBP138" s="23"/>
      <c r="QBQ138" s="23"/>
      <c r="QBR138" s="23"/>
      <c r="QBS138" s="23"/>
      <c r="QBT138" s="23"/>
      <c r="QBU138" s="23"/>
      <c r="QBV138" s="23"/>
      <c r="QBW138" s="23"/>
      <c r="QBX138" s="23"/>
      <c r="QBY138" s="23"/>
      <c r="QBZ138" s="23"/>
      <c r="QCA138" s="23"/>
      <c r="QCB138" s="23"/>
      <c r="QCC138" s="23"/>
      <c r="QCD138" s="23"/>
      <c r="QCE138" s="23"/>
      <c r="QCF138" s="23"/>
      <c r="QCG138" s="23"/>
      <c r="QCH138" s="23"/>
      <c r="QCI138" s="23"/>
      <c r="QCJ138" s="23"/>
      <c r="QCK138" s="23"/>
      <c r="QCL138" s="23"/>
      <c r="QCM138" s="23"/>
      <c r="QCN138" s="23"/>
      <c r="QCO138" s="23"/>
      <c r="QCP138" s="23"/>
      <c r="QCQ138" s="23"/>
      <c r="QCR138" s="23"/>
      <c r="QCS138" s="23"/>
      <c r="QCT138" s="23"/>
      <c r="QCU138" s="23"/>
      <c r="QCV138" s="23"/>
      <c r="QCW138" s="23"/>
      <c r="QCX138" s="23"/>
      <c r="QCY138" s="23"/>
      <c r="QCZ138" s="23"/>
      <c r="QDA138" s="23"/>
      <c r="QDB138" s="23"/>
      <c r="QDC138" s="23"/>
      <c r="QDD138" s="23"/>
      <c r="QDE138" s="23"/>
      <c r="QDF138" s="23"/>
      <c r="QDG138" s="23"/>
      <c r="QDH138" s="23"/>
      <c r="QDI138" s="23"/>
      <c r="QDJ138" s="23"/>
      <c r="QDK138" s="23"/>
      <c r="QDL138" s="23"/>
      <c r="QDM138" s="23"/>
      <c r="QDN138" s="23"/>
      <c r="QDO138" s="23"/>
      <c r="QDP138" s="23"/>
      <c r="QDQ138" s="23"/>
      <c r="QDR138" s="23"/>
      <c r="QDS138" s="23"/>
      <c r="QDT138" s="23"/>
      <c r="QDU138" s="23"/>
      <c r="QDV138" s="23"/>
      <c r="QDW138" s="23"/>
      <c r="QDX138" s="23"/>
      <c r="QDY138" s="23"/>
      <c r="QDZ138" s="23"/>
      <c r="QEA138" s="23"/>
      <c r="QEB138" s="23"/>
      <c r="QEC138" s="23"/>
      <c r="QED138" s="23"/>
      <c r="QEE138" s="23"/>
      <c r="QEF138" s="23"/>
      <c r="QEG138" s="23"/>
      <c r="QEH138" s="23"/>
      <c r="QEI138" s="23"/>
      <c r="QEJ138" s="23"/>
      <c r="QEK138" s="23"/>
      <c r="QEL138" s="23"/>
      <c r="QEM138" s="23"/>
      <c r="QEN138" s="23"/>
      <c r="QEO138" s="23"/>
      <c r="QEP138" s="23"/>
      <c r="QEQ138" s="23"/>
      <c r="QER138" s="23"/>
      <c r="QES138" s="23"/>
      <c r="QET138" s="23"/>
      <c r="QEU138" s="23"/>
      <c r="QEV138" s="23"/>
      <c r="QEW138" s="23"/>
      <c r="QEX138" s="23"/>
      <c r="QEY138" s="23"/>
      <c r="QEZ138" s="23"/>
      <c r="QFA138" s="23"/>
      <c r="QFB138" s="23"/>
      <c r="QFC138" s="23"/>
      <c r="QFD138" s="23"/>
      <c r="QFE138" s="23"/>
      <c r="QFF138" s="23"/>
      <c r="QFG138" s="23"/>
      <c r="QFH138" s="23"/>
      <c r="QFI138" s="23"/>
      <c r="QFJ138" s="23"/>
      <c r="QFK138" s="23"/>
      <c r="QFL138" s="23"/>
      <c r="QFM138" s="23"/>
      <c r="QFN138" s="23"/>
      <c r="QFO138" s="23"/>
      <c r="QFP138" s="23"/>
      <c r="QFQ138" s="23"/>
      <c r="QFR138" s="23"/>
      <c r="QFS138" s="23"/>
      <c r="QFT138" s="23"/>
      <c r="QFU138" s="23"/>
      <c r="QFV138" s="23"/>
      <c r="QFW138" s="23"/>
      <c r="QFX138" s="23"/>
      <c r="QFY138" s="23"/>
      <c r="QFZ138" s="23"/>
      <c r="QGA138" s="23"/>
      <c r="QGB138" s="23"/>
      <c r="QGC138" s="23"/>
      <c r="QGD138" s="23"/>
      <c r="QGE138" s="23"/>
      <c r="QGF138" s="23"/>
      <c r="QGG138" s="23"/>
      <c r="QGH138" s="23"/>
      <c r="QGI138" s="23"/>
      <c r="QGJ138" s="23"/>
      <c r="QGK138" s="23"/>
      <c r="QGL138" s="23"/>
      <c r="QGM138" s="23"/>
      <c r="QGN138" s="23"/>
      <c r="QGO138" s="23"/>
      <c r="QGP138" s="23"/>
      <c r="QGQ138" s="23"/>
      <c r="QGR138" s="23"/>
      <c r="QGS138" s="23"/>
      <c r="QGT138" s="23"/>
      <c r="QGU138" s="23"/>
      <c r="QGV138" s="23"/>
      <c r="QGW138" s="23"/>
      <c r="QGX138" s="23"/>
      <c r="QGY138" s="23"/>
      <c r="QGZ138" s="23"/>
      <c r="QHA138" s="23"/>
      <c r="QHB138" s="23"/>
      <c r="QHC138" s="23"/>
      <c r="QHD138" s="23"/>
      <c r="QHE138" s="23"/>
      <c r="QHF138" s="23"/>
      <c r="QHG138" s="23"/>
      <c r="QHH138" s="23"/>
      <c r="QHI138" s="23"/>
      <c r="QHJ138" s="23"/>
      <c r="QHK138" s="23"/>
      <c r="QHL138" s="23"/>
      <c r="QHM138" s="23"/>
      <c r="QHN138" s="23"/>
      <c r="QHO138" s="23"/>
      <c r="QHP138" s="23"/>
      <c r="QHQ138" s="23"/>
      <c r="QHR138" s="23"/>
      <c r="QHS138" s="23"/>
      <c r="QHT138" s="23"/>
      <c r="QHU138" s="23"/>
      <c r="QHV138" s="23"/>
      <c r="QHW138" s="23"/>
      <c r="QHX138" s="23"/>
      <c r="QHY138" s="23"/>
      <c r="QHZ138" s="23"/>
      <c r="QIA138" s="23"/>
      <c r="QIB138" s="23"/>
      <c r="QIC138" s="23"/>
      <c r="QID138" s="23"/>
      <c r="QIE138" s="23"/>
      <c r="QIF138" s="23"/>
      <c r="QIG138" s="23"/>
      <c r="QIH138" s="23"/>
      <c r="QII138" s="23"/>
      <c r="QIJ138" s="23"/>
      <c r="QIK138" s="23"/>
      <c r="QIL138" s="23"/>
      <c r="QIM138" s="23"/>
      <c r="QIN138" s="23"/>
      <c r="QIO138" s="23"/>
      <c r="QIP138" s="23"/>
      <c r="QIQ138" s="23"/>
      <c r="QIR138" s="23"/>
      <c r="QIS138" s="23"/>
      <c r="QIT138" s="23"/>
      <c r="QIU138" s="23"/>
      <c r="QIV138" s="23"/>
      <c r="QIW138" s="23"/>
      <c r="QIX138" s="23"/>
      <c r="QIY138" s="23"/>
      <c r="QIZ138" s="23"/>
      <c r="QJA138" s="23"/>
      <c r="QJB138" s="23"/>
      <c r="QJC138" s="23"/>
      <c r="QJD138" s="23"/>
      <c r="QJE138" s="23"/>
      <c r="QJF138" s="23"/>
      <c r="QJG138" s="23"/>
      <c r="QJH138" s="23"/>
      <c r="QJI138" s="23"/>
      <c r="QJJ138" s="23"/>
      <c r="QJK138" s="23"/>
      <c r="QJL138" s="23"/>
      <c r="QJM138" s="23"/>
      <c r="QJN138" s="23"/>
      <c r="QJO138" s="23"/>
      <c r="QJP138" s="23"/>
      <c r="QJQ138" s="23"/>
      <c r="QJR138" s="23"/>
      <c r="QJS138" s="23"/>
      <c r="QJT138" s="23"/>
      <c r="QJU138" s="23"/>
      <c r="QJV138" s="23"/>
      <c r="QJW138" s="23"/>
      <c r="QJX138" s="23"/>
      <c r="QJY138" s="23"/>
      <c r="QJZ138" s="23"/>
      <c r="QKA138" s="23"/>
      <c r="QKB138" s="23"/>
      <c r="QKC138" s="23"/>
      <c r="QKD138" s="23"/>
      <c r="QKE138" s="23"/>
      <c r="QKF138" s="23"/>
      <c r="QKG138" s="23"/>
      <c r="QKH138" s="23"/>
      <c r="QKI138" s="23"/>
      <c r="QKJ138" s="23"/>
      <c r="QKK138" s="23"/>
      <c r="QKL138" s="23"/>
      <c r="QKM138" s="23"/>
      <c r="QKN138" s="23"/>
      <c r="QKO138" s="23"/>
      <c r="QKP138" s="23"/>
      <c r="QKQ138" s="23"/>
      <c r="QKR138" s="23"/>
      <c r="QKS138" s="23"/>
      <c r="QKT138" s="23"/>
      <c r="QKU138" s="23"/>
      <c r="QKV138" s="23"/>
      <c r="QKW138" s="23"/>
      <c r="QKX138" s="23"/>
      <c r="QKY138" s="23"/>
      <c r="QKZ138" s="23"/>
      <c r="QLA138" s="23"/>
      <c r="QLB138" s="23"/>
      <c r="QLC138" s="23"/>
      <c r="QLD138" s="23"/>
      <c r="QLE138" s="23"/>
      <c r="QLF138" s="23"/>
      <c r="QLG138" s="23"/>
      <c r="QLH138" s="23"/>
      <c r="QLI138" s="23"/>
      <c r="QLJ138" s="23"/>
      <c r="QLK138" s="23"/>
      <c r="QLL138" s="23"/>
      <c r="QLM138" s="23"/>
      <c r="QLN138" s="23"/>
      <c r="QLO138" s="23"/>
      <c r="QLP138" s="23"/>
      <c r="QLQ138" s="23"/>
      <c r="QLR138" s="23"/>
      <c r="QLS138" s="23"/>
      <c r="QLT138" s="23"/>
      <c r="QLU138" s="23"/>
      <c r="QLV138" s="23"/>
      <c r="QLW138" s="23"/>
      <c r="QLX138" s="23"/>
      <c r="QLY138" s="23"/>
      <c r="QLZ138" s="23"/>
      <c r="QMA138" s="23"/>
      <c r="QMB138" s="23"/>
      <c r="QMC138" s="23"/>
      <c r="QMD138" s="23"/>
      <c r="QME138" s="23"/>
      <c r="QMF138" s="23"/>
      <c r="QMG138" s="23"/>
      <c r="QMH138" s="23"/>
      <c r="QMI138" s="23"/>
      <c r="QMJ138" s="23"/>
      <c r="QMK138" s="23"/>
      <c r="QML138" s="23"/>
      <c r="QMM138" s="23"/>
      <c r="QMN138" s="23"/>
      <c r="QMO138" s="23"/>
      <c r="QMP138" s="23"/>
      <c r="QMQ138" s="23"/>
      <c r="QMR138" s="23"/>
      <c r="QMS138" s="23"/>
      <c r="QMT138" s="23"/>
      <c r="QMU138" s="23"/>
      <c r="QMV138" s="23"/>
      <c r="QMW138" s="23"/>
      <c r="QMX138" s="23"/>
      <c r="QMY138" s="23"/>
      <c r="QMZ138" s="23"/>
      <c r="QNA138" s="23"/>
      <c r="QNB138" s="23"/>
      <c r="QNC138" s="23"/>
      <c r="QND138" s="23"/>
      <c r="QNE138" s="23"/>
      <c r="QNF138" s="23"/>
      <c r="QNG138" s="23"/>
      <c r="QNH138" s="23"/>
      <c r="QNI138" s="23"/>
      <c r="QNJ138" s="23"/>
      <c r="QNK138" s="23"/>
      <c r="QNL138" s="23"/>
      <c r="QNM138" s="23"/>
      <c r="QNN138" s="23"/>
      <c r="QNO138" s="23"/>
      <c r="QNP138" s="23"/>
      <c r="QNQ138" s="23"/>
      <c r="QNR138" s="23"/>
      <c r="QNS138" s="23"/>
      <c r="QNT138" s="23"/>
      <c r="QNU138" s="23"/>
      <c r="QNV138" s="23"/>
      <c r="QNW138" s="23"/>
      <c r="QNX138" s="23"/>
      <c r="QNY138" s="23"/>
      <c r="QNZ138" s="23"/>
      <c r="QOA138" s="23"/>
      <c r="QOB138" s="23"/>
      <c r="QOC138" s="23"/>
      <c r="QOD138" s="23"/>
      <c r="QOE138" s="23"/>
      <c r="QOF138" s="23"/>
      <c r="QOG138" s="23"/>
      <c r="QOH138" s="23"/>
      <c r="QOI138" s="23"/>
      <c r="QOJ138" s="23"/>
      <c r="QOK138" s="23"/>
      <c r="QOL138" s="23"/>
      <c r="QOM138" s="23"/>
      <c r="QON138" s="23"/>
      <c r="QOO138" s="23"/>
      <c r="QOP138" s="23"/>
      <c r="QOQ138" s="23"/>
      <c r="QOR138" s="23"/>
      <c r="QOS138" s="23"/>
      <c r="QOT138" s="23"/>
      <c r="QOU138" s="23"/>
      <c r="QOV138" s="23"/>
      <c r="QOW138" s="23"/>
      <c r="QOX138" s="23"/>
      <c r="QOY138" s="23"/>
      <c r="QOZ138" s="23"/>
      <c r="QPA138" s="23"/>
      <c r="QPB138" s="23"/>
      <c r="QPC138" s="23"/>
      <c r="QPD138" s="23"/>
      <c r="QPE138" s="23"/>
      <c r="QPF138" s="23"/>
      <c r="QPG138" s="23"/>
      <c r="QPH138" s="23"/>
      <c r="QPI138" s="23"/>
      <c r="QPJ138" s="23"/>
      <c r="QPK138" s="23"/>
      <c r="QPL138" s="23"/>
      <c r="QPM138" s="23"/>
      <c r="QPN138" s="23"/>
      <c r="QPO138" s="23"/>
      <c r="QPP138" s="23"/>
      <c r="QPQ138" s="23"/>
      <c r="QPR138" s="23"/>
      <c r="QPS138" s="23"/>
      <c r="QPT138" s="23"/>
      <c r="QPU138" s="23"/>
      <c r="QPV138" s="23"/>
      <c r="QPW138" s="23"/>
      <c r="QPX138" s="23"/>
      <c r="QPY138" s="23"/>
      <c r="QPZ138" s="23"/>
      <c r="QQA138" s="23"/>
      <c r="QQB138" s="23"/>
      <c r="QQC138" s="23"/>
      <c r="QQD138" s="23"/>
      <c r="QQE138" s="23"/>
      <c r="QQF138" s="23"/>
      <c r="QQG138" s="23"/>
      <c r="QQH138" s="23"/>
      <c r="QQI138" s="23"/>
      <c r="QQJ138" s="23"/>
      <c r="QQK138" s="23"/>
      <c r="QQL138" s="23"/>
      <c r="QQM138" s="23"/>
      <c r="QQN138" s="23"/>
      <c r="QQO138" s="23"/>
      <c r="QQP138" s="23"/>
      <c r="QQQ138" s="23"/>
      <c r="QQR138" s="23"/>
      <c r="QQS138" s="23"/>
      <c r="QQT138" s="23"/>
      <c r="QQU138" s="23"/>
      <c r="QQV138" s="23"/>
      <c r="QQW138" s="23"/>
      <c r="QQX138" s="23"/>
      <c r="QQY138" s="23"/>
      <c r="QQZ138" s="23"/>
      <c r="QRA138" s="23"/>
      <c r="QRB138" s="23"/>
      <c r="QRC138" s="23"/>
      <c r="QRD138" s="23"/>
      <c r="QRE138" s="23"/>
      <c r="QRF138" s="23"/>
      <c r="QRG138" s="23"/>
      <c r="QRH138" s="23"/>
      <c r="QRI138" s="23"/>
      <c r="QRJ138" s="23"/>
      <c r="QRK138" s="23"/>
      <c r="QRL138" s="23"/>
      <c r="QRM138" s="23"/>
      <c r="QRN138" s="23"/>
      <c r="QRO138" s="23"/>
      <c r="QRP138" s="23"/>
      <c r="QRQ138" s="23"/>
      <c r="QRR138" s="23"/>
      <c r="QRS138" s="23"/>
      <c r="QRT138" s="23"/>
      <c r="QRU138" s="23"/>
      <c r="QRV138" s="23"/>
      <c r="QRW138" s="23"/>
      <c r="QRX138" s="23"/>
      <c r="QRY138" s="23"/>
      <c r="QRZ138" s="23"/>
      <c r="QSA138" s="23"/>
      <c r="QSB138" s="23"/>
      <c r="QSC138" s="23"/>
      <c r="QSD138" s="23"/>
      <c r="QSE138" s="23"/>
      <c r="QSF138" s="23"/>
      <c r="QSG138" s="23"/>
      <c r="QSH138" s="23"/>
      <c r="QSI138" s="23"/>
      <c r="QSJ138" s="23"/>
      <c r="QSK138" s="23"/>
      <c r="QSL138" s="23"/>
      <c r="QSM138" s="23"/>
      <c r="QSN138" s="23"/>
      <c r="QSO138" s="23"/>
      <c r="QSP138" s="23"/>
      <c r="QSQ138" s="23"/>
      <c r="QSR138" s="23"/>
      <c r="QSS138" s="23"/>
      <c r="QST138" s="23"/>
      <c r="QSU138" s="23"/>
      <c r="QSV138" s="23"/>
      <c r="QSW138" s="23"/>
      <c r="QSX138" s="23"/>
      <c r="QSY138" s="23"/>
      <c r="QSZ138" s="23"/>
      <c r="QTA138" s="23"/>
      <c r="QTB138" s="23"/>
      <c r="QTC138" s="23"/>
      <c r="QTD138" s="23"/>
      <c r="QTE138" s="23"/>
      <c r="QTF138" s="23"/>
      <c r="QTG138" s="23"/>
      <c r="QTH138" s="23"/>
      <c r="QTI138" s="23"/>
      <c r="QTJ138" s="23"/>
      <c r="QTK138" s="23"/>
      <c r="QTL138" s="23"/>
      <c r="QTM138" s="23"/>
      <c r="QTN138" s="23"/>
      <c r="QTO138" s="23"/>
      <c r="QTP138" s="23"/>
      <c r="QTQ138" s="23"/>
      <c r="QTR138" s="23"/>
      <c r="QTS138" s="23"/>
      <c r="QTT138" s="23"/>
      <c r="QTU138" s="23"/>
      <c r="QTV138" s="23"/>
      <c r="QTW138" s="23"/>
      <c r="QTX138" s="23"/>
      <c r="QTY138" s="23"/>
      <c r="QTZ138" s="23"/>
      <c r="QUA138" s="23"/>
      <c r="QUB138" s="23"/>
      <c r="QUC138" s="23"/>
      <c r="QUD138" s="23"/>
      <c r="QUE138" s="23"/>
      <c r="QUF138" s="23"/>
      <c r="QUG138" s="23"/>
      <c r="QUH138" s="23"/>
      <c r="QUI138" s="23"/>
      <c r="QUJ138" s="23"/>
      <c r="QUK138" s="23"/>
      <c r="QUL138" s="23"/>
      <c r="QUM138" s="23"/>
      <c r="QUN138" s="23"/>
      <c r="QUO138" s="23"/>
      <c r="QUP138" s="23"/>
      <c r="QUQ138" s="23"/>
      <c r="QUR138" s="23"/>
      <c r="QUS138" s="23"/>
      <c r="QUT138" s="23"/>
      <c r="QUU138" s="23"/>
      <c r="QUV138" s="23"/>
      <c r="QUW138" s="23"/>
      <c r="QUX138" s="23"/>
      <c r="QUY138" s="23"/>
      <c r="QUZ138" s="23"/>
      <c r="QVA138" s="23"/>
      <c r="QVB138" s="23"/>
      <c r="QVC138" s="23"/>
      <c r="QVD138" s="23"/>
      <c r="QVE138" s="23"/>
      <c r="QVF138" s="23"/>
      <c r="QVG138" s="23"/>
      <c r="QVH138" s="23"/>
      <c r="QVI138" s="23"/>
      <c r="QVJ138" s="23"/>
      <c r="QVK138" s="23"/>
      <c r="QVL138" s="23"/>
      <c r="QVM138" s="23"/>
      <c r="QVN138" s="23"/>
      <c r="QVO138" s="23"/>
      <c r="QVP138" s="23"/>
      <c r="QVQ138" s="23"/>
      <c r="QVR138" s="23"/>
      <c r="QVS138" s="23"/>
      <c r="QVT138" s="23"/>
      <c r="QVU138" s="23"/>
      <c r="QVV138" s="23"/>
      <c r="QVW138" s="23"/>
      <c r="QVX138" s="23"/>
      <c r="QVY138" s="23"/>
      <c r="QVZ138" s="23"/>
      <c r="QWA138" s="23"/>
      <c r="QWB138" s="23"/>
      <c r="QWC138" s="23"/>
      <c r="QWD138" s="23"/>
      <c r="QWE138" s="23"/>
      <c r="QWF138" s="23"/>
      <c r="QWG138" s="23"/>
      <c r="QWH138" s="23"/>
      <c r="QWI138" s="23"/>
      <c r="QWJ138" s="23"/>
      <c r="QWK138" s="23"/>
      <c r="QWL138" s="23"/>
      <c r="QWM138" s="23"/>
      <c r="QWN138" s="23"/>
      <c r="QWO138" s="23"/>
      <c r="QWP138" s="23"/>
      <c r="QWQ138" s="23"/>
      <c r="QWR138" s="23"/>
      <c r="QWS138" s="23"/>
      <c r="QWT138" s="23"/>
      <c r="QWU138" s="23"/>
      <c r="QWV138" s="23"/>
      <c r="QWW138" s="23"/>
      <c r="QWX138" s="23"/>
      <c r="QWY138" s="23"/>
      <c r="QWZ138" s="23"/>
      <c r="QXA138" s="23"/>
      <c r="QXB138" s="23"/>
      <c r="QXC138" s="23"/>
      <c r="QXD138" s="23"/>
      <c r="QXE138" s="23"/>
      <c r="QXF138" s="23"/>
      <c r="QXG138" s="23"/>
      <c r="QXH138" s="23"/>
      <c r="QXI138" s="23"/>
      <c r="QXJ138" s="23"/>
      <c r="QXK138" s="23"/>
      <c r="QXL138" s="23"/>
      <c r="QXM138" s="23"/>
      <c r="QXN138" s="23"/>
      <c r="QXO138" s="23"/>
      <c r="QXP138" s="23"/>
      <c r="QXQ138" s="23"/>
      <c r="QXR138" s="23"/>
      <c r="QXS138" s="23"/>
      <c r="QXT138" s="23"/>
      <c r="QXU138" s="23"/>
      <c r="QXV138" s="23"/>
      <c r="QXW138" s="23"/>
      <c r="QXX138" s="23"/>
      <c r="QXY138" s="23"/>
      <c r="QXZ138" s="23"/>
      <c r="QYA138" s="23"/>
      <c r="QYB138" s="23"/>
      <c r="QYC138" s="23"/>
      <c r="QYD138" s="23"/>
      <c r="QYE138" s="23"/>
      <c r="QYF138" s="23"/>
      <c r="QYG138" s="23"/>
      <c r="QYH138" s="23"/>
      <c r="QYI138" s="23"/>
      <c r="QYJ138" s="23"/>
      <c r="QYK138" s="23"/>
      <c r="QYL138" s="23"/>
      <c r="QYM138" s="23"/>
      <c r="QYN138" s="23"/>
      <c r="QYO138" s="23"/>
      <c r="QYP138" s="23"/>
      <c r="QYQ138" s="23"/>
      <c r="QYR138" s="23"/>
      <c r="QYS138" s="23"/>
      <c r="QYT138" s="23"/>
      <c r="QYU138" s="23"/>
      <c r="QYV138" s="23"/>
      <c r="QYW138" s="23"/>
      <c r="QYX138" s="23"/>
      <c r="QYY138" s="23"/>
      <c r="QYZ138" s="23"/>
      <c r="QZA138" s="23"/>
      <c r="QZB138" s="23"/>
      <c r="QZC138" s="23"/>
      <c r="QZD138" s="23"/>
      <c r="QZE138" s="23"/>
      <c r="QZF138" s="23"/>
      <c r="QZG138" s="23"/>
      <c r="QZH138" s="23"/>
      <c r="QZI138" s="23"/>
      <c r="QZJ138" s="23"/>
      <c r="QZK138" s="23"/>
      <c r="QZL138" s="23"/>
      <c r="QZM138" s="23"/>
      <c r="QZN138" s="23"/>
      <c r="QZO138" s="23"/>
      <c r="QZP138" s="23"/>
      <c r="QZQ138" s="23"/>
      <c r="QZR138" s="23"/>
      <c r="QZS138" s="23"/>
      <c r="QZT138" s="23"/>
      <c r="QZU138" s="23"/>
      <c r="QZV138" s="23"/>
      <c r="QZW138" s="23"/>
      <c r="QZX138" s="23"/>
      <c r="QZY138" s="23"/>
      <c r="QZZ138" s="23"/>
      <c r="RAA138" s="23"/>
      <c r="RAB138" s="23"/>
      <c r="RAC138" s="23"/>
      <c r="RAD138" s="23"/>
      <c r="RAE138" s="23"/>
      <c r="RAF138" s="23"/>
      <c r="RAG138" s="23"/>
      <c r="RAH138" s="23"/>
      <c r="RAI138" s="23"/>
      <c r="RAJ138" s="23"/>
      <c r="RAK138" s="23"/>
      <c r="RAL138" s="23"/>
      <c r="RAM138" s="23"/>
      <c r="RAN138" s="23"/>
      <c r="RAO138" s="23"/>
      <c r="RAP138" s="23"/>
      <c r="RAQ138" s="23"/>
      <c r="RAR138" s="23"/>
      <c r="RAS138" s="23"/>
      <c r="RAT138" s="23"/>
      <c r="RAU138" s="23"/>
      <c r="RAV138" s="23"/>
      <c r="RAW138" s="23"/>
      <c r="RAX138" s="23"/>
      <c r="RAY138" s="23"/>
      <c r="RAZ138" s="23"/>
      <c r="RBA138" s="23"/>
      <c r="RBB138" s="23"/>
      <c r="RBC138" s="23"/>
      <c r="RBD138" s="23"/>
      <c r="RBE138" s="23"/>
      <c r="RBF138" s="23"/>
      <c r="RBG138" s="23"/>
      <c r="RBH138" s="23"/>
      <c r="RBI138" s="23"/>
      <c r="RBJ138" s="23"/>
      <c r="RBK138" s="23"/>
      <c r="RBL138" s="23"/>
      <c r="RBM138" s="23"/>
      <c r="RBN138" s="23"/>
      <c r="RBO138" s="23"/>
      <c r="RBP138" s="23"/>
      <c r="RBQ138" s="23"/>
      <c r="RBR138" s="23"/>
      <c r="RBS138" s="23"/>
      <c r="RBT138" s="23"/>
      <c r="RBU138" s="23"/>
      <c r="RBV138" s="23"/>
      <c r="RBW138" s="23"/>
      <c r="RBX138" s="23"/>
      <c r="RBY138" s="23"/>
      <c r="RBZ138" s="23"/>
      <c r="RCA138" s="23"/>
      <c r="RCB138" s="23"/>
      <c r="RCC138" s="23"/>
      <c r="RCD138" s="23"/>
      <c r="RCE138" s="23"/>
      <c r="RCF138" s="23"/>
      <c r="RCG138" s="23"/>
      <c r="RCH138" s="23"/>
      <c r="RCI138" s="23"/>
      <c r="RCJ138" s="23"/>
      <c r="RCK138" s="23"/>
      <c r="RCL138" s="23"/>
      <c r="RCM138" s="23"/>
      <c r="RCN138" s="23"/>
      <c r="RCO138" s="23"/>
      <c r="RCP138" s="23"/>
      <c r="RCQ138" s="23"/>
      <c r="RCR138" s="23"/>
      <c r="RCS138" s="23"/>
      <c r="RCT138" s="23"/>
      <c r="RCU138" s="23"/>
      <c r="RCV138" s="23"/>
      <c r="RCW138" s="23"/>
      <c r="RCX138" s="23"/>
      <c r="RCY138" s="23"/>
      <c r="RCZ138" s="23"/>
      <c r="RDA138" s="23"/>
      <c r="RDB138" s="23"/>
      <c r="RDC138" s="23"/>
      <c r="RDD138" s="23"/>
      <c r="RDE138" s="23"/>
      <c r="RDF138" s="23"/>
      <c r="RDG138" s="23"/>
      <c r="RDH138" s="23"/>
      <c r="RDI138" s="23"/>
      <c r="RDJ138" s="23"/>
      <c r="RDK138" s="23"/>
      <c r="RDL138" s="23"/>
      <c r="RDM138" s="23"/>
      <c r="RDN138" s="23"/>
      <c r="RDO138" s="23"/>
      <c r="RDP138" s="23"/>
      <c r="RDQ138" s="23"/>
      <c r="RDR138" s="23"/>
      <c r="RDS138" s="23"/>
      <c r="RDT138" s="23"/>
      <c r="RDU138" s="23"/>
      <c r="RDV138" s="23"/>
      <c r="RDW138" s="23"/>
      <c r="RDX138" s="23"/>
      <c r="RDY138" s="23"/>
      <c r="RDZ138" s="23"/>
      <c r="REA138" s="23"/>
      <c r="REB138" s="23"/>
      <c r="REC138" s="23"/>
      <c r="RED138" s="23"/>
      <c r="REE138" s="23"/>
      <c r="REF138" s="23"/>
      <c r="REG138" s="23"/>
      <c r="REH138" s="23"/>
      <c r="REI138" s="23"/>
      <c r="REJ138" s="23"/>
      <c r="REK138" s="23"/>
      <c r="REL138" s="23"/>
      <c r="REM138" s="23"/>
      <c r="REN138" s="23"/>
      <c r="REO138" s="23"/>
      <c r="REP138" s="23"/>
      <c r="REQ138" s="23"/>
      <c r="RER138" s="23"/>
      <c r="RES138" s="23"/>
      <c r="RET138" s="23"/>
      <c r="REU138" s="23"/>
      <c r="REV138" s="23"/>
      <c r="REW138" s="23"/>
      <c r="REX138" s="23"/>
      <c r="REY138" s="23"/>
      <c r="REZ138" s="23"/>
      <c r="RFA138" s="23"/>
      <c r="RFB138" s="23"/>
      <c r="RFC138" s="23"/>
      <c r="RFD138" s="23"/>
      <c r="RFE138" s="23"/>
      <c r="RFF138" s="23"/>
      <c r="RFG138" s="23"/>
      <c r="RFH138" s="23"/>
      <c r="RFI138" s="23"/>
      <c r="RFJ138" s="23"/>
      <c r="RFK138" s="23"/>
      <c r="RFL138" s="23"/>
      <c r="RFM138" s="23"/>
      <c r="RFN138" s="23"/>
      <c r="RFO138" s="23"/>
      <c r="RFP138" s="23"/>
      <c r="RFQ138" s="23"/>
      <c r="RFR138" s="23"/>
      <c r="RFS138" s="23"/>
      <c r="RFT138" s="23"/>
      <c r="RFU138" s="23"/>
      <c r="RFV138" s="23"/>
      <c r="RFW138" s="23"/>
      <c r="RFX138" s="23"/>
      <c r="RFY138" s="23"/>
      <c r="RFZ138" s="23"/>
      <c r="RGA138" s="23"/>
      <c r="RGB138" s="23"/>
      <c r="RGC138" s="23"/>
      <c r="RGD138" s="23"/>
      <c r="RGE138" s="23"/>
      <c r="RGF138" s="23"/>
      <c r="RGG138" s="23"/>
      <c r="RGH138" s="23"/>
      <c r="RGI138" s="23"/>
      <c r="RGJ138" s="23"/>
      <c r="RGK138" s="23"/>
      <c r="RGL138" s="23"/>
      <c r="RGM138" s="23"/>
      <c r="RGN138" s="23"/>
      <c r="RGO138" s="23"/>
      <c r="RGP138" s="23"/>
      <c r="RGQ138" s="23"/>
      <c r="RGR138" s="23"/>
      <c r="RGS138" s="23"/>
      <c r="RGT138" s="23"/>
      <c r="RGU138" s="23"/>
      <c r="RGV138" s="23"/>
      <c r="RGW138" s="23"/>
      <c r="RGX138" s="23"/>
      <c r="RGY138" s="23"/>
      <c r="RGZ138" s="23"/>
      <c r="RHA138" s="23"/>
      <c r="RHB138" s="23"/>
      <c r="RHC138" s="23"/>
      <c r="RHD138" s="23"/>
      <c r="RHE138" s="23"/>
      <c r="RHF138" s="23"/>
      <c r="RHG138" s="23"/>
      <c r="RHH138" s="23"/>
      <c r="RHI138" s="23"/>
      <c r="RHJ138" s="23"/>
      <c r="RHK138" s="23"/>
      <c r="RHL138" s="23"/>
      <c r="RHM138" s="23"/>
      <c r="RHN138" s="23"/>
      <c r="RHO138" s="23"/>
      <c r="RHP138" s="23"/>
      <c r="RHQ138" s="23"/>
      <c r="RHR138" s="23"/>
      <c r="RHS138" s="23"/>
      <c r="RHT138" s="23"/>
      <c r="RHU138" s="23"/>
      <c r="RHV138" s="23"/>
      <c r="RHW138" s="23"/>
      <c r="RHX138" s="23"/>
      <c r="RHY138" s="23"/>
      <c r="RHZ138" s="23"/>
      <c r="RIA138" s="23"/>
      <c r="RIB138" s="23"/>
      <c r="RIC138" s="23"/>
      <c r="RID138" s="23"/>
      <c r="RIE138" s="23"/>
      <c r="RIF138" s="23"/>
      <c r="RIG138" s="23"/>
      <c r="RIH138" s="23"/>
      <c r="RII138" s="23"/>
      <c r="RIJ138" s="23"/>
      <c r="RIK138" s="23"/>
      <c r="RIL138" s="23"/>
      <c r="RIM138" s="23"/>
      <c r="RIN138" s="23"/>
      <c r="RIO138" s="23"/>
      <c r="RIP138" s="23"/>
      <c r="RIQ138" s="23"/>
      <c r="RIR138" s="23"/>
      <c r="RIS138" s="23"/>
      <c r="RIT138" s="23"/>
      <c r="RIU138" s="23"/>
      <c r="RIV138" s="23"/>
      <c r="RIW138" s="23"/>
      <c r="RIX138" s="23"/>
      <c r="RIY138" s="23"/>
      <c r="RIZ138" s="23"/>
      <c r="RJA138" s="23"/>
      <c r="RJB138" s="23"/>
      <c r="RJC138" s="23"/>
      <c r="RJD138" s="23"/>
      <c r="RJE138" s="23"/>
      <c r="RJF138" s="23"/>
      <c r="RJG138" s="23"/>
      <c r="RJH138" s="23"/>
      <c r="RJI138" s="23"/>
      <c r="RJJ138" s="23"/>
      <c r="RJK138" s="23"/>
      <c r="RJL138" s="23"/>
      <c r="RJM138" s="23"/>
      <c r="RJN138" s="23"/>
      <c r="RJO138" s="23"/>
      <c r="RJP138" s="23"/>
      <c r="RJQ138" s="23"/>
      <c r="RJR138" s="23"/>
      <c r="RJS138" s="23"/>
      <c r="RJT138" s="23"/>
      <c r="RJU138" s="23"/>
      <c r="RJV138" s="23"/>
      <c r="RJW138" s="23"/>
      <c r="RJX138" s="23"/>
      <c r="RJY138" s="23"/>
      <c r="RJZ138" s="23"/>
      <c r="RKA138" s="23"/>
      <c r="RKB138" s="23"/>
      <c r="RKC138" s="23"/>
      <c r="RKD138" s="23"/>
      <c r="RKE138" s="23"/>
      <c r="RKF138" s="23"/>
      <c r="RKG138" s="23"/>
      <c r="RKH138" s="23"/>
      <c r="RKI138" s="23"/>
      <c r="RKJ138" s="23"/>
      <c r="RKK138" s="23"/>
      <c r="RKL138" s="23"/>
      <c r="RKM138" s="23"/>
      <c r="RKN138" s="23"/>
      <c r="RKO138" s="23"/>
      <c r="RKP138" s="23"/>
      <c r="RKQ138" s="23"/>
      <c r="RKR138" s="23"/>
      <c r="RKS138" s="23"/>
      <c r="RKT138" s="23"/>
      <c r="RKU138" s="23"/>
      <c r="RKV138" s="23"/>
      <c r="RKW138" s="23"/>
      <c r="RKX138" s="23"/>
      <c r="RKY138" s="23"/>
      <c r="RKZ138" s="23"/>
      <c r="RLA138" s="23"/>
      <c r="RLB138" s="23"/>
      <c r="RLC138" s="23"/>
      <c r="RLD138" s="23"/>
      <c r="RLE138" s="23"/>
      <c r="RLF138" s="23"/>
      <c r="RLG138" s="23"/>
      <c r="RLH138" s="23"/>
      <c r="RLI138" s="23"/>
      <c r="RLJ138" s="23"/>
      <c r="RLK138" s="23"/>
      <c r="RLL138" s="23"/>
      <c r="RLM138" s="23"/>
      <c r="RLN138" s="23"/>
      <c r="RLO138" s="23"/>
      <c r="RLP138" s="23"/>
      <c r="RLQ138" s="23"/>
      <c r="RLR138" s="23"/>
      <c r="RLS138" s="23"/>
      <c r="RLT138" s="23"/>
      <c r="RLU138" s="23"/>
      <c r="RLV138" s="23"/>
      <c r="RLW138" s="23"/>
      <c r="RLX138" s="23"/>
      <c r="RLY138" s="23"/>
      <c r="RLZ138" s="23"/>
      <c r="RMA138" s="23"/>
      <c r="RMB138" s="23"/>
      <c r="RMC138" s="23"/>
      <c r="RMD138" s="23"/>
      <c r="RME138" s="23"/>
      <c r="RMF138" s="23"/>
      <c r="RMG138" s="23"/>
      <c r="RMH138" s="23"/>
      <c r="RMI138" s="23"/>
      <c r="RMJ138" s="23"/>
      <c r="RMK138" s="23"/>
      <c r="RML138" s="23"/>
      <c r="RMM138" s="23"/>
      <c r="RMN138" s="23"/>
      <c r="RMO138" s="23"/>
      <c r="RMP138" s="23"/>
      <c r="RMQ138" s="23"/>
      <c r="RMR138" s="23"/>
      <c r="RMS138" s="23"/>
      <c r="RMT138" s="23"/>
      <c r="RMU138" s="23"/>
      <c r="RMV138" s="23"/>
      <c r="RMW138" s="23"/>
      <c r="RMX138" s="23"/>
      <c r="RMY138" s="23"/>
      <c r="RMZ138" s="23"/>
      <c r="RNA138" s="23"/>
      <c r="RNB138" s="23"/>
      <c r="RNC138" s="23"/>
      <c r="RND138" s="23"/>
      <c r="RNE138" s="23"/>
      <c r="RNF138" s="23"/>
      <c r="RNG138" s="23"/>
      <c r="RNH138" s="23"/>
      <c r="RNI138" s="23"/>
      <c r="RNJ138" s="23"/>
      <c r="RNK138" s="23"/>
      <c r="RNL138" s="23"/>
      <c r="RNM138" s="23"/>
      <c r="RNN138" s="23"/>
      <c r="RNO138" s="23"/>
      <c r="RNP138" s="23"/>
      <c r="RNQ138" s="23"/>
      <c r="RNR138" s="23"/>
      <c r="RNS138" s="23"/>
      <c r="RNT138" s="23"/>
      <c r="RNU138" s="23"/>
      <c r="RNV138" s="23"/>
      <c r="RNW138" s="23"/>
      <c r="RNX138" s="23"/>
      <c r="RNY138" s="23"/>
      <c r="RNZ138" s="23"/>
      <c r="ROA138" s="23"/>
      <c r="ROB138" s="23"/>
      <c r="ROC138" s="23"/>
      <c r="ROD138" s="23"/>
      <c r="ROE138" s="23"/>
      <c r="ROF138" s="23"/>
      <c r="ROG138" s="23"/>
      <c r="ROH138" s="23"/>
      <c r="ROI138" s="23"/>
      <c r="ROJ138" s="23"/>
      <c r="ROK138" s="23"/>
      <c r="ROL138" s="23"/>
      <c r="ROM138" s="23"/>
      <c r="RON138" s="23"/>
      <c r="ROO138" s="23"/>
      <c r="ROP138" s="23"/>
      <c r="ROQ138" s="23"/>
      <c r="ROR138" s="23"/>
      <c r="ROS138" s="23"/>
      <c r="ROT138" s="23"/>
      <c r="ROU138" s="23"/>
      <c r="ROV138" s="23"/>
      <c r="ROW138" s="23"/>
      <c r="ROX138" s="23"/>
      <c r="ROY138" s="23"/>
      <c r="ROZ138" s="23"/>
      <c r="RPA138" s="23"/>
      <c r="RPB138" s="23"/>
      <c r="RPC138" s="23"/>
      <c r="RPD138" s="23"/>
      <c r="RPE138" s="23"/>
      <c r="RPF138" s="23"/>
      <c r="RPG138" s="23"/>
      <c r="RPH138" s="23"/>
      <c r="RPI138" s="23"/>
      <c r="RPJ138" s="23"/>
      <c r="RPK138" s="23"/>
      <c r="RPL138" s="23"/>
      <c r="RPM138" s="23"/>
      <c r="RPN138" s="23"/>
      <c r="RPO138" s="23"/>
      <c r="RPP138" s="23"/>
      <c r="RPQ138" s="23"/>
      <c r="RPR138" s="23"/>
      <c r="RPS138" s="23"/>
      <c r="RPT138" s="23"/>
      <c r="RPU138" s="23"/>
      <c r="RPV138" s="23"/>
      <c r="RPW138" s="23"/>
      <c r="RPX138" s="23"/>
      <c r="RPY138" s="23"/>
      <c r="RPZ138" s="23"/>
      <c r="RQA138" s="23"/>
      <c r="RQB138" s="23"/>
      <c r="RQC138" s="23"/>
      <c r="RQD138" s="23"/>
      <c r="RQE138" s="23"/>
      <c r="RQF138" s="23"/>
      <c r="RQG138" s="23"/>
      <c r="RQH138" s="23"/>
      <c r="RQI138" s="23"/>
      <c r="RQJ138" s="23"/>
      <c r="RQK138" s="23"/>
      <c r="RQL138" s="23"/>
      <c r="RQM138" s="23"/>
      <c r="RQN138" s="23"/>
      <c r="RQO138" s="23"/>
      <c r="RQP138" s="23"/>
      <c r="RQQ138" s="23"/>
      <c r="RQR138" s="23"/>
      <c r="RQS138" s="23"/>
      <c r="RQT138" s="23"/>
      <c r="RQU138" s="23"/>
      <c r="RQV138" s="23"/>
      <c r="RQW138" s="23"/>
      <c r="RQX138" s="23"/>
      <c r="RQY138" s="23"/>
      <c r="RQZ138" s="23"/>
      <c r="RRA138" s="23"/>
      <c r="RRB138" s="23"/>
      <c r="RRC138" s="23"/>
      <c r="RRD138" s="23"/>
      <c r="RRE138" s="23"/>
      <c r="RRF138" s="23"/>
      <c r="RRG138" s="23"/>
      <c r="RRH138" s="23"/>
      <c r="RRI138" s="23"/>
      <c r="RRJ138" s="23"/>
      <c r="RRK138" s="23"/>
      <c r="RRL138" s="23"/>
      <c r="RRM138" s="23"/>
      <c r="RRN138" s="23"/>
      <c r="RRO138" s="23"/>
      <c r="RRP138" s="23"/>
      <c r="RRQ138" s="23"/>
      <c r="RRR138" s="23"/>
      <c r="RRS138" s="23"/>
      <c r="RRT138" s="23"/>
      <c r="RRU138" s="23"/>
      <c r="RRV138" s="23"/>
      <c r="RRW138" s="23"/>
      <c r="RRX138" s="23"/>
      <c r="RRY138" s="23"/>
      <c r="RRZ138" s="23"/>
      <c r="RSA138" s="23"/>
      <c r="RSB138" s="23"/>
      <c r="RSC138" s="23"/>
      <c r="RSD138" s="23"/>
      <c r="RSE138" s="23"/>
      <c r="RSF138" s="23"/>
      <c r="RSG138" s="23"/>
      <c r="RSH138" s="23"/>
      <c r="RSI138" s="23"/>
      <c r="RSJ138" s="23"/>
      <c r="RSK138" s="23"/>
      <c r="RSL138" s="23"/>
      <c r="RSM138" s="23"/>
      <c r="RSN138" s="23"/>
      <c r="RSO138" s="23"/>
      <c r="RSP138" s="23"/>
      <c r="RSQ138" s="23"/>
      <c r="RSR138" s="23"/>
      <c r="RSS138" s="23"/>
      <c r="RST138" s="23"/>
      <c r="RSU138" s="23"/>
      <c r="RSV138" s="23"/>
      <c r="RSW138" s="23"/>
      <c r="RSX138" s="23"/>
      <c r="RSY138" s="23"/>
      <c r="RSZ138" s="23"/>
      <c r="RTA138" s="23"/>
      <c r="RTB138" s="23"/>
      <c r="RTC138" s="23"/>
      <c r="RTD138" s="23"/>
      <c r="RTE138" s="23"/>
      <c r="RTF138" s="23"/>
      <c r="RTG138" s="23"/>
      <c r="RTH138" s="23"/>
      <c r="RTI138" s="23"/>
      <c r="RTJ138" s="23"/>
      <c r="RTK138" s="23"/>
      <c r="RTL138" s="23"/>
      <c r="RTM138" s="23"/>
      <c r="RTN138" s="23"/>
      <c r="RTO138" s="23"/>
      <c r="RTP138" s="23"/>
      <c r="RTQ138" s="23"/>
      <c r="RTR138" s="23"/>
      <c r="RTS138" s="23"/>
      <c r="RTT138" s="23"/>
      <c r="RTU138" s="23"/>
      <c r="RTV138" s="23"/>
      <c r="RTW138" s="23"/>
      <c r="RTX138" s="23"/>
      <c r="RTY138" s="23"/>
      <c r="RTZ138" s="23"/>
      <c r="RUA138" s="23"/>
      <c r="RUB138" s="23"/>
      <c r="RUC138" s="23"/>
      <c r="RUD138" s="23"/>
      <c r="RUE138" s="23"/>
      <c r="RUF138" s="23"/>
      <c r="RUG138" s="23"/>
      <c r="RUH138" s="23"/>
      <c r="RUI138" s="23"/>
      <c r="RUJ138" s="23"/>
      <c r="RUK138" s="23"/>
      <c r="RUL138" s="23"/>
      <c r="RUM138" s="23"/>
      <c r="RUN138" s="23"/>
      <c r="RUO138" s="23"/>
      <c r="RUP138" s="23"/>
      <c r="RUQ138" s="23"/>
      <c r="RUR138" s="23"/>
      <c r="RUS138" s="23"/>
      <c r="RUT138" s="23"/>
      <c r="RUU138" s="23"/>
      <c r="RUV138" s="23"/>
      <c r="RUW138" s="23"/>
      <c r="RUX138" s="23"/>
      <c r="RUY138" s="23"/>
      <c r="RUZ138" s="23"/>
      <c r="RVA138" s="23"/>
      <c r="RVB138" s="23"/>
      <c r="RVC138" s="23"/>
      <c r="RVD138" s="23"/>
      <c r="RVE138" s="23"/>
      <c r="RVF138" s="23"/>
      <c r="RVG138" s="23"/>
      <c r="RVH138" s="23"/>
      <c r="RVI138" s="23"/>
      <c r="RVJ138" s="23"/>
      <c r="RVK138" s="23"/>
      <c r="RVL138" s="23"/>
      <c r="RVM138" s="23"/>
      <c r="RVN138" s="23"/>
      <c r="RVO138" s="23"/>
      <c r="RVP138" s="23"/>
      <c r="RVQ138" s="23"/>
      <c r="RVR138" s="23"/>
      <c r="RVS138" s="23"/>
      <c r="RVT138" s="23"/>
      <c r="RVU138" s="23"/>
      <c r="RVV138" s="23"/>
      <c r="RVW138" s="23"/>
      <c r="RVX138" s="23"/>
      <c r="RVY138" s="23"/>
      <c r="RVZ138" s="23"/>
      <c r="RWA138" s="23"/>
      <c r="RWB138" s="23"/>
      <c r="RWC138" s="23"/>
      <c r="RWD138" s="23"/>
      <c r="RWE138" s="23"/>
      <c r="RWF138" s="23"/>
      <c r="RWG138" s="23"/>
      <c r="RWH138" s="23"/>
      <c r="RWI138" s="23"/>
      <c r="RWJ138" s="23"/>
      <c r="RWK138" s="23"/>
      <c r="RWL138" s="23"/>
      <c r="RWM138" s="23"/>
      <c r="RWN138" s="23"/>
      <c r="RWO138" s="23"/>
      <c r="RWP138" s="23"/>
      <c r="RWQ138" s="23"/>
      <c r="RWR138" s="23"/>
      <c r="RWS138" s="23"/>
      <c r="RWT138" s="23"/>
      <c r="RWU138" s="23"/>
      <c r="RWV138" s="23"/>
      <c r="RWW138" s="23"/>
      <c r="RWX138" s="23"/>
      <c r="RWY138" s="23"/>
      <c r="RWZ138" s="23"/>
      <c r="RXA138" s="23"/>
      <c r="RXB138" s="23"/>
      <c r="RXC138" s="23"/>
      <c r="RXD138" s="23"/>
      <c r="RXE138" s="23"/>
      <c r="RXF138" s="23"/>
      <c r="RXG138" s="23"/>
      <c r="RXH138" s="23"/>
      <c r="RXI138" s="23"/>
      <c r="RXJ138" s="23"/>
      <c r="RXK138" s="23"/>
      <c r="RXL138" s="23"/>
      <c r="RXM138" s="23"/>
      <c r="RXN138" s="23"/>
      <c r="RXO138" s="23"/>
      <c r="RXP138" s="23"/>
      <c r="RXQ138" s="23"/>
      <c r="RXR138" s="23"/>
      <c r="RXS138" s="23"/>
      <c r="RXT138" s="23"/>
      <c r="RXU138" s="23"/>
      <c r="RXV138" s="23"/>
      <c r="RXW138" s="23"/>
      <c r="RXX138" s="23"/>
      <c r="RXY138" s="23"/>
      <c r="RXZ138" s="23"/>
      <c r="RYA138" s="23"/>
      <c r="RYB138" s="23"/>
      <c r="RYC138" s="23"/>
      <c r="RYD138" s="23"/>
      <c r="RYE138" s="23"/>
      <c r="RYF138" s="23"/>
      <c r="RYG138" s="23"/>
      <c r="RYH138" s="23"/>
      <c r="RYI138" s="23"/>
      <c r="RYJ138" s="23"/>
      <c r="RYK138" s="23"/>
      <c r="RYL138" s="23"/>
      <c r="RYM138" s="23"/>
      <c r="RYN138" s="23"/>
      <c r="RYO138" s="23"/>
      <c r="RYP138" s="23"/>
      <c r="RYQ138" s="23"/>
      <c r="RYR138" s="23"/>
      <c r="RYS138" s="23"/>
      <c r="RYT138" s="23"/>
      <c r="RYU138" s="23"/>
      <c r="RYV138" s="23"/>
      <c r="RYW138" s="23"/>
      <c r="RYX138" s="23"/>
      <c r="RYY138" s="23"/>
      <c r="RYZ138" s="23"/>
      <c r="RZA138" s="23"/>
      <c r="RZB138" s="23"/>
      <c r="RZC138" s="23"/>
      <c r="RZD138" s="23"/>
      <c r="RZE138" s="23"/>
      <c r="RZF138" s="23"/>
      <c r="RZG138" s="23"/>
      <c r="RZH138" s="23"/>
      <c r="RZI138" s="23"/>
      <c r="RZJ138" s="23"/>
      <c r="RZK138" s="23"/>
      <c r="RZL138" s="23"/>
      <c r="RZM138" s="23"/>
      <c r="RZN138" s="23"/>
      <c r="RZO138" s="23"/>
      <c r="RZP138" s="23"/>
      <c r="RZQ138" s="23"/>
      <c r="RZR138" s="23"/>
      <c r="RZS138" s="23"/>
      <c r="RZT138" s="23"/>
      <c r="RZU138" s="23"/>
      <c r="RZV138" s="23"/>
      <c r="RZW138" s="23"/>
      <c r="RZX138" s="23"/>
      <c r="RZY138" s="23"/>
      <c r="RZZ138" s="23"/>
      <c r="SAA138" s="23"/>
      <c r="SAB138" s="23"/>
      <c r="SAC138" s="23"/>
      <c r="SAD138" s="23"/>
      <c r="SAE138" s="23"/>
      <c r="SAF138" s="23"/>
      <c r="SAG138" s="23"/>
      <c r="SAH138" s="23"/>
      <c r="SAI138" s="23"/>
      <c r="SAJ138" s="23"/>
      <c r="SAK138" s="23"/>
      <c r="SAL138" s="23"/>
      <c r="SAM138" s="23"/>
      <c r="SAN138" s="23"/>
      <c r="SAO138" s="23"/>
      <c r="SAP138" s="23"/>
      <c r="SAQ138" s="23"/>
      <c r="SAR138" s="23"/>
      <c r="SAS138" s="23"/>
      <c r="SAT138" s="23"/>
      <c r="SAU138" s="23"/>
      <c r="SAV138" s="23"/>
      <c r="SAW138" s="23"/>
      <c r="SAX138" s="23"/>
      <c r="SAY138" s="23"/>
      <c r="SAZ138" s="23"/>
      <c r="SBA138" s="23"/>
      <c r="SBB138" s="23"/>
      <c r="SBC138" s="23"/>
      <c r="SBD138" s="23"/>
      <c r="SBE138" s="23"/>
      <c r="SBF138" s="23"/>
      <c r="SBG138" s="23"/>
      <c r="SBH138" s="23"/>
      <c r="SBI138" s="23"/>
      <c r="SBJ138" s="23"/>
      <c r="SBK138" s="23"/>
      <c r="SBL138" s="23"/>
      <c r="SBM138" s="23"/>
      <c r="SBN138" s="23"/>
      <c r="SBO138" s="23"/>
      <c r="SBP138" s="23"/>
      <c r="SBQ138" s="23"/>
      <c r="SBR138" s="23"/>
      <c r="SBS138" s="23"/>
      <c r="SBT138" s="23"/>
      <c r="SBU138" s="23"/>
      <c r="SBV138" s="23"/>
      <c r="SBW138" s="23"/>
      <c r="SBX138" s="23"/>
      <c r="SBY138" s="23"/>
      <c r="SBZ138" s="23"/>
      <c r="SCA138" s="23"/>
      <c r="SCB138" s="23"/>
      <c r="SCC138" s="23"/>
      <c r="SCD138" s="23"/>
      <c r="SCE138" s="23"/>
      <c r="SCF138" s="23"/>
      <c r="SCG138" s="23"/>
      <c r="SCH138" s="23"/>
      <c r="SCI138" s="23"/>
      <c r="SCJ138" s="23"/>
      <c r="SCK138" s="23"/>
      <c r="SCL138" s="23"/>
      <c r="SCM138" s="23"/>
      <c r="SCN138" s="23"/>
      <c r="SCO138" s="23"/>
      <c r="SCP138" s="23"/>
      <c r="SCQ138" s="23"/>
      <c r="SCR138" s="23"/>
      <c r="SCS138" s="23"/>
      <c r="SCT138" s="23"/>
      <c r="SCU138" s="23"/>
      <c r="SCV138" s="23"/>
      <c r="SCW138" s="23"/>
      <c r="SCX138" s="23"/>
      <c r="SCY138" s="23"/>
      <c r="SCZ138" s="23"/>
      <c r="SDA138" s="23"/>
      <c r="SDB138" s="23"/>
      <c r="SDC138" s="23"/>
      <c r="SDD138" s="23"/>
      <c r="SDE138" s="23"/>
      <c r="SDF138" s="23"/>
      <c r="SDG138" s="23"/>
      <c r="SDH138" s="23"/>
      <c r="SDI138" s="23"/>
      <c r="SDJ138" s="23"/>
      <c r="SDK138" s="23"/>
      <c r="SDL138" s="23"/>
      <c r="SDM138" s="23"/>
      <c r="SDN138" s="23"/>
      <c r="SDO138" s="23"/>
      <c r="SDP138" s="23"/>
      <c r="SDQ138" s="23"/>
      <c r="SDR138" s="23"/>
      <c r="SDS138" s="23"/>
      <c r="SDT138" s="23"/>
      <c r="SDU138" s="23"/>
      <c r="SDV138" s="23"/>
      <c r="SDW138" s="23"/>
      <c r="SDX138" s="23"/>
      <c r="SDY138" s="23"/>
      <c r="SDZ138" s="23"/>
      <c r="SEA138" s="23"/>
      <c r="SEB138" s="23"/>
      <c r="SEC138" s="23"/>
      <c r="SED138" s="23"/>
      <c r="SEE138" s="23"/>
      <c r="SEF138" s="23"/>
      <c r="SEG138" s="23"/>
      <c r="SEH138" s="23"/>
      <c r="SEI138" s="23"/>
      <c r="SEJ138" s="23"/>
      <c r="SEK138" s="23"/>
      <c r="SEL138" s="23"/>
      <c r="SEM138" s="23"/>
      <c r="SEN138" s="23"/>
      <c r="SEO138" s="23"/>
      <c r="SEP138" s="23"/>
      <c r="SEQ138" s="23"/>
      <c r="SER138" s="23"/>
      <c r="SES138" s="23"/>
      <c r="SET138" s="23"/>
      <c r="SEU138" s="23"/>
      <c r="SEV138" s="23"/>
      <c r="SEW138" s="23"/>
      <c r="SEX138" s="23"/>
      <c r="SEY138" s="23"/>
      <c r="SEZ138" s="23"/>
      <c r="SFA138" s="23"/>
      <c r="SFB138" s="23"/>
      <c r="SFC138" s="23"/>
      <c r="SFD138" s="23"/>
      <c r="SFE138" s="23"/>
      <c r="SFF138" s="23"/>
      <c r="SFG138" s="23"/>
      <c r="SFH138" s="23"/>
      <c r="SFI138" s="23"/>
      <c r="SFJ138" s="23"/>
      <c r="SFK138" s="23"/>
      <c r="SFL138" s="23"/>
      <c r="SFM138" s="23"/>
      <c r="SFN138" s="23"/>
      <c r="SFO138" s="23"/>
      <c r="SFP138" s="23"/>
      <c r="SFQ138" s="23"/>
      <c r="SFR138" s="23"/>
      <c r="SFS138" s="23"/>
      <c r="SFT138" s="23"/>
      <c r="SFU138" s="23"/>
      <c r="SFV138" s="23"/>
      <c r="SFW138" s="23"/>
      <c r="SFX138" s="23"/>
      <c r="SFY138" s="23"/>
      <c r="SFZ138" s="23"/>
      <c r="SGA138" s="23"/>
      <c r="SGB138" s="23"/>
      <c r="SGC138" s="23"/>
      <c r="SGD138" s="23"/>
      <c r="SGE138" s="23"/>
      <c r="SGF138" s="23"/>
      <c r="SGG138" s="23"/>
      <c r="SGH138" s="23"/>
      <c r="SGI138" s="23"/>
      <c r="SGJ138" s="23"/>
      <c r="SGK138" s="23"/>
      <c r="SGL138" s="23"/>
      <c r="SGM138" s="23"/>
      <c r="SGN138" s="23"/>
      <c r="SGO138" s="23"/>
      <c r="SGP138" s="23"/>
      <c r="SGQ138" s="23"/>
      <c r="SGR138" s="23"/>
      <c r="SGS138" s="23"/>
      <c r="SGT138" s="23"/>
      <c r="SGU138" s="23"/>
      <c r="SGV138" s="23"/>
      <c r="SGW138" s="23"/>
      <c r="SGX138" s="23"/>
      <c r="SGY138" s="23"/>
      <c r="SGZ138" s="23"/>
      <c r="SHA138" s="23"/>
      <c r="SHB138" s="23"/>
      <c r="SHC138" s="23"/>
      <c r="SHD138" s="23"/>
      <c r="SHE138" s="23"/>
      <c r="SHF138" s="23"/>
      <c r="SHG138" s="23"/>
      <c r="SHH138" s="23"/>
      <c r="SHI138" s="23"/>
      <c r="SHJ138" s="23"/>
      <c r="SHK138" s="23"/>
      <c r="SHL138" s="23"/>
      <c r="SHM138" s="23"/>
      <c r="SHN138" s="23"/>
      <c r="SHO138" s="23"/>
      <c r="SHP138" s="23"/>
      <c r="SHQ138" s="23"/>
      <c r="SHR138" s="23"/>
      <c r="SHS138" s="23"/>
      <c r="SHT138" s="23"/>
      <c r="SHU138" s="23"/>
      <c r="SHV138" s="23"/>
      <c r="SHW138" s="23"/>
      <c r="SHX138" s="23"/>
      <c r="SHY138" s="23"/>
      <c r="SHZ138" s="23"/>
      <c r="SIA138" s="23"/>
      <c r="SIB138" s="23"/>
      <c r="SIC138" s="23"/>
      <c r="SID138" s="23"/>
      <c r="SIE138" s="23"/>
      <c r="SIF138" s="23"/>
      <c r="SIG138" s="23"/>
      <c r="SIH138" s="23"/>
      <c r="SII138" s="23"/>
      <c r="SIJ138" s="23"/>
      <c r="SIK138" s="23"/>
      <c r="SIL138" s="23"/>
      <c r="SIM138" s="23"/>
      <c r="SIN138" s="23"/>
      <c r="SIO138" s="23"/>
      <c r="SIP138" s="23"/>
      <c r="SIQ138" s="23"/>
      <c r="SIR138" s="23"/>
      <c r="SIS138" s="23"/>
      <c r="SIT138" s="23"/>
      <c r="SIU138" s="23"/>
      <c r="SIV138" s="23"/>
      <c r="SIW138" s="23"/>
      <c r="SIX138" s="23"/>
      <c r="SIY138" s="23"/>
      <c r="SIZ138" s="23"/>
      <c r="SJA138" s="23"/>
      <c r="SJB138" s="23"/>
      <c r="SJC138" s="23"/>
      <c r="SJD138" s="23"/>
      <c r="SJE138" s="23"/>
      <c r="SJF138" s="23"/>
      <c r="SJG138" s="23"/>
      <c r="SJH138" s="23"/>
      <c r="SJI138" s="23"/>
      <c r="SJJ138" s="23"/>
      <c r="SJK138" s="23"/>
      <c r="SJL138" s="23"/>
      <c r="SJM138" s="23"/>
      <c r="SJN138" s="23"/>
      <c r="SJO138" s="23"/>
      <c r="SJP138" s="23"/>
      <c r="SJQ138" s="23"/>
      <c r="SJR138" s="23"/>
      <c r="SJS138" s="23"/>
      <c r="SJT138" s="23"/>
      <c r="SJU138" s="23"/>
      <c r="SJV138" s="23"/>
      <c r="SJW138" s="23"/>
      <c r="SJX138" s="23"/>
      <c r="SJY138" s="23"/>
      <c r="SJZ138" s="23"/>
      <c r="SKA138" s="23"/>
      <c r="SKB138" s="23"/>
      <c r="SKC138" s="23"/>
      <c r="SKD138" s="23"/>
      <c r="SKE138" s="23"/>
      <c r="SKF138" s="23"/>
      <c r="SKG138" s="23"/>
      <c r="SKH138" s="23"/>
      <c r="SKI138" s="23"/>
      <c r="SKJ138" s="23"/>
      <c r="SKK138" s="23"/>
      <c r="SKL138" s="23"/>
      <c r="SKM138" s="23"/>
      <c r="SKN138" s="23"/>
      <c r="SKO138" s="23"/>
      <c r="SKP138" s="23"/>
      <c r="SKQ138" s="23"/>
      <c r="SKR138" s="23"/>
      <c r="SKS138" s="23"/>
      <c r="SKT138" s="23"/>
      <c r="SKU138" s="23"/>
      <c r="SKV138" s="23"/>
      <c r="SKW138" s="23"/>
      <c r="SKX138" s="23"/>
      <c r="SKY138" s="23"/>
      <c r="SKZ138" s="23"/>
      <c r="SLA138" s="23"/>
      <c r="SLB138" s="23"/>
      <c r="SLC138" s="23"/>
      <c r="SLD138" s="23"/>
      <c r="SLE138" s="23"/>
      <c r="SLF138" s="23"/>
      <c r="SLG138" s="23"/>
      <c r="SLH138" s="23"/>
      <c r="SLI138" s="23"/>
      <c r="SLJ138" s="23"/>
      <c r="SLK138" s="23"/>
      <c r="SLL138" s="23"/>
      <c r="SLM138" s="23"/>
      <c r="SLN138" s="23"/>
      <c r="SLO138" s="23"/>
      <c r="SLP138" s="23"/>
      <c r="SLQ138" s="23"/>
      <c r="SLR138" s="23"/>
      <c r="SLS138" s="23"/>
      <c r="SLT138" s="23"/>
      <c r="SLU138" s="23"/>
      <c r="SLV138" s="23"/>
      <c r="SLW138" s="23"/>
      <c r="SLX138" s="23"/>
      <c r="SLY138" s="23"/>
      <c r="SLZ138" s="23"/>
      <c r="SMA138" s="23"/>
      <c r="SMB138" s="23"/>
      <c r="SMC138" s="23"/>
      <c r="SMD138" s="23"/>
      <c r="SME138" s="23"/>
      <c r="SMF138" s="23"/>
      <c r="SMG138" s="23"/>
      <c r="SMH138" s="23"/>
      <c r="SMI138" s="23"/>
      <c r="SMJ138" s="23"/>
      <c r="SMK138" s="23"/>
      <c r="SML138" s="23"/>
      <c r="SMM138" s="23"/>
      <c r="SMN138" s="23"/>
      <c r="SMO138" s="23"/>
      <c r="SMP138" s="23"/>
      <c r="SMQ138" s="23"/>
      <c r="SMR138" s="23"/>
      <c r="SMS138" s="23"/>
      <c r="SMT138" s="23"/>
      <c r="SMU138" s="23"/>
      <c r="SMV138" s="23"/>
      <c r="SMW138" s="23"/>
      <c r="SMX138" s="23"/>
      <c r="SMY138" s="23"/>
      <c r="SMZ138" s="23"/>
      <c r="SNA138" s="23"/>
      <c r="SNB138" s="23"/>
      <c r="SNC138" s="23"/>
      <c r="SND138" s="23"/>
      <c r="SNE138" s="23"/>
      <c r="SNF138" s="23"/>
      <c r="SNG138" s="23"/>
      <c r="SNH138" s="23"/>
      <c r="SNI138" s="23"/>
      <c r="SNJ138" s="23"/>
      <c r="SNK138" s="23"/>
      <c r="SNL138" s="23"/>
      <c r="SNM138" s="23"/>
      <c r="SNN138" s="23"/>
      <c r="SNO138" s="23"/>
      <c r="SNP138" s="23"/>
      <c r="SNQ138" s="23"/>
      <c r="SNR138" s="23"/>
      <c r="SNS138" s="23"/>
      <c r="SNT138" s="23"/>
      <c r="SNU138" s="23"/>
      <c r="SNV138" s="23"/>
      <c r="SNW138" s="23"/>
      <c r="SNX138" s="23"/>
      <c r="SNY138" s="23"/>
      <c r="SNZ138" s="23"/>
      <c r="SOA138" s="23"/>
      <c r="SOB138" s="23"/>
      <c r="SOC138" s="23"/>
      <c r="SOD138" s="23"/>
      <c r="SOE138" s="23"/>
      <c r="SOF138" s="23"/>
      <c r="SOG138" s="23"/>
      <c r="SOH138" s="23"/>
      <c r="SOI138" s="23"/>
      <c r="SOJ138" s="23"/>
      <c r="SOK138" s="23"/>
      <c r="SOL138" s="23"/>
      <c r="SOM138" s="23"/>
      <c r="SON138" s="23"/>
      <c r="SOO138" s="23"/>
      <c r="SOP138" s="23"/>
      <c r="SOQ138" s="23"/>
      <c r="SOR138" s="23"/>
      <c r="SOS138" s="23"/>
      <c r="SOT138" s="23"/>
      <c r="SOU138" s="23"/>
      <c r="SOV138" s="23"/>
      <c r="SOW138" s="23"/>
      <c r="SOX138" s="23"/>
      <c r="SOY138" s="23"/>
      <c r="SOZ138" s="23"/>
      <c r="SPA138" s="23"/>
      <c r="SPB138" s="23"/>
      <c r="SPC138" s="23"/>
      <c r="SPD138" s="23"/>
      <c r="SPE138" s="23"/>
      <c r="SPF138" s="23"/>
      <c r="SPG138" s="23"/>
      <c r="SPH138" s="23"/>
      <c r="SPI138" s="23"/>
      <c r="SPJ138" s="23"/>
      <c r="SPK138" s="23"/>
      <c r="SPL138" s="23"/>
      <c r="SPM138" s="23"/>
      <c r="SPN138" s="23"/>
      <c r="SPO138" s="23"/>
      <c r="SPP138" s="23"/>
      <c r="SPQ138" s="23"/>
      <c r="SPR138" s="23"/>
      <c r="SPS138" s="23"/>
      <c r="SPT138" s="23"/>
      <c r="SPU138" s="23"/>
      <c r="SPV138" s="23"/>
      <c r="SPW138" s="23"/>
      <c r="SPX138" s="23"/>
      <c r="SPY138" s="23"/>
      <c r="SPZ138" s="23"/>
      <c r="SQA138" s="23"/>
      <c r="SQB138" s="23"/>
      <c r="SQC138" s="23"/>
      <c r="SQD138" s="23"/>
      <c r="SQE138" s="23"/>
      <c r="SQF138" s="23"/>
      <c r="SQG138" s="23"/>
      <c r="SQH138" s="23"/>
      <c r="SQI138" s="23"/>
      <c r="SQJ138" s="23"/>
      <c r="SQK138" s="23"/>
      <c r="SQL138" s="23"/>
      <c r="SQM138" s="23"/>
      <c r="SQN138" s="23"/>
      <c r="SQO138" s="23"/>
      <c r="SQP138" s="23"/>
      <c r="SQQ138" s="23"/>
      <c r="SQR138" s="23"/>
      <c r="SQS138" s="23"/>
      <c r="SQT138" s="23"/>
      <c r="SQU138" s="23"/>
      <c r="SQV138" s="23"/>
      <c r="SQW138" s="23"/>
      <c r="SQX138" s="23"/>
      <c r="SQY138" s="23"/>
      <c r="SQZ138" s="23"/>
      <c r="SRA138" s="23"/>
      <c r="SRB138" s="23"/>
      <c r="SRC138" s="23"/>
      <c r="SRD138" s="23"/>
      <c r="SRE138" s="23"/>
      <c r="SRF138" s="23"/>
      <c r="SRG138" s="23"/>
      <c r="SRH138" s="23"/>
      <c r="SRI138" s="23"/>
      <c r="SRJ138" s="23"/>
      <c r="SRK138" s="23"/>
      <c r="SRL138" s="23"/>
      <c r="SRM138" s="23"/>
      <c r="SRN138" s="23"/>
      <c r="SRO138" s="23"/>
      <c r="SRP138" s="23"/>
      <c r="SRQ138" s="23"/>
      <c r="SRR138" s="23"/>
      <c r="SRS138" s="23"/>
      <c r="SRT138" s="23"/>
      <c r="SRU138" s="23"/>
      <c r="SRV138" s="23"/>
      <c r="SRW138" s="23"/>
      <c r="SRX138" s="23"/>
      <c r="SRY138" s="23"/>
      <c r="SRZ138" s="23"/>
      <c r="SSA138" s="23"/>
      <c r="SSB138" s="23"/>
      <c r="SSC138" s="23"/>
      <c r="SSD138" s="23"/>
      <c r="SSE138" s="23"/>
      <c r="SSF138" s="23"/>
      <c r="SSG138" s="23"/>
      <c r="SSH138" s="23"/>
      <c r="SSI138" s="23"/>
      <c r="SSJ138" s="23"/>
      <c r="SSK138" s="23"/>
      <c r="SSL138" s="23"/>
      <c r="SSM138" s="23"/>
      <c r="SSN138" s="23"/>
      <c r="SSO138" s="23"/>
      <c r="SSP138" s="23"/>
      <c r="SSQ138" s="23"/>
      <c r="SSR138" s="23"/>
      <c r="SSS138" s="23"/>
      <c r="SST138" s="23"/>
      <c r="SSU138" s="23"/>
      <c r="SSV138" s="23"/>
      <c r="SSW138" s="23"/>
      <c r="SSX138" s="23"/>
      <c r="SSY138" s="23"/>
      <c r="SSZ138" s="23"/>
      <c r="STA138" s="23"/>
      <c r="STB138" s="23"/>
      <c r="STC138" s="23"/>
      <c r="STD138" s="23"/>
      <c r="STE138" s="23"/>
      <c r="STF138" s="23"/>
      <c r="STG138" s="23"/>
      <c r="STH138" s="23"/>
      <c r="STI138" s="23"/>
      <c r="STJ138" s="23"/>
      <c r="STK138" s="23"/>
      <c r="STL138" s="23"/>
      <c r="STM138" s="23"/>
      <c r="STN138" s="23"/>
      <c r="STO138" s="23"/>
      <c r="STP138" s="23"/>
      <c r="STQ138" s="23"/>
      <c r="STR138" s="23"/>
      <c r="STS138" s="23"/>
      <c r="STT138" s="23"/>
      <c r="STU138" s="23"/>
      <c r="STV138" s="23"/>
      <c r="STW138" s="23"/>
      <c r="STX138" s="23"/>
      <c r="STY138" s="23"/>
      <c r="STZ138" s="23"/>
      <c r="SUA138" s="23"/>
      <c r="SUB138" s="23"/>
      <c r="SUC138" s="23"/>
      <c r="SUD138" s="23"/>
      <c r="SUE138" s="23"/>
      <c r="SUF138" s="23"/>
      <c r="SUG138" s="23"/>
      <c r="SUH138" s="23"/>
      <c r="SUI138" s="23"/>
      <c r="SUJ138" s="23"/>
      <c r="SUK138" s="23"/>
      <c r="SUL138" s="23"/>
      <c r="SUM138" s="23"/>
      <c r="SUN138" s="23"/>
      <c r="SUO138" s="23"/>
      <c r="SUP138" s="23"/>
      <c r="SUQ138" s="23"/>
      <c r="SUR138" s="23"/>
      <c r="SUS138" s="23"/>
      <c r="SUT138" s="23"/>
      <c r="SUU138" s="23"/>
      <c r="SUV138" s="23"/>
      <c r="SUW138" s="23"/>
      <c r="SUX138" s="23"/>
      <c r="SUY138" s="23"/>
      <c r="SUZ138" s="23"/>
      <c r="SVA138" s="23"/>
      <c r="SVB138" s="23"/>
      <c r="SVC138" s="23"/>
      <c r="SVD138" s="23"/>
      <c r="SVE138" s="23"/>
      <c r="SVF138" s="23"/>
      <c r="SVG138" s="23"/>
      <c r="SVH138" s="23"/>
      <c r="SVI138" s="23"/>
      <c r="SVJ138" s="23"/>
      <c r="SVK138" s="23"/>
      <c r="SVL138" s="23"/>
      <c r="SVM138" s="23"/>
      <c r="SVN138" s="23"/>
      <c r="SVO138" s="23"/>
      <c r="SVP138" s="23"/>
      <c r="SVQ138" s="23"/>
      <c r="SVR138" s="23"/>
      <c r="SVS138" s="23"/>
      <c r="SVT138" s="23"/>
      <c r="SVU138" s="23"/>
      <c r="SVV138" s="23"/>
      <c r="SVW138" s="23"/>
      <c r="SVX138" s="23"/>
      <c r="SVY138" s="23"/>
      <c r="SVZ138" s="23"/>
      <c r="SWA138" s="23"/>
      <c r="SWB138" s="23"/>
      <c r="SWC138" s="23"/>
      <c r="SWD138" s="23"/>
      <c r="SWE138" s="23"/>
      <c r="SWF138" s="23"/>
      <c r="SWG138" s="23"/>
      <c r="SWH138" s="23"/>
      <c r="SWI138" s="23"/>
      <c r="SWJ138" s="23"/>
      <c r="SWK138" s="23"/>
      <c r="SWL138" s="23"/>
      <c r="SWM138" s="23"/>
      <c r="SWN138" s="23"/>
      <c r="SWO138" s="23"/>
      <c r="SWP138" s="23"/>
      <c r="SWQ138" s="23"/>
      <c r="SWR138" s="23"/>
      <c r="SWS138" s="23"/>
      <c r="SWT138" s="23"/>
      <c r="SWU138" s="23"/>
      <c r="SWV138" s="23"/>
      <c r="SWW138" s="23"/>
      <c r="SWX138" s="23"/>
      <c r="SWY138" s="23"/>
      <c r="SWZ138" s="23"/>
      <c r="SXA138" s="23"/>
      <c r="SXB138" s="23"/>
      <c r="SXC138" s="23"/>
      <c r="SXD138" s="23"/>
      <c r="SXE138" s="23"/>
      <c r="SXF138" s="23"/>
      <c r="SXG138" s="23"/>
      <c r="SXH138" s="23"/>
      <c r="SXI138" s="23"/>
      <c r="SXJ138" s="23"/>
      <c r="SXK138" s="23"/>
      <c r="SXL138" s="23"/>
      <c r="SXM138" s="23"/>
      <c r="SXN138" s="23"/>
      <c r="SXO138" s="23"/>
      <c r="SXP138" s="23"/>
      <c r="SXQ138" s="23"/>
      <c r="SXR138" s="23"/>
      <c r="SXS138" s="23"/>
      <c r="SXT138" s="23"/>
      <c r="SXU138" s="23"/>
      <c r="SXV138" s="23"/>
      <c r="SXW138" s="23"/>
      <c r="SXX138" s="23"/>
      <c r="SXY138" s="23"/>
      <c r="SXZ138" s="23"/>
      <c r="SYA138" s="23"/>
      <c r="SYB138" s="23"/>
      <c r="SYC138" s="23"/>
      <c r="SYD138" s="23"/>
      <c r="SYE138" s="23"/>
      <c r="SYF138" s="23"/>
      <c r="SYG138" s="23"/>
      <c r="SYH138" s="23"/>
      <c r="SYI138" s="23"/>
      <c r="SYJ138" s="23"/>
      <c r="SYK138" s="23"/>
      <c r="SYL138" s="23"/>
      <c r="SYM138" s="23"/>
      <c r="SYN138" s="23"/>
      <c r="SYO138" s="23"/>
      <c r="SYP138" s="23"/>
      <c r="SYQ138" s="23"/>
      <c r="SYR138" s="23"/>
      <c r="SYS138" s="23"/>
      <c r="SYT138" s="23"/>
      <c r="SYU138" s="23"/>
      <c r="SYV138" s="23"/>
      <c r="SYW138" s="23"/>
      <c r="SYX138" s="23"/>
      <c r="SYY138" s="23"/>
      <c r="SYZ138" s="23"/>
      <c r="SZA138" s="23"/>
      <c r="SZB138" s="23"/>
      <c r="SZC138" s="23"/>
      <c r="SZD138" s="23"/>
      <c r="SZE138" s="23"/>
      <c r="SZF138" s="23"/>
      <c r="SZG138" s="23"/>
      <c r="SZH138" s="23"/>
      <c r="SZI138" s="23"/>
      <c r="SZJ138" s="23"/>
      <c r="SZK138" s="23"/>
      <c r="SZL138" s="23"/>
      <c r="SZM138" s="23"/>
      <c r="SZN138" s="23"/>
      <c r="SZO138" s="23"/>
      <c r="SZP138" s="23"/>
      <c r="SZQ138" s="23"/>
      <c r="SZR138" s="23"/>
      <c r="SZS138" s="23"/>
      <c r="SZT138" s="23"/>
      <c r="SZU138" s="23"/>
      <c r="SZV138" s="23"/>
      <c r="SZW138" s="23"/>
      <c r="SZX138" s="23"/>
      <c r="SZY138" s="23"/>
      <c r="SZZ138" s="23"/>
      <c r="TAA138" s="23"/>
      <c r="TAB138" s="23"/>
      <c r="TAC138" s="23"/>
      <c r="TAD138" s="23"/>
      <c r="TAE138" s="23"/>
      <c r="TAF138" s="23"/>
      <c r="TAG138" s="23"/>
      <c r="TAH138" s="23"/>
      <c r="TAI138" s="23"/>
      <c r="TAJ138" s="23"/>
      <c r="TAK138" s="23"/>
      <c r="TAL138" s="23"/>
      <c r="TAM138" s="23"/>
      <c r="TAN138" s="23"/>
      <c r="TAO138" s="23"/>
      <c r="TAP138" s="23"/>
      <c r="TAQ138" s="23"/>
      <c r="TAR138" s="23"/>
      <c r="TAS138" s="23"/>
      <c r="TAT138" s="23"/>
      <c r="TAU138" s="23"/>
      <c r="TAV138" s="23"/>
      <c r="TAW138" s="23"/>
      <c r="TAX138" s="23"/>
      <c r="TAY138" s="23"/>
      <c r="TAZ138" s="23"/>
      <c r="TBA138" s="23"/>
      <c r="TBB138" s="23"/>
      <c r="TBC138" s="23"/>
      <c r="TBD138" s="23"/>
      <c r="TBE138" s="23"/>
      <c r="TBF138" s="23"/>
      <c r="TBG138" s="23"/>
      <c r="TBH138" s="23"/>
      <c r="TBI138" s="23"/>
      <c r="TBJ138" s="23"/>
      <c r="TBK138" s="23"/>
      <c r="TBL138" s="23"/>
      <c r="TBM138" s="23"/>
      <c r="TBN138" s="23"/>
      <c r="TBO138" s="23"/>
      <c r="TBP138" s="23"/>
      <c r="TBQ138" s="23"/>
      <c r="TBR138" s="23"/>
      <c r="TBS138" s="23"/>
      <c r="TBT138" s="23"/>
      <c r="TBU138" s="23"/>
      <c r="TBV138" s="23"/>
      <c r="TBW138" s="23"/>
      <c r="TBX138" s="23"/>
      <c r="TBY138" s="23"/>
      <c r="TBZ138" s="23"/>
      <c r="TCA138" s="23"/>
      <c r="TCB138" s="23"/>
      <c r="TCC138" s="23"/>
      <c r="TCD138" s="23"/>
      <c r="TCE138" s="23"/>
      <c r="TCF138" s="23"/>
      <c r="TCG138" s="23"/>
      <c r="TCH138" s="23"/>
      <c r="TCI138" s="23"/>
      <c r="TCJ138" s="23"/>
      <c r="TCK138" s="23"/>
      <c r="TCL138" s="23"/>
      <c r="TCM138" s="23"/>
      <c r="TCN138" s="23"/>
      <c r="TCO138" s="23"/>
      <c r="TCP138" s="23"/>
      <c r="TCQ138" s="23"/>
      <c r="TCR138" s="23"/>
      <c r="TCS138" s="23"/>
      <c r="TCT138" s="23"/>
      <c r="TCU138" s="23"/>
      <c r="TCV138" s="23"/>
      <c r="TCW138" s="23"/>
      <c r="TCX138" s="23"/>
      <c r="TCY138" s="23"/>
      <c r="TCZ138" s="23"/>
      <c r="TDA138" s="23"/>
      <c r="TDB138" s="23"/>
      <c r="TDC138" s="23"/>
      <c r="TDD138" s="23"/>
      <c r="TDE138" s="23"/>
      <c r="TDF138" s="23"/>
      <c r="TDG138" s="23"/>
      <c r="TDH138" s="23"/>
      <c r="TDI138" s="23"/>
      <c r="TDJ138" s="23"/>
      <c r="TDK138" s="23"/>
      <c r="TDL138" s="23"/>
      <c r="TDM138" s="23"/>
      <c r="TDN138" s="23"/>
      <c r="TDO138" s="23"/>
      <c r="TDP138" s="23"/>
      <c r="TDQ138" s="23"/>
      <c r="TDR138" s="23"/>
      <c r="TDS138" s="23"/>
      <c r="TDT138" s="23"/>
      <c r="TDU138" s="23"/>
      <c r="TDV138" s="23"/>
      <c r="TDW138" s="23"/>
      <c r="TDX138" s="23"/>
      <c r="TDY138" s="23"/>
      <c r="TDZ138" s="23"/>
      <c r="TEA138" s="23"/>
      <c r="TEB138" s="23"/>
      <c r="TEC138" s="23"/>
      <c r="TED138" s="23"/>
      <c r="TEE138" s="23"/>
      <c r="TEF138" s="23"/>
      <c r="TEG138" s="23"/>
      <c r="TEH138" s="23"/>
      <c r="TEI138" s="23"/>
      <c r="TEJ138" s="23"/>
      <c r="TEK138" s="23"/>
      <c r="TEL138" s="23"/>
      <c r="TEM138" s="23"/>
      <c r="TEN138" s="23"/>
      <c r="TEO138" s="23"/>
      <c r="TEP138" s="23"/>
      <c r="TEQ138" s="23"/>
      <c r="TER138" s="23"/>
      <c r="TES138" s="23"/>
      <c r="TET138" s="23"/>
      <c r="TEU138" s="23"/>
      <c r="TEV138" s="23"/>
      <c r="TEW138" s="23"/>
      <c r="TEX138" s="23"/>
      <c r="TEY138" s="23"/>
      <c r="TEZ138" s="23"/>
      <c r="TFA138" s="23"/>
      <c r="TFB138" s="23"/>
      <c r="TFC138" s="23"/>
      <c r="TFD138" s="23"/>
      <c r="TFE138" s="23"/>
      <c r="TFF138" s="23"/>
      <c r="TFG138" s="23"/>
      <c r="TFH138" s="23"/>
      <c r="TFI138" s="23"/>
      <c r="TFJ138" s="23"/>
      <c r="TFK138" s="23"/>
      <c r="TFL138" s="23"/>
      <c r="TFM138" s="23"/>
      <c r="TFN138" s="23"/>
      <c r="TFO138" s="23"/>
      <c r="TFP138" s="23"/>
      <c r="TFQ138" s="23"/>
      <c r="TFR138" s="23"/>
      <c r="TFS138" s="23"/>
      <c r="TFT138" s="23"/>
      <c r="TFU138" s="23"/>
      <c r="TFV138" s="23"/>
      <c r="TFW138" s="23"/>
      <c r="TFX138" s="23"/>
      <c r="TFY138" s="23"/>
      <c r="TFZ138" s="23"/>
      <c r="TGA138" s="23"/>
      <c r="TGB138" s="23"/>
      <c r="TGC138" s="23"/>
      <c r="TGD138" s="23"/>
      <c r="TGE138" s="23"/>
      <c r="TGF138" s="23"/>
      <c r="TGG138" s="23"/>
      <c r="TGH138" s="23"/>
      <c r="TGI138" s="23"/>
      <c r="TGJ138" s="23"/>
      <c r="TGK138" s="23"/>
      <c r="TGL138" s="23"/>
      <c r="TGM138" s="23"/>
      <c r="TGN138" s="23"/>
      <c r="TGO138" s="23"/>
      <c r="TGP138" s="23"/>
      <c r="TGQ138" s="23"/>
      <c r="TGR138" s="23"/>
      <c r="TGS138" s="23"/>
      <c r="TGT138" s="23"/>
      <c r="TGU138" s="23"/>
      <c r="TGV138" s="23"/>
      <c r="TGW138" s="23"/>
      <c r="TGX138" s="23"/>
      <c r="TGY138" s="23"/>
      <c r="TGZ138" s="23"/>
      <c r="THA138" s="23"/>
      <c r="THB138" s="23"/>
      <c r="THC138" s="23"/>
      <c r="THD138" s="23"/>
      <c r="THE138" s="23"/>
      <c r="THF138" s="23"/>
      <c r="THG138" s="23"/>
      <c r="THH138" s="23"/>
      <c r="THI138" s="23"/>
      <c r="THJ138" s="23"/>
      <c r="THK138" s="23"/>
      <c r="THL138" s="23"/>
      <c r="THM138" s="23"/>
      <c r="THN138" s="23"/>
      <c r="THO138" s="23"/>
      <c r="THP138" s="23"/>
      <c r="THQ138" s="23"/>
      <c r="THR138" s="23"/>
      <c r="THS138" s="23"/>
      <c r="THT138" s="23"/>
      <c r="THU138" s="23"/>
      <c r="THV138" s="23"/>
      <c r="THW138" s="23"/>
      <c r="THX138" s="23"/>
      <c r="THY138" s="23"/>
      <c r="THZ138" s="23"/>
      <c r="TIA138" s="23"/>
      <c r="TIB138" s="23"/>
      <c r="TIC138" s="23"/>
      <c r="TID138" s="23"/>
      <c r="TIE138" s="23"/>
      <c r="TIF138" s="23"/>
      <c r="TIG138" s="23"/>
      <c r="TIH138" s="23"/>
      <c r="TII138" s="23"/>
      <c r="TIJ138" s="23"/>
      <c r="TIK138" s="23"/>
      <c r="TIL138" s="23"/>
      <c r="TIM138" s="23"/>
      <c r="TIN138" s="23"/>
      <c r="TIO138" s="23"/>
      <c r="TIP138" s="23"/>
      <c r="TIQ138" s="23"/>
      <c r="TIR138" s="23"/>
      <c r="TIS138" s="23"/>
      <c r="TIT138" s="23"/>
      <c r="TIU138" s="23"/>
      <c r="TIV138" s="23"/>
      <c r="TIW138" s="23"/>
      <c r="TIX138" s="23"/>
      <c r="TIY138" s="23"/>
      <c r="TIZ138" s="23"/>
      <c r="TJA138" s="23"/>
      <c r="TJB138" s="23"/>
      <c r="TJC138" s="23"/>
      <c r="TJD138" s="23"/>
      <c r="TJE138" s="23"/>
      <c r="TJF138" s="23"/>
      <c r="TJG138" s="23"/>
      <c r="TJH138" s="23"/>
      <c r="TJI138" s="23"/>
      <c r="TJJ138" s="23"/>
      <c r="TJK138" s="23"/>
      <c r="TJL138" s="23"/>
      <c r="TJM138" s="23"/>
      <c r="TJN138" s="23"/>
      <c r="TJO138" s="23"/>
      <c r="TJP138" s="23"/>
      <c r="TJQ138" s="23"/>
      <c r="TJR138" s="23"/>
      <c r="TJS138" s="23"/>
      <c r="TJT138" s="23"/>
      <c r="TJU138" s="23"/>
      <c r="TJV138" s="23"/>
      <c r="TJW138" s="23"/>
      <c r="TJX138" s="23"/>
      <c r="TJY138" s="23"/>
      <c r="TJZ138" s="23"/>
      <c r="TKA138" s="23"/>
      <c r="TKB138" s="23"/>
      <c r="TKC138" s="23"/>
      <c r="TKD138" s="23"/>
      <c r="TKE138" s="23"/>
      <c r="TKF138" s="23"/>
      <c r="TKG138" s="23"/>
      <c r="TKH138" s="23"/>
      <c r="TKI138" s="23"/>
      <c r="TKJ138" s="23"/>
      <c r="TKK138" s="23"/>
      <c r="TKL138" s="23"/>
      <c r="TKM138" s="23"/>
      <c r="TKN138" s="23"/>
      <c r="TKO138" s="23"/>
      <c r="TKP138" s="23"/>
      <c r="TKQ138" s="23"/>
      <c r="TKR138" s="23"/>
      <c r="TKS138" s="23"/>
      <c r="TKT138" s="23"/>
      <c r="TKU138" s="23"/>
      <c r="TKV138" s="23"/>
      <c r="TKW138" s="23"/>
      <c r="TKX138" s="23"/>
      <c r="TKY138" s="23"/>
      <c r="TKZ138" s="23"/>
      <c r="TLA138" s="23"/>
      <c r="TLB138" s="23"/>
      <c r="TLC138" s="23"/>
      <c r="TLD138" s="23"/>
      <c r="TLE138" s="23"/>
      <c r="TLF138" s="23"/>
      <c r="TLG138" s="23"/>
      <c r="TLH138" s="23"/>
      <c r="TLI138" s="23"/>
      <c r="TLJ138" s="23"/>
      <c r="TLK138" s="23"/>
      <c r="TLL138" s="23"/>
      <c r="TLM138" s="23"/>
      <c r="TLN138" s="23"/>
      <c r="TLO138" s="23"/>
      <c r="TLP138" s="23"/>
      <c r="TLQ138" s="23"/>
      <c r="TLR138" s="23"/>
      <c r="TLS138" s="23"/>
      <c r="TLT138" s="23"/>
      <c r="TLU138" s="23"/>
      <c r="TLV138" s="23"/>
      <c r="TLW138" s="23"/>
      <c r="TLX138" s="23"/>
      <c r="TLY138" s="23"/>
      <c r="TLZ138" s="23"/>
      <c r="TMA138" s="23"/>
      <c r="TMB138" s="23"/>
      <c r="TMC138" s="23"/>
      <c r="TMD138" s="23"/>
      <c r="TME138" s="23"/>
      <c r="TMF138" s="23"/>
      <c r="TMG138" s="23"/>
      <c r="TMH138" s="23"/>
      <c r="TMI138" s="23"/>
      <c r="TMJ138" s="23"/>
      <c r="TMK138" s="23"/>
      <c r="TML138" s="23"/>
      <c r="TMM138" s="23"/>
      <c r="TMN138" s="23"/>
      <c r="TMO138" s="23"/>
      <c r="TMP138" s="23"/>
      <c r="TMQ138" s="23"/>
      <c r="TMR138" s="23"/>
      <c r="TMS138" s="23"/>
      <c r="TMT138" s="23"/>
      <c r="TMU138" s="23"/>
      <c r="TMV138" s="23"/>
      <c r="TMW138" s="23"/>
      <c r="TMX138" s="23"/>
      <c r="TMY138" s="23"/>
      <c r="TMZ138" s="23"/>
      <c r="TNA138" s="23"/>
      <c r="TNB138" s="23"/>
      <c r="TNC138" s="23"/>
      <c r="TND138" s="23"/>
      <c r="TNE138" s="23"/>
      <c r="TNF138" s="23"/>
      <c r="TNG138" s="23"/>
      <c r="TNH138" s="23"/>
      <c r="TNI138" s="23"/>
      <c r="TNJ138" s="23"/>
      <c r="TNK138" s="23"/>
      <c r="TNL138" s="23"/>
      <c r="TNM138" s="23"/>
      <c r="TNN138" s="23"/>
      <c r="TNO138" s="23"/>
      <c r="TNP138" s="23"/>
      <c r="TNQ138" s="23"/>
      <c r="TNR138" s="23"/>
      <c r="TNS138" s="23"/>
      <c r="TNT138" s="23"/>
      <c r="TNU138" s="23"/>
      <c r="TNV138" s="23"/>
      <c r="TNW138" s="23"/>
      <c r="TNX138" s="23"/>
      <c r="TNY138" s="23"/>
      <c r="TNZ138" s="23"/>
      <c r="TOA138" s="23"/>
      <c r="TOB138" s="23"/>
      <c r="TOC138" s="23"/>
      <c r="TOD138" s="23"/>
      <c r="TOE138" s="23"/>
      <c r="TOF138" s="23"/>
      <c r="TOG138" s="23"/>
      <c r="TOH138" s="23"/>
      <c r="TOI138" s="23"/>
      <c r="TOJ138" s="23"/>
      <c r="TOK138" s="23"/>
      <c r="TOL138" s="23"/>
      <c r="TOM138" s="23"/>
      <c r="TON138" s="23"/>
      <c r="TOO138" s="23"/>
      <c r="TOP138" s="23"/>
      <c r="TOQ138" s="23"/>
      <c r="TOR138" s="23"/>
      <c r="TOS138" s="23"/>
      <c r="TOT138" s="23"/>
      <c r="TOU138" s="23"/>
      <c r="TOV138" s="23"/>
      <c r="TOW138" s="23"/>
      <c r="TOX138" s="23"/>
      <c r="TOY138" s="23"/>
      <c r="TOZ138" s="23"/>
      <c r="TPA138" s="23"/>
      <c r="TPB138" s="23"/>
      <c r="TPC138" s="23"/>
      <c r="TPD138" s="23"/>
      <c r="TPE138" s="23"/>
      <c r="TPF138" s="23"/>
      <c r="TPG138" s="23"/>
      <c r="TPH138" s="23"/>
      <c r="TPI138" s="23"/>
      <c r="TPJ138" s="23"/>
      <c r="TPK138" s="23"/>
      <c r="TPL138" s="23"/>
      <c r="TPM138" s="23"/>
      <c r="TPN138" s="23"/>
      <c r="TPO138" s="23"/>
      <c r="TPP138" s="23"/>
      <c r="TPQ138" s="23"/>
      <c r="TPR138" s="23"/>
      <c r="TPS138" s="23"/>
      <c r="TPT138" s="23"/>
      <c r="TPU138" s="23"/>
      <c r="TPV138" s="23"/>
      <c r="TPW138" s="23"/>
      <c r="TPX138" s="23"/>
      <c r="TPY138" s="23"/>
      <c r="TPZ138" s="23"/>
      <c r="TQA138" s="23"/>
      <c r="TQB138" s="23"/>
      <c r="TQC138" s="23"/>
      <c r="TQD138" s="23"/>
      <c r="TQE138" s="23"/>
      <c r="TQF138" s="23"/>
      <c r="TQG138" s="23"/>
      <c r="TQH138" s="23"/>
      <c r="TQI138" s="23"/>
      <c r="TQJ138" s="23"/>
      <c r="TQK138" s="23"/>
      <c r="TQL138" s="23"/>
      <c r="TQM138" s="23"/>
      <c r="TQN138" s="23"/>
      <c r="TQO138" s="23"/>
      <c r="TQP138" s="23"/>
      <c r="TQQ138" s="23"/>
      <c r="TQR138" s="23"/>
      <c r="TQS138" s="23"/>
      <c r="TQT138" s="23"/>
      <c r="TQU138" s="23"/>
      <c r="TQV138" s="23"/>
      <c r="TQW138" s="23"/>
      <c r="TQX138" s="23"/>
      <c r="TQY138" s="23"/>
      <c r="TQZ138" s="23"/>
      <c r="TRA138" s="23"/>
      <c r="TRB138" s="23"/>
      <c r="TRC138" s="23"/>
      <c r="TRD138" s="23"/>
      <c r="TRE138" s="23"/>
      <c r="TRF138" s="23"/>
      <c r="TRG138" s="23"/>
      <c r="TRH138" s="23"/>
      <c r="TRI138" s="23"/>
      <c r="TRJ138" s="23"/>
      <c r="TRK138" s="23"/>
      <c r="TRL138" s="23"/>
      <c r="TRM138" s="23"/>
      <c r="TRN138" s="23"/>
      <c r="TRO138" s="23"/>
      <c r="TRP138" s="23"/>
      <c r="TRQ138" s="23"/>
      <c r="TRR138" s="23"/>
      <c r="TRS138" s="23"/>
      <c r="TRT138" s="23"/>
      <c r="TRU138" s="23"/>
      <c r="TRV138" s="23"/>
      <c r="TRW138" s="23"/>
      <c r="TRX138" s="23"/>
      <c r="TRY138" s="23"/>
      <c r="TRZ138" s="23"/>
      <c r="TSA138" s="23"/>
      <c r="TSB138" s="23"/>
      <c r="TSC138" s="23"/>
      <c r="TSD138" s="23"/>
      <c r="TSE138" s="23"/>
      <c r="TSF138" s="23"/>
      <c r="TSG138" s="23"/>
      <c r="TSH138" s="23"/>
      <c r="TSI138" s="23"/>
      <c r="TSJ138" s="23"/>
      <c r="TSK138" s="23"/>
      <c r="TSL138" s="23"/>
      <c r="TSM138" s="23"/>
      <c r="TSN138" s="23"/>
      <c r="TSO138" s="23"/>
      <c r="TSP138" s="23"/>
      <c r="TSQ138" s="23"/>
      <c r="TSR138" s="23"/>
      <c r="TSS138" s="23"/>
      <c r="TST138" s="23"/>
      <c r="TSU138" s="23"/>
      <c r="TSV138" s="23"/>
      <c r="TSW138" s="23"/>
      <c r="TSX138" s="23"/>
      <c r="TSY138" s="23"/>
      <c r="TSZ138" s="23"/>
      <c r="TTA138" s="23"/>
      <c r="TTB138" s="23"/>
      <c r="TTC138" s="23"/>
      <c r="TTD138" s="23"/>
      <c r="TTE138" s="23"/>
      <c r="TTF138" s="23"/>
      <c r="TTG138" s="23"/>
      <c r="TTH138" s="23"/>
      <c r="TTI138" s="23"/>
      <c r="TTJ138" s="23"/>
      <c r="TTK138" s="23"/>
      <c r="TTL138" s="23"/>
      <c r="TTM138" s="23"/>
      <c r="TTN138" s="23"/>
      <c r="TTO138" s="23"/>
      <c r="TTP138" s="23"/>
      <c r="TTQ138" s="23"/>
      <c r="TTR138" s="23"/>
      <c r="TTS138" s="23"/>
      <c r="TTT138" s="23"/>
      <c r="TTU138" s="23"/>
      <c r="TTV138" s="23"/>
      <c r="TTW138" s="23"/>
      <c r="TTX138" s="23"/>
      <c r="TTY138" s="23"/>
      <c r="TTZ138" s="23"/>
      <c r="TUA138" s="23"/>
      <c r="TUB138" s="23"/>
      <c r="TUC138" s="23"/>
      <c r="TUD138" s="23"/>
      <c r="TUE138" s="23"/>
      <c r="TUF138" s="23"/>
      <c r="TUG138" s="23"/>
      <c r="TUH138" s="23"/>
      <c r="TUI138" s="23"/>
      <c r="TUJ138" s="23"/>
      <c r="TUK138" s="23"/>
      <c r="TUL138" s="23"/>
      <c r="TUM138" s="23"/>
      <c r="TUN138" s="23"/>
      <c r="TUO138" s="23"/>
      <c r="TUP138" s="23"/>
      <c r="TUQ138" s="23"/>
      <c r="TUR138" s="23"/>
      <c r="TUS138" s="23"/>
      <c r="TUT138" s="23"/>
      <c r="TUU138" s="23"/>
      <c r="TUV138" s="23"/>
      <c r="TUW138" s="23"/>
      <c r="TUX138" s="23"/>
      <c r="TUY138" s="23"/>
      <c r="TUZ138" s="23"/>
      <c r="TVA138" s="23"/>
      <c r="TVB138" s="23"/>
      <c r="TVC138" s="23"/>
      <c r="TVD138" s="23"/>
      <c r="TVE138" s="23"/>
      <c r="TVF138" s="23"/>
      <c r="TVG138" s="23"/>
      <c r="TVH138" s="23"/>
      <c r="TVI138" s="23"/>
      <c r="TVJ138" s="23"/>
      <c r="TVK138" s="23"/>
      <c r="TVL138" s="23"/>
      <c r="TVM138" s="23"/>
      <c r="TVN138" s="23"/>
      <c r="TVO138" s="23"/>
      <c r="TVP138" s="23"/>
      <c r="TVQ138" s="23"/>
      <c r="TVR138" s="23"/>
      <c r="TVS138" s="23"/>
      <c r="TVT138" s="23"/>
      <c r="TVU138" s="23"/>
      <c r="TVV138" s="23"/>
      <c r="TVW138" s="23"/>
      <c r="TVX138" s="23"/>
      <c r="TVY138" s="23"/>
      <c r="TVZ138" s="23"/>
      <c r="TWA138" s="23"/>
      <c r="TWB138" s="23"/>
      <c r="TWC138" s="23"/>
      <c r="TWD138" s="23"/>
      <c r="TWE138" s="23"/>
      <c r="TWF138" s="23"/>
      <c r="TWG138" s="23"/>
      <c r="TWH138" s="23"/>
      <c r="TWI138" s="23"/>
      <c r="TWJ138" s="23"/>
      <c r="TWK138" s="23"/>
      <c r="TWL138" s="23"/>
      <c r="TWM138" s="23"/>
      <c r="TWN138" s="23"/>
      <c r="TWO138" s="23"/>
      <c r="TWP138" s="23"/>
      <c r="TWQ138" s="23"/>
      <c r="TWR138" s="23"/>
      <c r="TWS138" s="23"/>
      <c r="TWT138" s="23"/>
      <c r="TWU138" s="23"/>
      <c r="TWV138" s="23"/>
      <c r="TWW138" s="23"/>
      <c r="TWX138" s="23"/>
      <c r="TWY138" s="23"/>
      <c r="TWZ138" s="23"/>
      <c r="TXA138" s="23"/>
      <c r="TXB138" s="23"/>
      <c r="TXC138" s="23"/>
      <c r="TXD138" s="23"/>
      <c r="TXE138" s="23"/>
      <c r="TXF138" s="23"/>
      <c r="TXG138" s="23"/>
      <c r="TXH138" s="23"/>
      <c r="TXI138" s="23"/>
      <c r="TXJ138" s="23"/>
      <c r="TXK138" s="23"/>
      <c r="TXL138" s="23"/>
      <c r="TXM138" s="23"/>
      <c r="TXN138" s="23"/>
      <c r="TXO138" s="23"/>
      <c r="TXP138" s="23"/>
      <c r="TXQ138" s="23"/>
      <c r="TXR138" s="23"/>
      <c r="TXS138" s="23"/>
      <c r="TXT138" s="23"/>
      <c r="TXU138" s="23"/>
      <c r="TXV138" s="23"/>
      <c r="TXW138" s="23"/>
      <c r="TXX138" s="23"/>
      <c r="TXY138" s="23"/>
      <c r="TXZ138" s="23"/>
      <c r="TYA138" s="23"/>
      <c r="TYB138" s="23"/>
      <c r="TYC138" s="23"/>
      <c r="TYD138" s="23"/>
      <c r="TYE138" s="23"/>
      <c r="TYF138" s="23"/>
      <c r="TYG138" s="23"/>
      <c r="TYH138" s="23"/>
      <c r="TYI138" s="23"/>
      <c r="TYJ138" s="23"/>
      <c r="TYK138" s="23"/>
      <c r="TYL138" s="23"/>
      <c r="TYM138" s="23"/>
      <c r="TYN138" s="23"/>
      <c r="TYO138" s="23"/>
      <c r="TYP138" s="23"/>
      <c r="TYQ138" s="23"/>
      <c r="TYR138" s="23"/>
      <c r="TYS138" s="23"/>
      <c r="TYT138" s="23"/>
      <c r="TYU138" s="23"/>
      <c r="TYV138" s="23"/>
      <c r="TYW138" s="23"/>
      <c r="TYX138" s="23"/>
      <c r="TYY138" s="23"/>
      <c r="TYZ138" s="23"/>
      <c r="TZA138" s="23"/>
      <c r="TZB138" s="23"/>
      <c r="TZC138" s="23"/>
      <c r="TZD138" s="23"/>
      <c r="TZE138" s="23"/>
      <c r="TZF138" s="23"/>
      <c r="TZG138" s="23"/>
      <c r="TZH138" s="23"/>
      <c r="TZI138" s="23"/>
      <c r="TZJ138" s="23"/>
      <c r="TZK138" s="23"/>
      <c r="TZL138" s="23"/>
      <c r="TZM138" s="23"/>
      <c r="TZN138" s="23"/>
      <c r="TZO138" s="23"/>
      <c r="TZP138" s="23"/>
      <c r="TZQ138" s="23"/>
      <c r="TZR138" s="23"/>
      <c r="TZS138" s="23"/>
      <c r="TZT138" s="23"/>
      <c r="TZU138" s="23"/>
      <c r="TZV138" s="23"/>
      <c r="TZW138" s="23"/>
      <c r="TZX138" s="23"/>
      <c r="TZY138" s="23"/>
      <c r="TZZ138" s="23"/>
      <c r="UAA138" s="23"/>
      <c r="UAB138" s="23"/>
      <c r="UAC138" s="23"/>
      <c r="UAD138" s="23"/>
      <c r="UAE138" s="23"/>
      <c r="UAF138" s="23"/>
      <c r="UAG138" s="23"/>
      <c r="UAH138" s="23"/>
      <c r="UAI138" s="23"/>
      <c r="UAJ138" s="23"/>
      <c r="UAK138" s="23"/>
      <c r="UAL138" s="23"/>
      <c r="UAM138" s="23"/>
      <c r="UAN138" s="23"/>
      <c r="UAO138" s="23"/>
      <c r="UAP138" s="23"/>
      <c r="UAQ138" s="23"/>
      <c r="UAR138" s="23"/>
      <c r="UAS138" s="23"/>
      <c r="UAT138" s="23"/>
      <c r="UAU138" s="23"/>
      <c r="UAV138" s="23"/>
      <c r="UAW138" s="23"/>
      <c r="UAX138" s="23"/>
      <c r="UAY138" s="23"/>
      <c r="UAZ138" s="23"/>
      <c r="UBA138" s="23"/>
      <c r="UBB138" s="23"/>
      <c r="UBC138" s="23"/>
      <c r="UBD138" s="23"/>
      <c r="UBE138" s="23"/>
      <c r="UBF138" s="23"/>
      <c r="UBG138" s="23"/>
      <c r="UBH138" s="23"/>
      <c r="UBI138" s="23"/>
      <c r="UBJ138" s="23"/>
      <c r="UBK138" s="23"/>
      <c r="UBL138" s="23"/>
      <c r="UBM138" s="23"/>
      <c r="UBN138" s="23"/>
      <c r="UBO138" s="23"/>
      <c r="UBP138" s="23"/>
      <c r="UBQ138" s="23"/>
      <c r="UBR138" s="23"/>
      <c r="UBS138" s="23"/>
      <c r="UBT138" s="23"/>
      <c r="UBU138" s="23"/>
      <c r="UBV138" s="23"/>
      <c r="UBW138" s="23"/>
      <c r="UBX138" s="23"/>
      <c r="UBY138" s="23"/>
      <c r="UBZ138" s="23"/>
      <c r="UCA138" s="23"/>
      <c r="UCB138" s="23"/>
      <c r="UCC138" s="23"/>
      <c r="UCD138" s="23"/>
      <c r="UCE138" s="23"/>
      <c r="UCF138" s="23"/>
      <c r="UCG138" s="23"/>
      <c r="UCH138" s="23"/>
      <c r="UCI138" s="23"/>
      <c r="UCJ138" s="23"/>
      <c r="UCK138" s="23"/>
      <c r="UCL138" s="23"/>
      <c r="UCM138" s="23"/>
      <c r="UCN138" s="23"/>
      <c r="UCO138" s="23"/>
      <c r="UCP138" s="23"/>
      <c r="UCQ138" s="23"/>
      <c r="UCR138" s="23"/>
      <c r="UCS138" s="23"/>
      <c r="UCT138" s="23"/>
      <c r="UCU138" s="23"/>
      <c r="UCV138" s="23"/>
      <c r="UCW138" s="23"/>
      <c r="UCX138" s="23"/>
      <c r="UCY138" s="23"/>
      <c r="UCZ138" s="23"/>
      <c r="UDA138" s="23"/>
      <c r="UDB138" s="23"/>
      <c r="UDC138" s="23"/>
      <c r="UDD138" s="23"/>
      <c r="UDE138" s="23"/>
      <c r="UDF138" s="23"/>
      <c r="UDG138" s="23"/>
      <c r="UDH138" s="23"/>
      <c r="UDI138" s="23"/>
      <c r="UDJ138" s="23"/>
      <c r="UDK138" s="23"/>
      <c r="UDL138" s="23"/>
      <c r="UDM138" s="23"/>
      <c r="UDN138" s="23"/>
      <c r="UDO138" s="23"/>
      <c r="UDP138" s="23"/>
      <c r="UDQ138" s="23"/>
      <c r="UDR138" s="23"/>
      <c r="UDS138" s="23"/>
      <c r="UDT138" s="23"/>
      <c r="UDU138" s="23"/>
      <c r="UDV138" s="23"/>
      <c r="UDW138" s="23"/>
      <c r="UDX138" s="23"/>
      <c r="UDY138" s="23"/>
      <c r="UDZ138" s="23"/>
      <c r="UEA138" s="23"/>
      <c r="UEB138" s="23"/>
      <c r="UEC138" s="23"/>
      <c r="UED138" s="23"/>
      <c r="UEE138" s="23"/>
      <c r="UEF138" s="23"/>
      <c r="UEG138" s="23"/>
      <c r="UEH138" s="23"/>
      <c r="UEI138" s="23"/>
      <c r="UEJ138" s="23"/>
      <c r="UEK138" s="23"/>
      <c r="UEL138" s="23"/>
      <c r="UEM138" s="23"/>
      <c r="UEN138" s="23"/>
      <c r="UEO138" s="23"/>
      <c r="UEP138" s="23"/>
      <c r="UEQ138" s="23"/>
      <c r="UER138" s="23"/>
      <c r="UES138" s="23"/>
      <c r="UET138" s="23"/>
      <c r="UEU138" s="23"/>
      <c r="UEV138" s="23"/>
      <c r="UEW138" s="23"/>
      <c r="UEX138" s="23"/>
      <c r="UEY138" s="23"/>
      <c r="UEZ138" s="23"/>
      <c r="UFA138" s="23"/>
      <c r="UFB138" s="23"/>
      <c r="UFC138" s="23"/>
      <c r="UFD138" s="23"/>
      <c r="UFE138" s="23"/>
      <c r="UFF138" s="23"/>
      <c r="UFG138" s="23"/>
      <c r="UFH138" s="23"/>
      <c r="UFI138" s="23"/>
      <c r="UFJ138" s="23"/>
      <c r="UFK138" s="23"/>
      <c r="UFL138" s="23"/>
      <c r="UFM138" s="23"/>
      <c r="UFN138" s="23"/>
      <c r="UFO138" s="23"/>
      <c r="UFP138" s="23"/>
      <c r="UFQ138" s="23"/>
      <c r="UFR138" s="23"/>
      <c r="UFS138" s="23"/>
      <c r="UFT138" s="23"/>
      <c r="UFU138" s="23"/>
      <c r="UFV138" s="23"/>
      <c r="UFW138" s="23"/>
      <c r="UFX138" s="23"/>
      <c r="UFY138" s="23"/>
      <c r="UFZ138" s="23"/>
      <c r="UGA138" s="23"/>
      <c r="UGB138" s="23"/>
      <c r="UGC138" s="23"/>
      <c r="UGD138" s="23"/>
      <c r="UGE138" s="23"/>
      <c r="UGF138" s="23"/>
      <c r="UGG138" s="23"/>
      <c r="UGH138" s="23"/>
      <c r="UGI138" s="23"/>
      <c r="UGJ138" s="23"/>
      <c r="UGK138" s="23"/>
      <c r="UGL138" s="23"/>
      <c r="UGM138" s="23"/>
      <c r="UGN138" s="23"/>
      <c r="UGO138" s="23"/>
      <c r="UGP138" s="23"/>
      <c r="UGQ138" s="23"/>
      <c r="UGR138" s="23"/>
      <c r="UGS138" s="23"/>
      <c r="UGT138" s="23"/>
      <c r="UGU138" s="23"/>
      <c r="UGV138" s="23"/>
      <c r="UGW138" s="23"/>
      <c r="UGX138" s="23"/>
      <c r="UGY138" s="23"/>
      <c r="UGZ138" s="23"/>
      <c r="UHA138" s="23"/>
      <c r="UHB138" s="23"/>
      <c r="UHC138" s="23"/>
      <c r="UHD138" s="23"/>
      <c r="UHE138" s="23"/>
      <c r="UHF138" s="23"/>
      <c r="UHG138" s="23"/>
      <c r="UHH138" s="23"/>
      <c r="UHI138" s="23"/>
      <c r="UHJ138" s="23"/>
      <c r="UHK138" s="23"/>
      <c r="UHL138" s="23"/>
      <c r="UHM138" s="23"/>
      <c r="UHN138" s="23"/>
      <c r="UHO138" s="23"/>
      <c r="UHP138" s="23"/>
      <c r="UHQ138" s="23"/>
      <c r="UHR138" s="23"/>
      <c r="UHS138" s="23"/>
      <c r="UHT138" s="23"/>
      <c r="UHU138" s="23"/>
      <c r="UHV138" s="23"/>
      <c r="UHW138" s="23"/>
      <c r="UHX138" s="23"/>
      <c r="UHY138" s="23"/>
      <c r="UHZ138" s="23"/>
      <c r="UIA138" s="23"/>
      <c r="UIB138" s="23"/>
      <c r="UIC138" s="23"/>
      <c r="UID138" s="23"/>
      <c r="UIE138" s="23"/>
      <c r="UIF138" s="23"/>
      <c r="UIG138" s="23"/>
      <c r="UIH138" s="23"/>
      <c r="UII138" s="23"/>
      <c r="UIJ138" s="23"/>
      <c r="UIK138" s="23"/>
      <c r="UIL138" s="23"/>
      <c r="UIM138" s="23"/>
      <c r="UIN138" s="23"/>
      <c r="UIO138" s="23"/>
      <c r="UIP138" s="23"/>
      <c r="UIQ138" s="23"/>
      <c r="UIR138" s="23"/>
      <c r="UIS138" s="23"/>
      <c r="UIT138" s="23"/>
      <c r="UIU138" s="23"/>
      <c r="UIV138" s="23"/>
      <c r="UIW138" s="23"/>
      <c r="UIX138" s="23"/>
      <c r="UIY138" s="23"/>
      <c r="UIZ138" s="23"/>
      <c r="UJA138" s="23"/>
      <c r="UJB138" s="23"/>
      <c r="UJC138" s="23"/>
      <c r="UJD138" s="23"/>
      <c r="UJE138" s="23"/>
      <c r="UJF138" s="23"/>
      <c r="UJG138" s="23"/>
      <c r="UJH138" s="23"/>
      <c r="UJI138" s="23"/>
      <c r="UJJ138" s="23"/>
      <c r="UJK138" s="23"/>
      <c r="UJL138" s="23"/>
      <c r="UJM138" s="23"/>
      <c r="UJN138" s="23"/>
      <c r="UJO138" s="23"/>
      <c r="UJP138" s="23"/>
      <c r="UJQ138" s="23"/>
      <c r="UJR138" s="23"/>
      <c r="UJS138" s="23"/>
      <c r="UJT138" s="23"/>
      <c r="UJU138" s="23"/>
      <c r="UJV138" s="23"/>
      <c r="UJW138" s="23"/>
      <c r="UJX138" s="23"/>
      <c r="UJY138" s="23"/>
      <c r="UJZ138" s="23"/>
      <c r="UKA138" s="23"/>
      <c r="UKB138" s="23"/>
      <c r="UKC138" s="23"/>
      <c r="UKD138" s="23"/>
      <c r="UKE138" s="23"/>
      <c r="UKF138" s="23"/>
      <c r="UKG138" s="23"/>
      <c r="UKH138" s="23"/>
      <c r="UKI138" s="23"/>
      <c r="UKJ138" s="23"/>
      <c r="UKK138" s="23"/>
      <c r="UKL138" s="23"/>
      <c r="UKM138" s="23"/>
      <c r="UKN138" s="23"/>
      <c r="UKO138" s="23"/>
      <c r="UKP138" s="23"/>
      <c r="UKQ138" s="23"/>
      <c r="UKR138" s="23"/>
      <c r="UKS138" s="23"/>
      <c r="UKT138" s="23"/>
      <c r="UKU138" s="23"/>
      <c r="UKV138" s="23"/>
      <c r="UKW138" s="23"/>
      <c r="UKX138" s="23"/>
      <c r="UKY138" s="23"/>
      <c r="UKZ138" s="23"/>
      <c r="ULA138" s="23"/>
      <c r="ULB138" s="23"/>
      <c r="ULC138" s="23"/>
      <c r="ULD138" s="23"/>
      <c r="ULE138" s="23"/>
      <c r="ULF138" s="23"/>
      <c r="ULG138" s="23"/>
      <c r="ULH138" s="23"/>
      <c r="ULI138" s="23"/>
      <c r="ULJ138" s="23"/>
      <c r="ULK138" s="23"/>
      <c r="ULL138" s="23"/>
      <c r="ULM138" s="23"/>
      <c r="ULN138" s="23"/>
      <c r="ULO138" s="23"/>
      <c r="ULP138" s="23"/>
      <c r="ULQ138" s="23"/>
      <c r="ULR138" s="23"/>
      <c r="ULS138" s="23"/>
      <c r="ULT138" s="23"/>
      <c r="ULU138" s="23"/>
      <c r="ULV138" s="23"/>
      <c r="ULW138" s="23"/>
      <c r="ULX138" s="23"/>
      <c r="ULY138" s="23"/>
      <c r="ULZ138" s="23"/>
      <c r="UMA138" s="23"/>
      <c r="UMB138" s="23"/>
      <c r="UMC138" s="23"/>
      <c r="UMD138" s="23"/>
      <c r="UME138" s="23"/>
      <c r="UMF138" s="23"/>
      <c r="UMG138" s="23"/>
      <c r="UMH138" s="23"/>
      <c r="UMI138" s="23"/>
      <c r="UMJ138" s="23"/>
      <c r="UMK138" s="23"/>
      <c r="UML138" s="23"/>
      <c r="UMM138" s="23"/>
      <c r="UMN138" s="23"/>
      <c r="UMO138" s="23"/>
      <c r="UMP138" s="23"/>
      <c r="UMQ138" s="23"/>
      <c r="UMR138" s="23"/>
      <c r="UMS138" s="23"/>
      <c r="UMT138" s="23"/>
      <c r="UMU138" s="23"/>
      <c r="UMV138" s="23"/>
      <c r="UMW138" s="23"/>
      <c r="UMX138" s="23"/>
      <c r="UMY138" s="23"/>
      <c r="UMZ138" s="23"/>
      <c r="UNA138" s="23"/>
      <c r="UNB138" s="23"/>
      <c r="UNC138" s="23"/>
      <c r="UND138" s="23"/>
      <c r="UNE138" s="23"/>
      <c r="UNF138" s="23"/>
      <c r="UNG138" s="23"/>
      <c r="UNH138" s="23"/>
      <c r="UNI138" s="23"/>
      <c r="UNJ138" s="23"/>
      <c r="UNK138" s="23"/>
      <c r="UNL138" s="23"/>
      <c r="UNM138" s="23"/>
      <c r="UNN138" s="23"/>
      <c r="UNO138" s="23"/>
      <c r="UNP138" s="23"/>
      <c r="UNQ138" s="23"/>
      <c r="UNR138" s="23"/>
      <c r="UNS138" s="23"/>
      <c r="UNT138" s="23"/>
      <c r="UNU138" s="23"/>
      <c r="UNV138" s="23"/>
      <c r="UNW138" s="23"/>
      <c r="UNX138" s="23"/>
      <c r="UNY138" s="23"/>
      <c r="UNZ138" s="23"/>
      <c r="UOA138" s="23"/>
      <c r="UOB138" s="23"/>
      <c r="UOC138" s="23"/>
      <c r="UOD138" s="23"/>
      <c r="UOE138" s="23"/>
      <c r="UOF138" s="23"/>
      <c r="UOG138" s="23"/>
      <c r="UOH138" s="23"/>
      <c r="UOI138" s="23"/>
      <c r="UOJ138" s="23"/>
      <c r="UOK138" s="23"/>
      <c r="UOL138" s="23"/>
      <c r="UOM138" s="23"/>
      <c r="UON138" s="23"/>
      <c r="UOO138" s="23"/>
      <c r="UOP138" s="23"/>
      <c r="UOQ138" s="23"/>
      <c r="UOR138" s="23"/>
      <c r="UOS138" s="23"/>
      <c r="UOT138" s="23"/>
      <c r="UOU138" s="23"/>
      <c r="UOV138" s="23"/>
      <c r="UOW138" s="23"/>
      <c r="UOX138" s="23"/>
      <c r="UOY138" s="23"/>
      <c r="UOZ138" s="23"/>
      <c r="UPA138" s="23"/>
      <c r="UPB138" s="23"/>
      <c r="UPC138" s="23"/>
      <c r="UPD138" s="23"/>
      <c r="UPE138" s="23"/>
      <c r="UPF138" s="23"/>
      <c r="UPG138" s="23"/>
      <c r="UPH138" s="23"/>
      <c r="UPI138" s="23"/>
      <c r="UPJ138" s="23"/>
      <c r="UPK138" s="23"/>
      <c r="UPL138" s="23"/>
      <c r="UPM138" s="23"/>
      <c r="UPN138" s="23"/>
      <c r="UPO138" s="23"/>
      <c r="UPP138" s="23"/>
      <c r="UPQ138" s="23"/>
      <c r="UPR138" s="23"/>
      <c r="UPS138" s="23"/>
      <c r="UPT138" s="23"/>
      <c r="UPU138" s="23"/>
      <c r="UPV138" s="23"/>
      <c r="UPW138" s="23"/>
      <c r="UPX138" s="23"/>
      <c r="UPY138" s="23"/>
      <c r="UPZ138" s="23"/>
      <c r="UQA138" s="23"/>
      <c r="UQB138" s="23"/>
      <c r="UQC138" s="23"/>
      <c r="UQD138" s="23"/>
      <c r="UQE138" s="23"/>
      <c r="UQF138" s="23"/>
      <c r="UQG138" s="23"/>
      <c r="UQH138" s="23"/>
      <c r="UQI138" s="23"/>
      <c r="UQJ138" s="23"/>
      <c r="UQK138" s="23"/>
      <c r="UQL138" s="23"/>
      <c r="UQM138" s="23"/>
      <c r="UQN138" s="23"/>
      <c r="UQO138" s="23"/>
      <c r="UQP138" s="23"/>
      <c r="UQQ138" s="23"/>
      <c r="UQR138" s="23"/>
      <c r="UQS138" s="23"/>
      <c r="UQT138" s="23"/>
      <c r="UQU138" s="23"/>
      <c r="UQV138" s="23"/>
      <c r="UQW138" s="23"/>
      <c r="UQX138" s="23"/>
      <c r="UQY138" s="23"/>
      <c r="UQZ138" s="23"/>
      <c r="URA138" s="23"/>
      <c r="URB138" s="23"/>
      <c r="URC138" s="23"/>
      <c r="URD138" s="23"/>
      <c r="URE138" s="23"/>
      <c r="URF138" s="23"/>
      <c r="URG138" s="23"/>
      <c r="URH138" s="23"/>
      <c r="URI138" s="23"/>
      <c r="URJ138" s="23"/>
      <c r="URK138" s="23"/>
      <c r="URL138" s="23"/>
      <c r="URM138" s="23"/>
      <c r="URN138" s="23"/>
      <c r="URO138" s="23"/>
      <c r="URP138" s="23"/>
      <c r="URQ138" s="23"/>
      <c r="URR138" s="23"/>
      <c r="URS138" s="23"/>
      <c r="URT138" s="23"/>
      <c r="URU138" s="23"/>
      <c r="URV138" s="23"/>
      <c r="URW138" s="23"/>
      <c r="URX138" s="23"/>
      <c r="URY138" s="23"/>
      <c r="URZ138" s="23"/>
      <c r="USA138" s="23"/>
      <c r="USB138" s="23"/>
      <c r="USC138" s="23"/>
      <c r="USD138" s="23"/>
      <c r="USE138" s="23"/>
      <c r="USF138" s="23"/>
      <c r="USG138" s="23"/>
      <c r="USH138" s="23"/>
      <c r="USI138" s="23"/>
      <c r="USJ138" s="23"/>
      <c r="USK138" s="23"/>
      <c r="USL138" s="23"/>
      <c r="USM138" s="23"/>
      <c r="USN138" s="23"/>
      <c r="USO138" s="23"/>
      <c r="USP138" s="23"/>
      <c r="USQ138" s="23"/>
      <c r="USR138" s="23"/>
      <c r="USS138" s="23"/>
      <c r="UST138" s="23"/>
      <c r="USU138" s="23"/>
      <c r="USV138" s="23"/>
      <c r="USW138" s="23"/>
      <c r="USX138" s="23"/>
      <c r="USY138" s="23"/>
      <c r="USZ138" s="23"/>
      <c r="UTA138" s="23"/>
      <c r="UTB138" s="23"/>
      <c r="UTC138" s="23"/>
      <c r="UTD138" s="23"/>
      <c r="UTE138" s="23"/>
      <c r="UTF138" s="23"/>
      <c r="UTG138" s="23"/>
      <c r="UTH138" s="23"/>
      <c r="UTI138" s="23"/>
      <c r="UTJ138" s="23"/>
      <c r="UTK138" s="23"/>
      <c r="UTL138" s="23"/>
      <c r="UTM138" s="23"/>
      <c r="UTN138" s="23"/>
      <c r="UTO138" s="23"/>
      <c r="UTP138" s="23"/>
      <c r="UTQ138" s="23"/>
      <c r="UTR138" s="23"/>
      <c r="UTS138" s="23"/>
      <c r="UTT138" s="23"/>
      <c r="UTU138" s="23"/>
      <c r="UTV138" s="23"/>
      <c r="UTW138" s="23"/>
      <c r="UTX138" s="23"/>
      <c r="UTY138" s="23"/>
      <c r="UTZ138" s="23"/>
      <c r="UUA138" s="23"/>
      <c r="UUB138" s="23"/>
      <c r="UUC138" s="23"/>
      <c r="UUD138" s="23"/>
      <c r="UUE138" s="23"/>
      <c r="UUF138" s="23"/>
      <c r="UUG138" s="23"/>
      <c r="UUH138" s="23"/>
      <c r="UUI138" s="23"/>
      <c r="UUJ138" s="23"/>
      <c r="UUK138" s="23"/>
      <c r="UUL138" s="23"/>
      <c r="UUM138" s="23"/>
      <c r="UUN138" s="23"/>
      <c r="UUO138" s="23"/>
      <c r="UUP138" s="23"/>
      <c r="UUQ138" s="23"/>
      <c r="UUR138" s="23"/>
      <c r="UUS138" s="23"/>
      <c r="UUT138" s="23"/>
      <c r="UUU138" s="23"/>
      <c r="UUV138" s="23"/>
      <c r="UUW138" s="23"/>
      <c r="UUX138" s="23"/>
      <c r="UUY138" s="23"/>
      <c r="UUZ138" s="23"/>
      <c r="UVA138" s="23"/>
      <c r="UVB138" s="23"/>
      <c r="UVC138" s="23"/>
      <c r="UVD138" s="23"/>
      <c r="UVE138" s="23"/>
      <c r="UVF138" s="23"/>
      <c r="UVG138" s="23"/>
      <c r="UVH138" s="23"/>
      <c r="UVI138" s="23"/>
      <c r="UVJ138" s="23"/>
      <c r="UVK138" s="23"/>
      <c r="UVL138" s="23"/>
      <c r="UVM138" s="23"/>
      <c r="UVN138" s="23"/>
      <c r="UVO138" s="23"/>
      <c r="UVP138" s="23"/>
      <c r="UVQ138" s="23"/>
      <c r="UVR138" s="23"/>
      <c r="UVS138" s="23"/>
      <c r="UVT138" s="23"/>
      <c r="UVU138" s="23"/>
      <c r="UVV138" s="23"/>
      <c r="UVW138" s="23"/>
      <c r="UVX138" s="23"/>
      <c r="UVY138" s="23"/>
      <c r="UVZ138" s="23"/>
      <c r="UWA138" s="23"/>
      <c r="UWB138" s="23"/>
      <c r="UWC138" s="23"/>
      <c r="UWD138" s="23"/>
      <c r="UWE138" s="23"/>
      <c r="UWF138" s="23"/>
      <c r="UWG138" s="23"/>
      <c r="UWH138" s="23"/>
      <c r="UWI138" s="23"/>
      <c r="UWJ138" s="23"/>
      <c r="UWK138" s="23"/>
      <c r="UWL138" s="23"/>
      <c r="UWM138" s="23"/>
      <c r="UWN138" s="23"/>
      <c r="UWO138" s="23"/>
      <c r="UWP138" s="23"/>
      <c r="UWQ138" s="23"/>
      <c r="UWR138" s="23"/>
      <c r="UWS138" s="23"/>
      <c r="UWT138" s="23"/>
      <c r="UWU138" s="23"/>
      <c r="UWV138" s="23"/>
      <c r="UWW138" s="23"/>
      <c r="UWX138" s="23"/>
      <c r="UWY138" s="23"/>
      <c r="UWZ138" s="23"/>
      <c r="UXA138" s="23"/>
      <c r="UXB138" s="23"/>
      <c r="UXC138" s="23"/>
      <c r="UXD138" s="23"/>
      <c r="UXE138" s="23"/>
      <c r="UXF138" s="23"/>
      <c r="UXG138" s="23"/>
      <c r="UXH138" s="23"/>
      <c r="UXI138" s="23"/>
      <c r="UXJ138" s="23"/>
      <c r="UXK138" s="23"/>
      <c r="UXL138" s="23"/>
      <c r="UXM138" s="23"/>
      <c r="UXN138" s="23"/>
      <c r="UXO138" s="23"/>
      <c r="UXP138" s="23"/>
      <c r="UXQ138" s="23"/>
      <c r="UXR138" s="23"/>
      <c r="UXS138" s="23"/>
      <c r="UXT138" s="23"/>
      <c r="UXU138" s="23"/>
      <c r="UXV138" s="23"/>
      <c r="UXW138" s="23"/>
      <c r="UXX138" s="23"/>
      <c r="UXY138" s="23"/>
      <c r="UXZ138" s="23"/>
      <c r="UYA138" s="23"/>
      <c r="UYB138" s="23"/>
      <c r="UYC138" s="23"/>
      <c r="UYD138" s="23"/>
      <c r="UYE138" s="23"/>
      <c r="UYF138" s="23"/>
      <c r="UYG138" s="23"/>
      <c r="UYH138" s="23"/>
      <c r="UYI138" s="23"/>
      <c r="UYJ138" s="23"/>
      <c r="UYK138" s="23"/>
      <c r="UYL138" s="23"/>
      <c r="UYM138" s="23"/>
      <c r="UYN138" s="23"/>
      <c r="UYO138" s="23"/>
      <c r="UYP138" s="23"/>
      <c r="UYQ138" s="23"/>
      <c r="UYR138" s="23"/>
      <c r="UYS138" s="23"/>
      <c r="UYT138" s="23"/>
      <c r="UYU138" s="23"/>
      <c r="UYV138" s="23"/>
      <c r="UYW138" s="23"/>
      <c r="UYX138" s="23"/>
      <c r="UYY138" s="23"/>
      <c r="UYZ138" s="23"/>
      <c r="UZA138" s="23"/>
      <c r="UZB138" s="23"/>
      <c r="UZC138" s="23"/>
      <c r="UZD138" s="23"/>
      <c r="UZE138" s="23"/>
      <c r="UZF138" s="23"/>
      <c r="UZG138" s="23"/>
      <c r="UZH138" s="23"/>
      <c r="UZI138" s="23"/>
      <c r="UZJ138" s="23"/>
      <c r="UZK138" s="23"/>
      <c r="UZL138" s="23"/>
      <c r="UZM138" s="23"/>
      <c r="UZN138" s="23"/>
      <c r="UZO138" s="23"/>
      <c r="UZP138" s="23"/>
      <c r="UZQ138" s="23"/>
      <c r="UZR138" s="23"/>
      <c r="UZS138" s="23"/>
      <c r="UZT138" s="23"/>
      <c r="UZU138" s="23"/>
      <c r="UZV138" s="23"/>
      <c r="UZW138" s="23"/>
      <c r="UZX138" s="23"/>
      <c r="UZY138" s="23"/>
      <c r="UZZ138" s="23"/>
      <c r="VAA138" s="23"/>
      <c r="VAB138" s="23"/>
      <c r="VAC138" s="23"/>
      <c r="VAD138" s="23"/>
      <c r="VAE138" s="23"/>
      <c r="VAF138" s="23"/>
      <c r="VAG138" s="23"/>
      <c r="VAH138" s="23"/>
      <c r="VAI138" s="23"/>
      <c r="VAJ138" s="23"/>
      <c r="VAK138" s="23"/>
      <c r="VAL138" s="23"/>
      <c r="VAM138" s="23"/>
      <c r="VAN138" s="23"/>
      <c r="VAO138" s="23"/>
      <c r="VAP138" s="23"/>
      <c r="VAQ138" s="23"/>
      <c r="VAR138" s="23"/>
      <c r="VAS138" s="23"/>
      <c r="VAT138" s="23"/>
      <c r="VAU138" s="23"/>
      <c r="VAV138" s="23"/>
      <c r="VAW138" s="23"/>
      <c r="VAX138" s="23"/>
      <c r="VAY138" s="23"/>
      <c r="VAZ138" s="23"/>
      <c r="VBA138" s="23"/>
      <c r="VBB138" s="23"/>
      <c r="VBC138" s="23"/>
      <c r="VBD138" s="23"/>
      <c r="VBE138" s="23"/>
      <c r="VBF138" s="23"/>
      <c r="VBG138" s="23"/>
      <c r="VBH138" s="23"/>
      <c r="VBI138" s="23"/>
      <c r="VBJ138" s="23"/>
      <c r="VBK138" s="23"/>
      <c r="VBL138" s="23"/>
      <c r="VBM138" s="23"/>
      <c r="VBN138" s="23"/>
      <c r="VBO138" s="23"/>
      <c r="VBP138" s="23"/>
      <c r="VBQ138" s="23"/>
      <c r="VBR138" s="23"/>
      <c r="VBS138" s="23"/>
      <c r="VBT138" s="23"/>
      <c r="VBU138" s="23"/>
      <c r="VBV138" s="23"/>
      <c r="VBW138" s="23"/>
      <c r="VBX138" s="23"/>
      <c r="VBY138" s="23"/>
      <c r="VBZ138" s="23"/>
      <c r="VCA138" s="23"/>
      <c r="VCB138" s="23"/>
      <c r="VCC138" s="23"/>
      <c r="VCD138" s="23"/>
      <c r="VCE138" s="23"/>
      <c r="VCF138" s="23"/>
      <c r="VCG138" s="23"/>
      <c r="VCH138" s="23"/>
      <c r="VCI138" s="23"/>
      <c r="VCJ138" s="23"/>
      <c r="VCK138" s="23"/>
      <c r="VCL138" s="23"/>
      <c r="VCM138" s="23"/>
      <c r="VCN138" s="23"/>
      <c r="VCO138" s="23"/>
      <c r="VCP138" s="23"/>
      <c r="VCQ138" s="23"/>
      <c r="VCR138" s="23"/>
      <c r="VCS138" s="23"/>
      <c r="VCT138" s="23"/>
      <c r="VCU138" s="23"/>
      <c r="VCV138" s="23"/>
      <c r="VCW138" s="23"/>
      <c r="VCX138" s="23"/>
      <c r="VCY138" s="23"/>
      <c r="VCZ138" s="23"/>
      <c r="VDA138" s="23"/>
      <c r="VDB138" s="23"/>
      <c r="VDC138" s="23"/>
      <c r="VDD138" s="23"/>
      <c r="VDE138" s="23"/>
      <c r="VDF138" s="23"/>
      <c r="VDG138" s="23"/>
      <c r="VDH138" s="23"/>
      <c r="VDI138" s="23"/>
      <c r="VDJ138" s="23"/>
      <c r="VDK138" s="23"/>
      <c r="VDL138" s="23"/>
      <c r="VDM138" s="23"/>
      <c r="VDN138" s="23"/>
      <c r="VDO138" s="23"/>
      <c r="VDP138" s="23"/>
      <c r="VDQ138" s="23"/>
      <c r="VDR138" s="23"/>
      <c r="VDS138" s="23"/>
      <c r="VDT138" s="23"/>
      <c r="VDU138" s="23"/>
      <c r="VDV138" s="23"/>
      <c r="VDW138" s="23"/>
      <c r="VDX138" s="23"/>
      <c r="VDY138" s="23"/>
      <c r="VDZ138" s="23"/>
      <c r="VEA138" s="23"/>
      <c r="VEB138" s="23"/>
      <c r="VEC138" s="23"/>
      <c r="VED138" s="23"/>
      <c r="VEE138" s="23"/>
      <c r="VEF138" s="23"/>
      <c r="VEG138" s="23"/>
      <c r="VEH138" s="23"/>
      <c r="VEI138" s="23"/>
      <c r="VEJ138" s="23"/>
      <c r="VEK138" s="23"/>
      <c r="VEL138" s="23"/>
      <c r="VEM138" s="23"/>
      <c r="VEN138" s="23"/>
      <c r="VEO138" s="23"/>
      <c r="VEP138" s="23"/>
      <c r="VEQ138" s="23"/>
      <c r="VER138" s="23"/>
      <c r="VES138" s="23"/>
      <c r="VET138" s="23"/>
      <c r="VEU138" s="23"/>
      <c r="VEV138" s="23"/>
      <c r="VEW138" s="23"/>
      <c r="VEX138" s="23"/>
      <c r="VEY138" s="23"/>
      <c r="VEZ138" s="23"/>
      <c r="VFA138" s="23"/>
      <c r="VFB138" s="23"/>
      <c r="VFC138" s="23"/>
      <c r="VFD138" s="23"/>
      <c r="VFE138" s="23"/>
      <c r="VFF138" s="23"/>
      <c r="VFG138" s="23"/>
      <c r="VFH138" s="23"/>
      <c r="VFI138" s="23"/>
      <c r="VFJ138" s="23"/>
      <c r="VFK138" s="23"/>
      <c r="VFL138" s="23"/>
      <c r="VFM138" s="23"/>
      <c r="VFN138" s="23"/>
      <c r="VFO138" s="23"/>
      <c r="VFP138" s="23"/>
      <c r="VFQ138" s="23"/>
      <c r="VFR138" s="23"/>
      <c r="VFS138" s="23"/>
      <c r="VFT138" s="23"/>
      <c r="VFU138" s="23"/>
      <c r="VFV138" s="23"/>
      <c r="VFW138" s="23"/>
      <c r="VFX138" s="23"/>
      <c r="VFY138" s="23"/>
      <c r="VFZ138" s="23"/>
      <c r="VGA138" s="23"/>
      <c r="VGB138" s="23"/>
      <c r="VGC138" s="23"/>
      <c r="VGD138" s="23"/>
      <c r="VGE138" s="23"/>
      <c r="VGF138" s="23"/>
      <c r="VGG138" s="23"/>
      <c r="VGH138" s="23"/>
      <c r="VGI138" s="23"/>
      <c r="VGJ138" s="23"/>
      <c r="VGK138" s="23"/>
      <c r="VGL138" s="23"/>
      <c r="VGM138" s="23"/>
      <c r="VGN138" s="23"/>
      <c r="VGO138" s="23"/>
      <c r="VGP138" s="23"/>
      <c r="VGQ138" s="23"/>
      <c r="VGR138" s="23"/>
      <c r="VGS138" s="23"/>
      <c r="VGT138" s="23"/>
      <c r="VGU138" s="23"/>
      <c r="VGV138" s="23"/>
      <c r="VGW138" s="23"/>
      <c r="VGX138" s="23"/>
      <c r="VGY138" s="23"/>
      <c r="VGZ138" s="23"/>
      <c r="VHA138" s="23"/>
      <c r="VHB138" s="23"/>
      <c r="VHC138" s="23"/>
      <c r="VHD138" s="23"/>
      <c r="VHE138" s="23"/>
      <c r="VHF138" s="23"/>
      <c r="VHG138" s="23"/>
      <c r="VHH138" s="23"/>
      <c r="VHI138" s="23"/>
      <c r="VHJ138" s="23"/>
      <c r="VHK138" s="23"/>
      <c r="VHL138" s="23"/>
      <c r="VHM138" s="23"/>
      <c r="VHN138" s="23"/>
      <c r="VHO138" s="23"/>
      <c r="VHP138" s="23"/>
      <c r="VHQ138" s="23"/>
      <c r="VHR138" s="23"/>
      <c r="VHS138" s="23"/>
      <c r="VHT138" s="23"/>
      <c r="VHU138" s="23"/>
      <c r="VHV138" s="23"/>
      <c r="VHW138" s="23"/>
      <c r="VHX138" s="23"/>
      <c r="VHY138" s="23"/>
      <c r="VHZ138" s="23"/>
      <c r="VIA138" s="23"/>
      <c r="VIB138" s="23"/>
      <c r="VIC138" s="23"/>
      <c r="VID138" s="23"/>
      <c r="VIE138" s="23"/>
      <c r="VIF138" s="23"/>
      <c r="VIG138" s="23"/>
      <c r="VIH138" s="23"/>
      <c r="VII138" s="23"/>
      <c r="VIJ138" s="23"/>
      <c r="VIK138" s="23"/>
      <c r="VIL138" s="23"/>
      <c r="VIM138" s="23"/>
      <c r="VIN138" s="23"/>
      <c r="VIO138" s="23"/>
      <c r="VIP138" s="23"/>
      <c r="VIQ138" s="23"/>
      <c r="VIR138" s="23"/>
      <c r="VIS138" s="23"/>
      <c r="VIT138" s="23"/>
      <c r="VIU138" s="23"/>
      <c r="VIV138" s="23"/>
      <c r="VIW138" s="23"/>
      <c r="VIX138" s="23"/>
      <c r="VIY138" s="23"/>
      <c r="VIZ138" s="23"/>
      <c r="VJA138" s="23"/>
      <c r="VJB138" s="23"/>
      <c r="VJC138" s="23"/>
      <c r="VJD138" s="23"/>
      <c r="VJE138" s="23"/>
      <c r="VJF138" s="23"/>
      <c r="VJG138" s="23"/>
      <c r="VJH138" s="23"/>
      <c r="VJI138" s="23"/>
      <c r="VJJ138" s="23"/>
      <c r="VJK138" s="23"/>
      <c r="VJL138" s="23"/>
      <c r="VJM138" s="23"/>
      <c r="VJN138" s="23"/>
      <c r="VJO138" s="23"/>
      <c r="VJP138" s="23"/>
      <c r="VJQ138" s="23"/>
      <c r="VJR138" s="23"/>
      <c r="VJS138" s="23"/>
      <c r="VJT138" s="23"/>
      <c r="VJU138" s="23"/>
      <c r="VJV138" s="23"/>
      <c r="VJW138" s="23"/>
      <c r="VJX138" s="23"/>
      <c r="VJY138" s="23"/>
      <c r="VJZ138" s="23"/>
      <c r="VKA138" s="23"/>
      <c r="VKB138" s="23"/>
      <c r="VKC138" s="23"/>
      <c r="VKD138" s="23"/>
      <c r="VKE138" s="23"/>
      <c r="VKF138" s="23"/>
      <c r="VKG138" s="23"/>
      <c r="VKH138" s="23"/>
      <c r="VKI138" s="23"/>
      <c r="VKJ138" s="23"/>
      <c r="VKK138" s="23"/>
      <c r="VKL138" s="23"/>
      <c r="VKM138" s="23"/>
      <c r="VKN138" s="23"/>
      <c r="VKO138" s="23"/>
      <c r="VKP138" s="23"/>
      <c r="VKQ138" s="23"/>
      <c r="VKR138" s="23"/>
      <c r="VKS138" s="23"/>
      <c r="VKT138" s="23"/>
      <c r="VKU138" s="23"/>
      <c r="VKV138" s="23"/>
      <c r="VKW138" s="23"/>
      <c r="VKX138" s="23"/>
      <c r="VKY138" s="23"/>
      <c r="VKZ138" s="23"/>
      <c r="VLA138" s="23"/>
      <c r="VLB138" s="23"/>
      <c r="VLC138" s="23"/>
      <c r="VLD138" s="23"/>
      <c r="VLE138" s="23"/>
      <c r="VLF138" s="23"/>
      <c r="VLG138" s="23"/>
      <c r="VLH138" s="23"/>
      <c r="VLI138" s="23"/>
      <c r="VLJ138" s="23"/>
      <c r="VLK138" s="23"/>
      <c r="VLL138" s="23"/>
      <c r="VLM138" s="23"/>
      <c r="VLN138" s="23"/>
      <c r="VLO138" s="23"/>
      <c r="VLP138" s="23"/>
      <c r="VLQ138" s="23"/>
      <c r="VLR138" s="23"/>
      <c r="VLS138" s="23"/>
      <c r="VLT138" s="23"/>
      <c r="VLU138" s="23"/>
      <c r="VLV138" s="23"/>
      <c r="VLW138" s="23"/>
      <c r="VLX138" s="23"/>
      <c r="VLY138" s="23"/>
      <c r="VLZ138" s="23"/>
      <c r="VMA138" s="23"/>
      <c r="VMB138" s="23"/>
      <c r="VMC138" s="23"/>
      <c r="VMD138" s="23"/>
      <c r="VME138" s="23"/>
      <c r="VMF138" s="23"/>
      <c r="VMG138" s="23"/>
      <c r="VMH138" s="23"/>
      <c r="VMI138" s="23"/>
      <c r="VMJ138" s="23"/>
      <c r="VMK138" s="23"/>
      <c r="VML138" s="23"/>
      <c r="VMM138" s="23"/>
      <c r="VMN138" s="23"/>
      <c r="VMO138" s="23"/>
      <c r="VMP138" s="23"/>
      <c r="VMQ138" s="23"/>
      <c r="VMR138" s="23"/>
      <c r="VMS138" s="23"/>
      <c r="VMT138" s="23"/>
      <c r="VMU138" s="23"/>
      <c r="VMV138" s="23"/>
      <c r="VMW138" s="23"/>
      <c r="VMX138" s="23"/>
      <c r="VMY138" s="23"/>
      <c r="VMZ138" s="23"/>
      <c r="VNA138" s="23"/>
      <c r="VNB138" s="23"/>
      <c r="VNC138" s="23"/>
      <c r="VND138" s="23"/>
      <c r="VNE138" s="23"/>
      <c r="VNF138" s="23"/>
      <c r="VNG138" s="23"/>
      <c r="VNH138" s="23"/>
      <c r="VNI138" s="23"/>
      <c r="VNJ138" s="23"/>
      <c r="VNK138" s="23"/>
      <c r="VNL138" s="23"/>
      <c r="VNM138" s="23"/>
      <c r="VNN138" s="23"/>
      <c r="VNO138" s="23"/>
      <c r="VNP138" s="23"/>
      <c r="VNQ138" s="23"/>
      <c r="VNR138" s="23"/>
      <c r="VNS138" s="23"/>
      <c r="VNT138" s="23"/>
      <c r="VNU138" s="23"/>
      <c r="VNV138" s="23"/>
      <c r="VNW138" s="23"/>
      <c r="VNX138" s="23"/>
      <c r="VNY138" s="23"/>
      <c r="VNZ138" s="23"/>
      <c r="VOA138" s="23"/>
      <c r="VOB138" s="23"/>
      <c r="VOC138" s="23"/>
      <c r="VOD138" s="23"/>
      <c r="VOE138" s="23"/>
      <c r="VOF138" s="23"/>
      <c r="VOG138" s="23"/>
      <c r="VOH138" s="23"/>
      <c r="VOI138" s="23"/>
      <c r="VOJ138" s="23"/>
      <c r="VOK138" s="23"/>
      <c r="VOL138" s="23"/>
      <c r="VOM138" s="23"/>
      <c r="VON138" s="23"/>
      <c r="VOO138" s="23"/>
      <c r="VOP138" s="23"/>
      <c r="VOQ138" s="23"/>
      <c r="VOR138" s="23"/>
      <c r="VOS138" s="23"/>
      <c r="VOT138" s="23"/>
      <c r="VOU138" s="23"/>
      <c r="VOV138" s="23"/>
      <c r="VOW138" s="23"/>
      <c r="VOX138" s="23"/>
      <c r="VOY138" s="23"/>
      <c r="VOZ138" s="23"/>
      <c r="VPA138" s="23"/>
      <c r="VPB138" s="23"/>
      <c r="VPC138" s="23"/>
      <c r="VPD138" s="23"/>
      <c r="VPE138" s="23"/>
      <c r="VPF138" s="23"/>
      <c r="VPG138" s="23"/>
      <c r="VPH138" s="23"/>
      <c r="VPI138" s="23"/>
      <c r="VPJ138" s="23"/>
      <c r="VPK138" s="23"/>
      <c r="VPL138" s="23"/>
      <c r="VPM138" s="23"/>
      <c r="VPN138" s="23"/>
      <c r="VPO138" s="23"/>
      <c r="VPP138" s="23"/>
      <c r="VPQ138" s="23"/>
      <c r="VPR138" s="23"/>
      <c r="VPS138" s="23"/>
      <c r="VPT138" s="23"/>
      <c r="VPU138" s="23"/>
      <c r="VPV138" s="23"/>
      <c r="VPW138" s="23"/>
      <c r="VPX138" s="23"/>
      <c r="VPY138" s="23"/>
      <c r="VPZ138" s="23"/>
      <c r="VQA138" s="23"/>
      <c r="VQB138" s="23"/>
      <c r="VQC138" s="23"/>
      <c r="VQD138" s="23"/>
      <c r="VQE138" s="23"/>
      <c r="VQF138" s="23"/>
      <c r="VQG138" s="23"/>
      <c r="VQH138" s="23"/>
      <c r="VQI138" s="23"/>
      <c r="VQJ138" s="23"/>
      <c r="VQK138" s="23"/>
      <c r="VQL138" s="23"/>
      <c r="VQM138" s="23"/>
      <c r="VQN138" s="23"/>
      <c r="VQO138" s="23"/>
      <c r="VQP138" s="23"/>
      <c r="VQQ138" s="23"/>
      <c r="VQR138" s="23"/>
      <c r="VQS138" s="23"/>
      <c r="VQT138" s="23"/>
      <c r="VQU138" s="23"/>
      <c r="VQV138" s="23"/>
      <c r="VQW138" s="23"/>
      <c r="VQX138" s="23"/>
      <c r="VQY138" s="23"/>
      <c r="VQZ138" s="23"/>
      <c r="VRA138" s="23"/>
      <c r="VRB138" s="23"/>
      <c r="VRC138" s="23"/>
      <c r="VRD138" s="23"/>
      <c r="VRE138" s="23"/>
      <c r="VRF138" s="23"/>
      <c r="VRG138" s="23"/>
      <c r="VRH138" s="23"/>
      <c r="VRI138" s="23"/>
      <c r="VRJ138" s="23"/>
      <c r="VRK138" s="23"/>
      <c r="VRL138" s="23"/>
      <c r="VRM138" s="23"/>
      <c r="VRN138" s="23"/>
      <c r="VRO138" s="23"/>
      <c r="VRP138" s="23"/>
      <c r="VRQ138" s="23"/>
      <c r="VRR138" s="23"/>
      <c r="VRS138" s="23"/>
      <c r="VRT138" s="23"/>
      <c r="VRU138" s="23"/>
      <c r="VRV138" s="23"/>
      <c r="VRW138" s="23"/>
      <c r="VRX138" s="23"/>
      <c r="VRY138" s="23"/>
      <c r="VRZ138" s="23"/>
      <c r="VSA138" s="23"/>
      <c r="VSB138" s="23"/>
      <c r="VSC138" s="23"/>
      <c r="VSD138" s="23"/>
      <c r="VSE138" s="23"/>
      <c r="VSF138" s="23"/>
      <c r="VSG138" s="23"/>
      <c r="VSH138" s="23"/>
      <c r="VSI138" s="23"/>
      <c r="VSJ138" s="23"/>
      <c r="VSK138" s="23"/>
      <c r="VSL138" s="23"/>
      <c r="VSM138" s="23"/>
      <c r="VSN138" s="23"/>
      <c r="VSO138" s="23"/>
      <c r="VSP138" s="23"/>
      <c r="VSQ138" s="23"/>
      <c r="VSR138" s="23"/>
      <c r="VSS138" s="23"/>
      <c r="VST138" s="23"/>
      <c r="VSU138" s="23"/>
      <c r="VSV138" s="23"/>
      <c r="VSW138" s="23"/>
      <c r="VSX138" s="23"/>
      <c r="VSY138" s="23"/>
      <c r="VSZ138" s="23"/>
      <c r="VTA138" s="23"/>
      <c r="VTB138" s="23"/>
      <c r="VTC138" s="23"/>
      <c r="VTD138" s="23"/>
      <c r="VTE138" s="23"/>
      <c r="VTF138" s="23"/>
      <c r="VTG138" s="23"/>
      <c r="VTH138" s="23"/>
      <c r="VTI138" s="23"/>
      <c r="VTJ138" s="23"/>
      <c r="VTK138" s="23"/>
      <c r="VTL138" s="23"/>
      <c r="VTM138" s="23"/>
      <c r="VTN138" s="23"/>
      <c r="VTO138" s="23"/>
      <c r="VTP138" s="23"/>
      <c r="VTQ138" s="23"/>
      <c r="VTR138" s="23"/>
      <c r="VTS138" s="23"/>
      <c r="VTT138" s="23"/>
      <c r="VTU138" s="23"/>
      <c r="VTV138" s="23"/>
      <c r="VTW138" s="23"/>
      <c r="VTX138" s="23"/>
      <c r="VTY138" s="23"/>
      <c r="VTZ138" s="23"/>
      <c r="VUA138" s="23"/>
      <c r="VUB138" s="23"/>
      <c r="VUC138" s="23"/>
      <c r="VUD138" s="23"/>
      <c r="VUE138" s="23"/>
      <c r="VUF138" s="23"/>
      <c r="VUG138" s="23"/>
      <c r="VUH138" s="23"/>
      <c r="VUI138" s="23"/>
      <c r="VUJ138" s="23"/>
      <c r="VUK138" s="23"/>
      <c r="VUL138" s="23"/>
      <c r="VUM138" s="23"/>
      <c r="VUN138" s="23"/>
      <c r="VUO138" s="23"/>
      <c r="VUP138" s="23"/>
      <c r="VUQ138" s="23"/>
      <c r="VUR138" s="23"/>
      <c r="VUS138" s="23"/>
      <c r="VUT138" s="23"/>
      <c r="VUU138" s="23"/>
      <c r="VUV138" s="23"/>
      <c r="VUW138" s="23"/>
      <c r="VUX138" s="23"/>
      <c r="VUY138" s="23"/>
      <c r="VUZ138" s="23"/>
      <c r="VVA138" s="23"/>
      <c r="VVB138" s="23"/>
      <c r="VVC138" s="23"/>
      <c r="VVD138" s="23"/>
      <c r="VVE138" s="23"/>
      <c r="VVF138" s="23"/>
      <c r="VVG138" s="23"/>
      <c r="VVH138" s="23"/>
      <c r="VVI138" s="23"/>
      <c r="VVJ138" s="23"/>
      <c r="VVK138" s="23"/>
      <c r="VVL138" s="23"/>
      <c r="VVM138" s="23"/>
      <c r="VVN138" s="23"/>
      <c r="VVO138" s="23"/>
      <c r="VVP138" s="23"/>
      <c r="VVQ138" s="23"/>
      <c r="VVR138" s="23"/>
      <c r="VVS138" s="23"/>
      <c r="VVT138" s="23"/>
      <c r="VVU138" s="23"/>
      <c r="VVV138" s="23"/>
      <c r="VVW138" s="23"/>
      <c r="VVX138" s="23"/>
      <c r="VVY138" s="23"/>
      <c r="VVZ138" s="23"/>
      <c r="VWA138" s="23"/>
      <c r="VWB138" s="23"/>
      <c r="VWC138" s="23"/>
      <c r="VWD138" s="23"/>
      <c r="VWE138" s="23"/>
      <c r="VWF138" s="23"/>
      <c r="VWG138" s="23"/>
      <c r="VWH138" s="23"/>
      <c r="VWI138" s="23"/>
      <c r="VWJ138" s="23"/>
      <c r="VWK138" s="23"/>
      <c r="VWL138" s="23"/>
      <c r="VWM138" s="23"/>
      <c r="VWN138" s="23"/>
      <c r="VWO138" s="23"/>
      <c r="VWP138" s="23"/>
      <c r="VWQ138" s="23"/>
      <c r="VWR138" s="23"/>
      <c r="VWS138" s="23"/>
      <c r="VWT138" s="23"/>
      <c r="VWU138" s="23"/>
      <c r="VWV138" s="23"/>
      <c r="VWW138" s="23"/>
      <c r="VWX138" s="23"/>
      <c r="VWY138" s="23"/>
      <c r="VWZ138" s="23"/>
      <c r="VXA138" s="23"/>
      <c r="VXB138" s="23"/>
      <c r="VXC138" s="23"/>
      <c r="VXD138" s="23"/>
      <c r="VXE138" s="23"/>
      <c r="VXF138" s="23"/>
      <c r="VXG138" s="23"/>
      <c r="VXH138" s="23"/>
      <c r="VXI138" s="23"/>
      <c r="VXJ138" s="23"/>
      <c r="VXK138" s="23"/>
      <c r="VXL138" s="23"/>
      <c r="VXM138" s="23"/>
      <c r="VXN138" s="23"/>
      <c r="VXO138" s="23"/>
      <c r="VXP138" s="23"/>
      <c r="VXQ138" s="23"/>
      <c r="VXR138" s="23"/>
      <c r="VXS138" s="23"/>
      <c r="VXT138" s="23"/>
      <c r="VXU138" s="23"/>
      <c r="VXV138" s="23"/>
      <c r="VXW138" s="23"/>
      <c r="VXX138" s="23"/>
      <c r="VXY138" s="23"/>
      <c r="VXZ138" s="23"/>
      <c r="VYA138" s="23"/>
      <c r="VYB138" s="23"/>
      <c r="VYC138" s="23"/>
      <c r="VYD138" s="23"/>
      <c r="VYE138" s="23"/>
      <c r="VYF138" s="23"/>
      <c r="VYG138" s="23"/>
      <c r="VYH138" s="23"/>
      <c r="VYI138" s="23"/>
      <c r="VYJ138" s="23"/>
      <c r="VYK138" s="23"/>
      <c r="VYL138" s="23"/>
      <c r="VYM138" s="23"/>
      <c r="VYN138" s="23"/>
      <c r="VYO138" s="23"/>
      <c r="VYP138" s="23"/>
      <c r="VYQ138" s="23"/>
      <c r="VYR138" s="23"/>
      <c r="VYS138" s="23"/>
      <c r="VYT138" s="23"/>
      <c r="VYU138" s="23"/>
      <c r="VYV138" s="23"/>
      <c r="VYW138" s="23"/>
      <c r="VYX138" s="23"/>
      <c r="VYY138" s="23"/>
      <c r="VYZ138" s="23"/>
      <c r="VZA138" s="23"/>
      <c r="VZB138" s="23"/>
      <c r="VZC138" s="23"/>
      <c r="VZD138" s="23"/>
      <c r="VZE138" s="23"/>
      <c r="VZF138" s="23"/>
      <c r="VZG138" s="23"/>
      <c r="VZH138" s="23"/>
      <c r="VZI138" s="23"/>
      <c r="VZJ138" s="23"/>
      <c r="VZK138" s="23"/>
      <c r="VZL138" s="23"/>
      <c r="VZM138" s="23"/>
      <c r="VZN138" s="23"/>
      <c r="VZO138" s="23"/>
      <c r="VZP138" s="23"/>
      <c r="VZQ138" s="23"/>
      <c r="VZR138" s="23"/>
      <c r="VZS138" s="23"/>
      <c r="VZT138" s="23"/>
      <c r="VZU138" s="23"/>
      <c r="VZV138" s="23"/>
      <c r="VZW138" s="23"/>
      <c r="VZX138" s="23"/>
      <c r="VZY138" s="23"/>
      <c r="VZZ138" s="23"/>
      <c r="WAA138" s="23"/>
      <c r="WAB138" s="23"/>
      <c r="WAC138" s="23"/>
      <c r="WAD138" s="23"/>
      <c r="WAE138" s="23"/>
      <c r="WAF138" s="23"/>
      <c r="WAG138" s="23"/>
      <c r="WAH138" s="23"/>
      <c r="WAI138" s="23"/>
      <c r="WAJ138" s="23"/>
      <c r="WAK138" s="23"/>
      <c r="WAL138" s="23"/>
      <c r="WAM138" s="23"/>
      <c r="WAN138" s="23"/>
      <c r="WAO138" s="23"/>
      <c r="WAP138" s="23"/>
      <c r="WAQ138" s="23"/>
      <c r="WAR138" s="23"/>
      <c r="WAS138" s="23"/>
      <c r="WAT138" s="23"/>
      <c r="WAU138" s="23"/>
      <c r="WAV138" s="23"/>
      <c r="WAW138" s="23"/>
      <c r="WAX138" s="23"/>
      <c r="WAY138" s="23"/>
      <c r="WAZ138" s="23"/>
      <c r="WBA138" s="23"/>
      <c r="WBB138" s="23"/>
      <c r="WBC138" s="23"/>
      <c r="WBD138" s="23"/>
      <c r="WBE138" s="23"/>
      <c r="WBF138" s="23"/>
      <c r="WBG138" s="23"/>
      <c r="WBH138" s="23"/>
      <c r="WBI138" s="23"/>
      <c r="WBJ138" s="23"/>
      <c r="WBK138" s="23"/>
      <c r="WBL138" s="23"/>
      <c r="WBM138" s="23"/>
      <c r="WBN138" s="23"/>
      <c r="WBO138" s="23"/>
      <c r="WBP138" s="23"/>
      <c r="WBQ138" s="23"/>
      <c r="WBR138" s="23"/>
      <c r="WBS138" s="23"/>
      <c r="WBT138" s="23"/>
      <c r="WBU138" s="23"/>
      <c r="WBV138" s="23"/>
      <c r="WBW138" s="23"/>
      <c r="WBX138" s="23"/>
      <c r="WBY138" s="23"/>
      <c r="WBZ138" s="23"/>
      <c r="WCA138" s="23"/>
      <c r="WCB138" s="23"/>
      <c r="WCC138" s="23"/>
      <c r="WCD138" s="23"/>
      <c r="WCE138" s="23"/>
      <c r="WCF138" s="23"/>
      <c r="WCG138" s="23"/>
      <c r="WCH138" s="23"/>
      <c r="WCI138" s="23"/>
      <c r="WCJ138" s="23"/>
      <c r="WCK138" s="23"/>
      <c r="WCL138" s="23"/>
      <c r="WCM138" s="23"/>
      <c r="WCN138" s="23"/>
      <c r="WCO138" s="23"/>
      <c r="WCP138" s="23"/>
      <c r="WCQ138" s="23"/>
      <c r="WCR138" s="23"/>
      <c r="WCS138" s="23"/>
      <c r="WCT138" s="23"/>
      <c r="WCU138" s="23"/>
      <c r="WCV138" s="23"/>
      <c r="WCW138" s="23"/>
      <c r="WCX138" s="23"/>
      <c r="WCY138" s="23"/>
      <c r="WCZ138" s="23"/>
      <c r="WDA138" s="23"/>
      <c r="WDB138" s="23"/>
      <c r="WDC138" s="23"/>
      <c r="WDD138" s="23"/>
      <c r="WDE138" s="23"/>
      <c r="WDF138" s="23"/>
      <c r="WDG138" s="23"/>
      <c r="WDH138" s="23"/>
      <c r="WDI138" s="23"/>
      <c r="WDJ138" s="23"/>
      <c r="WDK138" s="23"/>
      <c r="WDL138" s="23"/>
      <c r="WDM138" s="23"/>
      <c r="WDN138" s="23"/>
      <c r="WDO138" s="23"/>
      <c r="WDP138" s="23"/>
      <c r="WDQ138" s="23"/>
      <c r="WDR138" s="23"/>
      <c r="WDS138" s="23"/>
      <c r="WDT138" s="23"/>
      <c r="WDU138" s="23"/>
      <c r="WDV138" s="23"/>
      <c r="WDW138" s="23"/>
      <c r="WDX138" s="23"/>
      <c r="WDY138" s="23"/>
      <c r="WDZ138" s="23"/>
      <c r="WEA138" s="23"/>
      <c r="WEB138" s="23"/>
      <c r="WEC138" s="23"/>
      <c r="WED138" s="23"/>
      <c r="WEE138" s="23"/>
      <c r="WEF138" s="23"/>
      <c r="WEG138" s="23"/>
      <c r="WEH138" s="23"/>
      <c r="WEI138" s="23"/>
      <c r="WEJ138" s="23"/>
      <c r="WEK138" s="23"/>
      <c r="WEL138" s="23"/>
      <c r="WEM138" s="23"/>
      <c r="WEN138" s="23"/>
      <c r="WEO138" s="23"/>
      <c r="WEP138" s="23"/>
      <c r="WEQ138" s="23"/>
      <c r="WER138" s="23"/>
      <c r="WES138" s="23"/>
      <c r="WET138" s="23"/>
      <c r="WEU138" s="23"/>
      <c r="WEV138" s="23"/>
      <c r="WEW138" s="23"/>
      <c r="WEX138" s="23"/>
      <c r="WEY138" s="23"/>
      <c r="WEZ138" s="23"/>
      <c r="WFA138" s="23"/>
      <c r="WFB138" s="23"/>
      <c r="WFC138" s="23"/>
      <c r="WFD138" s="23"/>
      <c r="WFE138" s="23"/>
      <c r="WFF138" s="23"/>
      <c r="WFG138" s="23"/>
      <c r="WFH138" s="23"/>
      <c r="WFI138" s="23"/>
      <c r="WFJ138" s="23"/>
      <c r="WFK138" s="23"/>
      <c r="WFL138" s="23"/>
      <c r="WFM138" s="23"/>
      <c r="WFN138" s="23"/>
      <c r="WFO138" s="23"/>
      <c r="WFP138" s="23"/>
      <c r="WFQ138" s="23"/>
      <c r="WFR138" s="23"/>
      <c r="WFS138" s="23"/>
      <c r="WFT138" s="23"/>
      <c r="WFU138" s="23"/>
      <c r="WFV138" s="23"/>
      <c r="WFW138" s="23"/>
      <c r="WFX138" s="23"/>
      <c r="WFY138" s="23"/>
      <c r="WFZ138" s="23"/>
      <c r="WGA138" s="23"/>
      <c r="WGB138" s="23"/>
      <c r="WGC138" s="23"/>
      <c r="WGD138" s="23"/>
      <c r="WGE138" s="23"/>
      <c r="WGF138" s="23"/>
      <c r="WGG138" s="23"/>
      <c r="WGH138" s="23"/>
      <c r="WGI138" s="23"/>
      <c r="WGJ138" s="23"/>
      <c r="WGK138" s="23"/>
      <c r="WGL138" s="23"/>
      <c r="WGM138" s="23"/>
      <c r="WGN138" s="23"/>
      <c r="WGO138" s="23"/>
      <c r="WGP138" s="23"/>
      <c r="WGQ138" s="23"/>
      <c r="WGR138" s="23"/>
      <c r="WGS138" s="23"/>
      <c r="WGT138" s="23"/>
      <c r="WGU138" s="23"/>
      <c r="WGV138" s="23"/>
      <c r="WGW138" s="23"/>
      <c r="WGX138" s="23"/>
      <c r="WGY138" s="23"/>
      <c r="WGZ138" s="23"/>
      <c r="WHA138" s="23"/>
      <c r="WHB138" s="23"/>
      <c r="WHC138" s="23"/>
      <c r="WHD138" s="23"/>
      <c r="WHE138" s="23"/>
      <c r="WHF138" s="23"/>
      <c r="WHG138" s="23"/>
      <c r="WHH138" s="23"/>
      <c r="WHI138" s="23"/>
      <c r="WHJ138" s="23"/>
      <c r="WHK138" s="23"/>
      <c r="WHL138" s="23"/>
      <c r="WHM138" s="23"/>
      <c r="WHN138" s="23"/>
      <c r="WHO138" s="23"/>
      <c r="WHP138" s="23"/>
      <c r="WHQ138" s="23"/>
      <c r="WHR138" s="23"/>
      <c r="WHS138" s="23"/>
      <c r="WHT138" s="23"/>
      <c r="WHU138" s="23"/>
      <c r="WHV138" s="23"/>
      <c r="WHW138" s="23"/>
      <c r="WHX138" s="23"/>
      <c r="WHY138" s="23"/>
      <c r="WHZ138" s="23"/>
      <c r="WIA138" s="23"/>
      <c r="WIB138" s="23"/>
      <c r="WIC138" s="23"/>
      <c r="WID138" s="23"/>
      <c r="WIE138" s="23"/>
      <c r="WIF138" s="23"/>
      <c r="WIG138" s="23"/>
      <c r="WIH138" s="23"/>
      <c r="WII138" s="23"/>
      <c r="WIJ138" s="23"/>
      <c r="WIK138" s="23"/>
      <c r="WIL138" s="23"/>
      <c r="WIM138" s="23"/>
      <c r="WIN138" s="23"/>
      <c r="WIO138" s="23"/>
      <c r="WIP138" s="23"/>
      <c r="WIQ138" s="23"/>
      <c r="WIR138" s="23"/>
      <c r="WIS138" s="23"/>
      <c r="WIT138" s="23"/>
      <c r="WIU138" s="23"/>
      <c r="WIV138" s="23"/>
      <c r="WIW138" s="23"/>
      <c r="WIX138" s="23"/>
      <c r="WIY138" s="23"/>
      <c r="WIZ138" s="23"/>
      <c r="WJA138" s="23"/>
      <c r="WJB138" s="23"/>
      <c r="WJC138" s="23"/>
      <c r="WJD138" s="23"/>
      <c r="WJE138" s="23"/>
      <c r="WJF138" s="23"/>
      <c r="WJG138" s="23"/>
      <c r="WJH138" s="23"/>
      <c r="WJI138" s="23"/>
      <c r="WJJ138" s="23"/>
      <c r="WJK138" s="23"/>
      <c r="WJL138" s="23"/>
      <c r="WJM138" s="23"/>
      <c r="WJN138" s="23"/>
      <c r="WJO138" s="23"/>
      <c r="WJP138" s="23"/>
      <c r="WJQ138" s="23"/>
      <c r="WJR138" s="23"/>
      <c r="WJS138" s="23"/>
      <c r="WJT138" s="23"/>
      <c r="WJU138" s="23"/>
      <c r="WJV138" s="23"/>
      <c r="WJW138" s="23"/>
      <c r="WJX138" s="23"/>
      <c r="WJY138" s="23"/>
      <c r="WJZ138" s="23"/>
      <c r="WKA138" s="23"/>
      <c r="WKB138" s="23"/>
      <c r="WKC138" s="23"/>
      <c r="WKD138" s="23"/>
      <c r="WKE138" s="23"/>
      <c r="WKF138" s="23"/>
      <c r="WKG138" s="23"/>
      <c r="WKH138" s="23"/>
      <c r="WKI138" s="23"/>
      <c r="WKJ138" s="23"/>
      <c r="WKK138" s="23"/>
      <c r="WKL138" s="23"/>
      <c r="WKM138" s="23"/>
      <c r="WKN138" s="23"/>
      <c r="WKO138" s="23"/>
      <c r="WKP138" s="23"/>
      <c r="WKQ138" s="23"/>
      <c r="WKR138" s="23"/>
      <c r="WKS138" s="23"/>
      <c r="WKT138" s="23"/>
      <c r="WKU138" s="23"/>
      <c r="WKV138" s="23"/>
      <c r="WKW138" s="23"/>
      <c r="WKX138" s="23"/>
      <c r="WKY138" s="23"/>
      <c r="WKZ138" s="23"/>
      <c r="WLA138" s="23"/>
      <c r="WLB138" s="23"/>
      <c r="WLC138" s="23"/>
      <c r="WLD138" s="23"/>
      <c r="WLE138" s="23"/>
      <c r="WLF138" s="23"/>
      <c r="WLG138" s="23"/>
      <c r="WLH138" s="23"/>
      <c r="WLI138" s="23"/>
      <c r="WLJ138" s="23"/>
      <c r="WLK138" s="23"/>
      <c r="WLL138" s="23"/>
      <c r="WLM138" s="23"/>
      <c r="WLN138" s="23"/>
      <c r="WLO138" s="23"/>
      <c r="WLP138" s="23"/>
      <c r="WLQ138" s="23"/>
      <c r="WLR138" s="23"/>
      <c r="WLS138" s="23"/>
      <c r="WLT138" s="23"/>
      <c r="WLU138" s="23"/>
      <c r="WLV138" s="23"/>
      <c r="WLW138" s="23"/>
      <c r="WLX138" s="23"/>
      <c r="WLY138" s="23"/>
      <c r="WLZ138" s="23"/>
      <c r="WMA138" s="23"/>
      <c r="WMB138" s="23"/>
      <c r="WMC138" s="23"/>
      <c r="WMD138" s="23"/>
      <c r="WME138" s="23"/>
      <c r="WMF138" s="23"/>
      <c r="WMG138" s="23"/>
      <c r="WMH138" s="23"/>
      <c r="WMI138" s="23"/>
      <c r="WMJ138" s="23"/>
      <c r="WMK138" s="23"/>
      <c r="WML138" s="23"/>
      <c r="WMM138" s="23"/>
      <c r="WMN138" s="23"/>
      <c r="WMO138" s="23"/>
      <c r="WMP138" s="23"/>
      <c r="WMQ138" s="23"/>
      <c r="WMR138" s="23"/>
      <c r="WMS138" s="23"/>
      <c r="WMT138" s="23"/>
      <c r="WMU138" s="23"/>
      <c r="WMV138" s="23"/>
      <c r="WMW138" s="23"/>
      <c r="WMX138" s="23"/>
      <c r="WMY138" s="23"/>
      <c r="WMZ138" s="23"/>
      <c r="WNA138" s="23"/>
      <c r="WNB138" s="23"/>
      <c r="WNC138" s="23"/>
      <c r="WND138" s="23"/>
      <c r="WNE138" s="23"/>
      <c r="WNF138" s="23"/>
      <c r="WNG138" s="23"/>
      <c r="WNH138" s="23"/>
      <c r="WNI138" s="23"/>
      <c r="WNJ138" s="23"/>
      <c r="WNK138" s="23"/>
      <c r="WNL138" s="23"/>
      <c r="WNM138" s="23"/>
      <c r="WNN138" s="23"/>
      <c r="WNO138" s="23"/>
      <c r="WNP138" s="23"/>
      <c r="WNQ138" s="23"/>
      <c r="WNR138" s="23"/>
      <c r="WNS138" s="23"/>
      <c r="WNT138" s="23"/>
      <c r="WNU138" s="23"/>
      <c r="WNV138" s="23"/>
      <c r="WNW138" s="23"/>
      <c r="WNX138" s="23"/>
      <c r="WNY138" s="23"/>
      <c r="WNZ138" s="23"/>
      <c r="WOA138" s="23"/>
      <c r="WOB138" s="23"/>
      <c r="WOC138" s="23"/>
      <c r="WOD138" s="23"/>
      <c r="WOE138" s="23"/>
      <c r="WOF138" s="23"/>
      <c r="WOG138" s="23"/>
      <c r="WOH138" s="23"/>
      <c r="WOI138" s="23"/>
      <c r="WOJ138" s="23"/>
      <c r="WOK138" s="23"/>
      <c r="WOL138" s="23"/>
      <c r="WOM138" s="23"/>
      <c r="WON138" s="23"/>
      <c r="WOO138" s="23"/>
      <c r="WOP138" s="23"/>
      <c r="WOQ138" s="23"/>
      <c r="WOR138" s="23"/>
      <c r="WOS138" s="23"/>
      <c r="WOT138" s="23"/>
      <c r="WOU138" s="23"/>
      <c r="WOV138" s="23"/>
      <c r="WOW138" s="23"/>
      <c r="WOX138" s="23"/>
      <c r="WOY138" s="23"/>
      <c r="WOZ138" s="23"/>
      <c r="WPA138" s="23"/>
      <c r="WPB138" s="23"/>
      <c r="WPC138" s="23"/>
      <c r="WPD138" s="23"/>
      <c r="WPE138" s="23"/>
      <c r="WPF138" s="23"/>
      <c r="WPG138" s="23"/>
      <c r="WPH138" s="23"/>
      <c r="WPI138" s="23"/>
      <c r="WPJ138" s="23"/>
      <c r="WPK138" s="23"/>
      <c r="WPL138" s="23"/>
      <c r="WPM138" s="23"/>
      <c r="WPN138" s="23"/>
      <c r="WPO138" s="23"/>
      <c r="WPP138" s="23"/>
      <c r="WPQ138" s="23"/>
      <c r="WPR138" s="23"/>
      <c r="WPS138" s="23"/>
      <c r="WPT138" s="23"/>
      <c r="WPU138" s="23"/>
      <c r="WPV138" s="23"/>
      <c r="WPW138" s="23"/>
      <c r="WPX138" s="23"/>
      <c r="WPY138" s="23"/>
      <c r="WPZ138" s="23"/>
      <c r="WQA138" s="23"/>
      <c r="WQB138" s="23"/>
      <c r="WQC138" s="23"/>
      <c r="WQD138" s="23"/>
      <c r="WQE138" s="23"/>
      <c r="WQF138" s="23"/>
      <c r="WQG138" s="23"/>
      <c r="WQH138" s="23"/>
      <c r="WQI138" s="23"/>
      <c r="WQJ138" s="23"/>
      <c r="WQK138" s="23"/>
      <c r="WQL138" s="23"/>
      <c r="WQM138" s="23"/>
      <c r="WQN138" s="23"/>
      <c r="WQO138" s="23"/>
      <c r="WQP138" s="23"/>
      <c r="WQQ138" s="23"/>
      <c r="WQR138" s="23"/>
      <c r="WQS138" s="23"/>
      <c r="WQT138" s="23"/>
      <c r="WQU138" s="23"/>
      <c r="WQV138" s="23"/>
      <c r="WQW138" s="23"/>
      <c r="WQX138" s="23"/>
      <c r="WQY138" s="23"/>
      <c r="WQZ138" s="23"/>
      <c r="WRA138" s="23"/>
      <c r="WRB138" s="23"/>
      <c r="WRC138" s="23"/>
      <c r="WRD138" s="23"/>
      <c r="WRE138" s="23"/>
      <c r="WRF138" s="23"/>
      <c r="WRG138" s="23"/>
      <c r="WRH138" s="23"/>
      <c r="WRI138" s="23"/>
      <c r="WRJ138" s="23"/>
      <c r="WRK138" s="23"/>
      <c r="WRL138" s="23"/>
      <c r="WRM138" s="23"/>
      <c r="WRN138" s="23"/>
      <c r="WRO138" s="23"/>
      <c r="WRP138" s="23"/>
      <c r="WRQ138" s="23"/>
      <c r="WRR138" s="23"/>
      <c r="WRS138" s="23"/>
      <c r="WRT138" s="23"/>
      <c r="WRU138" s="23"/>
      <c r="WRV138" s="23"/>
      <c r="WRW138" s="23"/>
      <c r="WRX138" s="23"/>
      <c r="WRY138" s="23"/>
      <c r="WRZ138" s="23"/>
      <c r="WSA138" s="23"/>
      <c r="WSB138" s="23"/>
      <c r="WSC138" s="23"/>
      <c r="WSD138" s="23"/>
      <c r="WSE138" s="23"/>
      <c r="WSF138" s="23"/>
      <c r="WSG138" s="23"/>
      <c r="WSH138" s="23"/>
      <c r="WSI138" s="23"/>
      <c r="WSJ138" s="23"/>
      <c r="WSK138" s="23"/>
      <c r="WSL138" s="23"/>
      <c r="WSM138" s="23"/>
      <c r="WSN138" s="23"/>
      <c r="WSO138" s="23"/>
      <c r="WSP138" s="23"/>
      <c r="WSQ138" s="23"/>
      <c r="WSR138" s="23"/>
      <c r="WSS138" s="23"/>
      <c r="WST138" s="23"/>
      <c r="WSU138" s="23"/>
      <c r="WSV138" s="23"/>
      <c r="WSW138" s="23"/>
      <c r="WSX138" s="23"/>
      <c r="WSY138" s="23"/>
      <c r="WSZ138" s="23"/>
      <c r="WTA138" s="23"/>
      <c r="WTB138" s="23"/>
      <c r="WTC138" s="23"/>
      <c r="WTD138" s="23"/>
      <c r="WTE138" s="23"/>
      <c r="WTF138" s="23"/>
      <c r="WTG138" s="23"/>
      <c r="WTH138" s="23"/>
      <c r="WTI138" s="23"/>
      <c r="WTJ138" s="23"/>
      <c r="WTK138" s="23"/>
      <c r="WTL138" s="23"/>
      <c r="WTM138" s="23"/>
      <c r="WTN138" s="23"/>
      <c r="WTO138" s="23"/>
      <c r="WTP138" s="23"/>
      <c r="WTQ138" s="23"/>
      <c r="WTR138" s="23"/>
      <c r="WTS138" s="23"/>
      <c r="WTT138" s="23"/>
      <c r="WTU138" s="23"/>
      <c r="WTV138" s="23"/>
      <c r="WTW138" s="23"/>
      <c r="WTX138" s="23"/>
      <c r="WTY138" s="23"/>
      <c r="WTZ138" s="23"/>
      <c r="WUA138" s="23"/>
      <c r="WUB138" s="23"/>
      <c r="WUC138" s="23"/>
      <c r="WUD138" s="23"/>
      <c r="WUE138" s="23"/>
      <c r="WUF138" s="23"/>
      <c r="WUG138" s="23"/>
      <c r="WUH138" s="23"/>
      <c r="WUI138" s="23"/>
      <c r="WUJ138" s="23"/>
      <c r="WUK138" s="23"/>
      <c r="WUL138" s="23"/>
      <c r="WUM138" s="23"/>
      <c r="WUN138" s="23"/>
      <c r="WUO138" s="23"/>
      <c r="WUP138" s="23"/>
      <c r="WUQ138" s="23"/>
      <c r="WUR138" s="23"/>
      <c r="WUS138" s="23"/>
      <c r="WUT138" s="23"/>
      <c r="WUU138" s="23"/>
      <c r="WUV138" s="23"/>
      <c r="WUW138" s="23"/>
      <c r="WUX138" s="23"/>
      <c r="WUY138" s="23"/>
      <c r="WUZ138" s="23"/>
      <c r="WVA138" s="23"/>
      <c r="WVB138" s="23"/>
      <c r="WVC138" s="23"/>
      <c r="WVD138" s="23"/>
      <c r="WVE138" s="23"/>
      <c r="WVF138" s="23"/>
      <c r="WVG138" s="23"/>
      <c r="WVH138" s="23"/>
      <c r="WVI138" s="23"/>
      <c r="WVJ138" s="23"/>
      <c r="WVK138" s="23"/>
      <c r="WVL138" s="23"/>
      <c r="WVM138" s="23"/>
      <c r="WVN138" s="23"/>
      <c r="WVO138" s="23"/>
      <c r="WVP138" s="23"/>
      <c r="WVQ138" s="23"/>
      <c r="WVR138" s="23"/>
      <c r="WVS138" s="23"/>
      <c r="WVT138" s="23"/>
      <c r="WVU138" s="23"/>
      <c r="WVV138" s="23"/>
      <c r="WVW138" s="23"/>
      <c r="WVX138" s="23"/>
      <c r="WVY138" s="23"/>
      <c r="WVZ138" s="23"/>
      <c r="WWA138" s="23"/>
      <c r="WWB138" s="23"/>
      <c r="WWC138" s="23"/>
      <c r="WWD138" s="23"/>
      <c r="WWE138" s="23"/>
      <c r="WWF138" s="23"/>
      <c r="WWG138" s="23"/>
      <c r="WWH138" s="23"/>
      <c r="WWI138" s="23"/>
      <c r="WWJ138" s="23"/>
      <c r="WWK138" s="23"/>
      <c r="WWL138" s="23"/>
      <c r="WWM138" s="23"/>
      <c r="WWN138" s="23"/>
      <c r="WWO138" s="23"/>
      <c r="WWP138" s="23"/>
      <c r="WWQ138" s="23"/>
      <c r="WWR138" s="23"/>
      <c r="WWS138" s="23"/>
      <c r="WWT138" s="23"/>
      <c r="WWU138" s="23"/>
      <c r="WWV138" s="23"/>
      <c r="WWW138" s="23"/>
      <c r="WWX138" s="23"/>
      <c r="WWY138" s="23"/>
      <c r="WWZ138" s="23"/>
      <c r="WXA138" s="23"/>
      <c r="WXB138" s="23"/>
      <c r="WXC138" s="23"/>
      <c r="WXD138" s="23"/>
      <c r="WXE138" s="23"/>
      <c r="WXF138" s="23"/>
      <c r="WXG138" s="23"/>
      <c r="WXH138" s="23"/>
      <c r="WXI138" s="23"/>
      <c r="WXJ138" s="23"/>
      <c r="WXK138" s="23"/>
      <c r="WXL138" s="23"/>
      <c r="WXM138" s="23"/>
      <c r="WXN138" s="23"/>
      <c r="WXO138" s="23"/>
      <c r="WXP138" s="23"/>
      <c r="WXQ138" s="23"/>
      <c r="WXR138" s="23"/>
      <c r="WXS138" s="23"/>
      <c r="WXT138" s="23"/>
      <c r="WXU138" s="23"/>
      <c r="WXV138" s="23"/>
      <c r="WXW138" s="23"/>
      <c r="WXX138" s="23"/>
      <c r="WXY138" s="23"/>
      <c r="WXZ138" s="23"/>
      <c r="WYA138" s="23"/>
      <c r="WYB138" s="23"/>
      <c r="WYC138" s="23"/>
      <c r="WYD138" s="23"/>
      <c r="WYE138" s="23"/>
      <c r="WYF138" s="23"/>
      <c r="WYG138" s="23"/>
      <c r="WYH138" s="23"/>
      <c r="WYI138" s="23"/>
      <c r="WYJ138" s="23"/>
      <c r="WYK138" s="23"/>
      <c r="WYL138" s="23"/>
      <c r="WYM138" s="23"/>
      <c r="WYN138" s="23"/>
      <c r="WYO138" s="23"/>
      <c r="WYP138" s="23"/>
      <c r="WYQ138" s="23"/>
      <c r="WYR138" s="23"/>
      <c r="WYS138" s="23"/>
      <c r="WYT138" s="23"/>
      <c r="WYU138" s="23"/>
      <c r="WYV138" s="23"/>
      <c r="WYW138" s="23"/>
      <c r="WYX138" s="23"/>
      <c r="WYY138" s="23"/>
      <c r="WYZ138" s="23"/>
      <c r="WZA138" s="23"/>
      <c r="WZB138" s="23"/>
      <c r="WZC138" s="23"/>
      <c r="WZD138" s="23"/>
      <c r="WZE138" s="23"/>
      <c r="WZF138" s="23"/>
      <c r="WZG138" s="23"/>
      <c r="WZH138" s="23"/>
      <c r="WZI138" s="23"/>
      <c r="WZJ138" s="23"/>
      <c r="WZK138" s="23"/>
      <c r="WZL138" s="23"/>
      <c r="WZM138" s="23"/>
      <c r="WZN138" s="23"/>
      <c r="WZO138" s="23"/>
      <c r="WZP138" s="23"/>
      <c r="WZQ138" s="23"/>
      <c r="WZR138" s="23"/>
      <c r="WZS138" s="23"/>
      <c r="WZT138" s="23"/>
      <c r="WZU138" s="23"/>
      <c r="WZV138" s="23"/>
      <c r="WZW138" s="23"/>
      <c r="WZX138" s="23"/>
      <c r="WZY138" s="23"/>
      <c r="WZZ138" s="23"/>
      <c r="XAA138" s="23"/>
      <c r="XAB138" s="23"/>
      <c r="XAC138" s="23"/>
      <c r="XAD138" s="23"/>
      <c r="XAE138" s="23"/>
      <c r="XAF138" s="23"/>
      <c r="XAG138" s="23"/>
      <c r="XAH138" s="23"/>
      <c r="XAI138" s="23"/>
      <c r="XAJ138" s="23"/>
      <c r="XAK138" s="23"/>
      <c r="XAL138" s="23"/>
      <c r="XAM138" s="23"/>
      <c r="XAN138" s="23"/>
      <c r="XAO138" s="23"/>
      <c r="XAP138" s="23"/>
      <c r="XAQ138" s="23"/>
      <c r="XAR138" s="23"/>
      <c r="XAS138" s="23"/>
      <c r="XAT138" s="23"/>
      <c r="XAU138" s="23"/>
      <c r="XAV138" s="23"/>
      <c r="XAW138" s="23"/>
      <c r="XAX138" s="23"/>
      <c r="XAY138" s="23"/>
      <c r="XAZ138" s="23"/>
      <c r="XBA138" s="23"/>
      <c r="XBB138" s="23"/>
      <c r="XBC138" s="23"/>
      <c r="XBD138" s="23"/>
      <c r="XBE138" s="23"/>
      <c r="XBF138" s="23"/>
      <c r="XBG138" s="23"/>
      <c r="XBH138" s="23"/>
      <c r="XBI138" s="23"/>
      <c r="XBJ138" s="23"/>
      <c r="XBK138" s="23"/>
      <c r="XBL138" s="23"/>
      <c r="XBM138" s="23"/>
      <c r="XBN138" s="23"/>
      <c r="XBO138" s="23"/>
      <c r="XBP138" s="23"/>
      <c r="XBQ138" s="23"/>
      <c r="XBR138" s="23"/>
      <c r="XBS138" s="23"/>
      <c r="XBT138" s="23"/>
      <c r="XBU138" s="23"/>
      <c r="XBV138" s="23"/>
      <c r="XBW138" s="23"/>
      <c r="XBX138" s="23"/>
      <c r="XBY138" s="23"/>
      <c r="XBZ138" s="23"/>
      <c r="XCA138" s="23"/>
      <c r="XCB138" s="23"/>
      <c r="XCC138" s="23"/>
      <c r="XCD138" s="23"/>
      <c r="XCE138" s="23"/>
      <c r="XCF138" s="23"/>
      <c r="XCG138" s="23"/>
      <c r="XCH138" s="23"/>
      <c r="XCI138" s="23"/>
      <c r="XCJ138" s="23"/>
      <c r="XCK138" s="23"/>
      <c r="XCL138" s="23"/>
      <c r="XCM138" s="23"/>
      <c r="XCN138" s="23"/>
      <c r="XCO138" s="23"/>
      <c r="XCP138" s="23"/>
      <c r="XCQ138" s="23"/>
      <c r="XCR138" s="23"/>
      <c r="XCS138" s="23"/>
      <c r="XCT138" s="23"/>
      <c r="XCU138" s="23"/>
      <c r="XCV138" s="23"/>
      <c r="XCW138" s="23"/>
      <c r="XCX138" s="23"/>
      <c r="XCY138" s="23"/>
      <c r="XCZ138" s="23"/>
      <c r="XDA138" s="23"/>
      <c r="XDB138" s="23"/>
      <c r="XDC138" s="23"/>
      <c r="XDD138" s="23"/>
      <c r="XDE138" s="23"/>
      <c r="XDF138" s="23"/>
      <c r="XDG138" s="23"/>
      <c r="XDH138" s="23"/>
      <c r="XDI138" s="23"/>
      <c r="XDJ138" s="23"/>
      <c r="XDK138" s="23"/>
      <c r="XDL138" s="23"/>
      <c r="XDM138" s="23"/>
      <c r="XDN138" s="23"/>
      <c r="XDO138" s="23"/>
      <c r="XDP138" s="23"/>
      <c r="XDQ138" s="23"/>
      <c r="XDR138" s="23"/>
      <c r="XDS138" s="23"/>
      <c r="XDT138" s="23"/>
      <c r="XDU138" s="23"/>
      <c r="XDV138" s="23"/>
      <c r="XDW138" s="23"/>
      <c r="XDX138" s="23"/>
      <c r="XDY138" s="23"/>
      <c r="XDZ138" s="23"/>
      <c r="XEA138" s="23"/>
      <c r="XEB138" s="23"/>
      <c r="XEC138" s="23"/>
      <c r="XED138" s="23"/>
      <c r="XEE138" s="23"/>
      <c r="XEF138" s="23"/>
      <c r="XEG138" s="23"/>
      <c r="XEH138" s="23"/>
      <c r="XEI138" s="23"/>
      <c r="XEJ138" s="23"/>
      <c r="XEK138" s="23"/>
      <c r="XEL138" s="23"/>
      <c r="XEM138" s="23"/>
      <c r="XEN138" s="23"/>
      <c r="XEO138" s="23"/>
      <c r="XEP138" s="23"/>
      <c r="XEQ138" s="23"/>
    </row>
    <row r="139" spans="1:16371" s="22" customFormat="1" ht="43.2" x14ac:dyDescent="0.2">
      <c r="A139" s="4" t="s">
        <v>302</v>
      </c>
      <c r="B139" s="4" t="s">
        <v>413</v>
      </c>
      <c r="C139" s="4" t="s">
        <v>414</v>
      </c>
      <c r="D139" s="4" t="s">
        <v>415</v>
      </c>
      <c r="E139" s="4"/>
      <c r="F139" s="23"/>
      <c r="G139" s="23"/>
      <c r="H139" s="23"/>
      <c r="I139" s="23"/>
      <c r="J139" s="23"/>
      <c r="K139" s="23"/>
      <c r="L139" s="23"/>
      <c r="M139" s="23"/>
      <c r="N139" s="23"/>
      <c r="O139" s="23"/>
      <c r="P139" s="23"/>
      <c r="Q139" s="23"/>
      <c r="R139" s="23"/>
      <c r="S139" s="23"/>
      <c r="T139" s="23"/>
      <c r="U139" s="23"/>
      <c r="V139" s="23"/>
      <c r="W139" s="23"/>
      <c r="X139" s="23"/>
      <c r="Y139" s="23"/>
      <c r="Z139" s="23"/>
      <c r="AA139" s="23"/>
      <c r="AB139" s="23"/>
      <c r="AC139" s="23"/>
      <c r="AD139" s="23"/>
      <c r="AE139" s="23"/>
      <c r="AF139" s="23"/>
      <c r="AG139" s="23"/>
      <c r="AH139" s="23"/>
      <c r="AI139" s="23"/>
      <c r="AJ139" s="23"/>
      <c r="AK139" s="23"/>
      <c r="AL139" s="23"/>
      <c r="AM139" s="23"/>
      <c r="AN139" s="23"/>
      <c r="AO139" s="23"/>
      <c r="AP139" s="23"/>
      <c r="AQ139" s="23"/>
      <c r="AR139" s="23"/>
      <c r="AS139" s="23"/>
      <c r="AT139" s="23"/>
      <c r="AU139" s="23"/>
      <c r="AV139" s="23"/>
      <c r="AW139" s="23"/>
      <c r="AX139" s="23"/>
      <c r="AY139" s="23"/>
      <c r="AZ139" s="23"/>
      <c r="BA139" s="23"/>
      <c r="BB139" s="23"/>
      <c r="BC139" s="23"/>
      <c r="BD139" s="23"/>
      <c r="BE139" s="23"/>
      <c r="BF139" s="23"/>
      <c r="BG139" s="23"/>
      <c r="BH139" s="23"/>
      <c r="BI139" s="23"/>
      <c r="BJ139" s="23"/>
      <c r="BK139" s="23"/>
      <c r="BL139" s="23"/>
      <c r="BM139" s="23"/>
      <c r="BN139" s="23"/>
      <c r="BO139" s="23"/>
      <c r="BP139" s="23"/>
      <c r="BQ139" s="23"/>
      <c r="BR139" s="23"/>
      <c r="BS139" s="23"/>
      <c r="BT139" s="23"/>
      <c r="BU139" s="23"/>
      <c r="BV139" s="23"/>
      <c r="BW139" s="23"/>
      <c r="BX139" s="23"/>
      <c r="BY139" s="23"/>
      <c r="BZ139" s="23"/>
      <c r="CA139" s="23"/>
      <c r="CB139" s="23"/>
      <c r="CC139" s="23"/>
      <c r="CD139" s="23"/>
      <c r="CE139" s="23"/>
      <c r="CF139" s="23"/>
      <c r="CG139" s="23"/>
      <c r="CH139" s="23"/>
      <c r="CI139" s="23"/>
      <c r="CJ139" s="23"/>
      <c r="CK139" s="23"/>
      <c r="CL139" s="23"/>
      <c r="CM139" s="23"/>
      <c r="CN139" s="23"/>
      <c r="CO139" s="23"/>
      <c r="CP139" s="23"/>
      <c r="CQ139" s="23"/>
      <c r="CR139" s="23"/>
      <c r="CS139" s="23"/>
      <c r="CT139" s="23"/>
      <c r="CU139" s="23"/>
      <c r="CV139" s="23"/>
      <c r="CW139" s="23"/>
      <c r="CX139" s="23"/>
      <c r="CY139" s="23"/>
      <c r="CZ139" s="23"/>
      <c r="DA139" s="23"/>
      <c r="DB139" s="23"/>
      <c r="DC139" s="23"/>
      <c r="DD139" s="23"/>
      <c r="DE139" s="23"/>
      <c r="DF139" s="23"/>
      <c r="DG139" s="23"/>
      <c r="DH139" s="23"/>
      <c r="DI139" s="23"/>
      <c r="DJ139" s="23"/>
      <c r="DK139" s="23"/>
      <c r="DL139" s="23"/>
      <c r="DM139" s="23"/>
      <c r="DN139" s="23"/>
      <c r="DO139" s="23"/>
      <c r="DP139" s="23"/>
      <c r="DQ139" s="23"/>
      <c r="DR139" s="23"/>
      <c r="DS139" s="23"/>
      <c r="DT139" s="23"/>
      <c r="DU139" s="23"/>
      <c r="DV139" s="23"/>
      <c r="DW139" s="23"/>
      <c r="DX139" s="23"/>
      <c r="DY139" s="23"/>
      <c r="DZ139" s="23"/>
      <c r="EA139" s="23"/>
      <c r="EB139" s="23"/>
      <c r="EC139" s="23"/>
      <c r="ED139" s="23"/>
      <c r="EE139" s="23"/>
      <c r="EF139" s="23"/>
      <c r="EG139" s="23"/>
      <c r="EH139" s="23"/>
      <c r="EI139" s="23"/>
      <c r="EJ139" s="23"/>
      <c r="EK139" s="23"/>
      <c r="EL139" s="23"/>
      <c r="EM139" s="23"/>
      <c r="EN139" s="23"/>
      <c r="EO139" s="23"/>
      <c r="EP139" s="23"/>
      <c r="EQ139" s="23"/>
      <c r="ER139" s="23"/>
      <c r="ES139" s="23"/>
      <c r="ET139" s="23"/>
      <c r="EU139" s="23"/>
      <c r="EV139" s="23"/>
      <c r="EW139" s="23"/>
      <c r="EX139" s="23"/>
      <c r="EY139" s="23"/>
      <c r="EZ139" s="23"/>
      <c r="FA139" s="23"/>
      <c r="FB139" s="23"/>
      <c r="FC139" s="23"/>
      <c r="FD139" s="23"/>
      <c r="FE139" s="23"/>
      <c r="FF139" s="23"/>
      <c r="FG139" s="23"/>
      <c r="FH139" s="23"/>
      <c r="FI139" s="23"/>
      <c r="FJ139" s="23"/>
      <c r="FK139" s="23"/>
      <c r="FL139" s="23"/>
      <c r="FM139" s="23"/>
      <c r="FN139" s="23"/>
      <c r="FO139" s="23"/>
      <c r="FP139" s="23"/>
      <c r="FQ139" s="23"/>
      <c r="FR139" s="23"/>
      <c r="FS139" s="23"/>
      <c r="FT139" s="23"/>
      <c r="FU139" s="23"/>
      <c r="FV139" s="23"/>
      <c r="FW139" s="23"/>
      <c r="FX139" s="23"/>
      <c r="FY139" s="23"/>
      <c r="FZ139" s="23"/>
      <c r="GA139" s="23"/>
      <c r="GB139" s="23"/>
      <c r="GC139" s="23"/>
      <c r="GD139" s="23"/>
      <c r="GE139" s="23"/>
      <c r="GF139" s="23"/>
      <c r="GG139" s="23"/>
      <c r="GH139" s="23"/>
      <c r="GI139" s="23"/>
      <c r="GJ139" s="23"/>
      <c r="GK139" s="23"/>
      <c r="GL139" s="23"/>
      <c r="GM139" s="23"/>
      <c r="GN139" s="23"/>
      <c r="GO139" s="23"/>
      <c r="GP139" s="23"/>
      <c r="GQ139" s="23"/>
      <c r="GR139" s="23"/>
      <c r="GS139" s="23"/>
      <c r="GT139" s="23"/>
      <c r="GU139" s="23"/>
      <c r="GV139" s="23"/>
      <c r="GW139" s="23"/>
      <c r="GX139" s="23"/>
      <c r="GY139" s="23"/>
      <c r="GZ139" s="23"/>
      <c r="HA139" s="23"/>
      <c r="HB139" s="23"/>
      <c r="HC139" s="23"/>
      <c r="HD139" s="23"/>
      <c r="HE139" s="23"/>
      <c r="HF139" s="23"/>
      <c r="HG139" s="23"/>
      <c r="HH139" s="23"/>
      <c r="HI139" s="23"/>
      <c r="HJ139" s="23"/>
      <c r="HK139" s="23"/>
      <c r="HL139" s="23"/>
      <c r="HM139" s="23"/>
      <c r="HN139" s="23"/>
      <c r="HO139" s="23"/>
      <c r="HP139" s="23"/>
      <c r="HQ139" s="23"/>
      <c r="HR139" s="23"/>
      <c r="HS139" s="23"/>
      <c r="HT139" s="23"/>
      <c r="HU139" s="23"/>
      <c r="HV139" s="23"/>
      <c r="HW139" s="23"/>
      <c r="HX139" s="23"/>
      <c r="HY139" s="23"/>
      <c r="HZ139" s="23"/>
      <c r="IA139" s="23"/>
      <c r="IB139" s="23"/>
      <c r="IC139" s="23"/>
      <c r="ID139" s="23"/>
      <c r="IE139" s="23"/>
      <c r="IF139" s="23"/>
      <c r="IG139" s="23"/>
      <c r="IH139" s="23"/>
      <c r="II139" s="23"/>
      <c r="IJ139" s="23"/>
      <c r="IK139" s="23"/>
      <c r="IL139" s="23"/>
      <c r="IM139" s="23"/>
      <c r="IN139" s="23"/>
      <c r="IO139" s="23"/>
      <c r="IP139" s="23"/>
      <c r="IQ139" s="23"/>
      <c r="IR139" s="23"/>
      <c r="IS139" s="23"/>
      <c r="IT139" s="23"/>
      <c r="IU139" s="23"/>
      <c r="IV139" s="23"/>
      <c r="IW139" s="23"/>
      <c r="IX139" s="23"/>
      <c r="IY139" s="23"/>
      <c r="IZ139" s="23"/>
      <c r="JA139" s="23"/>
      <c r="JB139" s="23"/>
      <c r="JC139" s="23"/>
      <c r="JD139" s="23"/>
      <c r="JE139" s="23"/>
      <c r="JF139" s="23"/>
      <c r="JG139" s="23"/>
      <c r="JH139" s="23"/>
      <c r="JI139" s="23"/>
      <c r="JJ139" s="23"/>
      <c r="JK139" s="23"/>
      <c r="JL139" s="23"/>
      <c r="JM139" s="23"/>
      <c r="JN139" s="23"/>
      <c r="JO139" s="23"/>
      <c r="JP139" s="23"/>
      <c r="JQ139" s="23"/>
      <c r="JR139" s="23"/>
      <c r="JS139" s="23"/>
      <c r="JT139" s="23"/>
      <c r="JU139" s="23"/>
      <c r="JV139" s="23"/>
      <c r="JW139" s="23"/>
      <c r="JX139" s="23"/>
      <c r="JY139" s="23"/>
      <c r="JZ139" s="23"/>
      <c r="KA139" s="23"/>
      <c r="KB139" s="23"/>
      <c r="KC139" s="23"/>
      <c r="KD139" s="23"/>
      <c r="KE139" s="23"/>
      <c r="KF139" s="23"/>
      <c r="KG139" s="23"/>
      <c r="KH139" s="23"/>
      <c r="KI139" s="23"/>
      <c r="KJ139" s="23"/>
      <c r="KK139" s="23"/>
      <c r="KL139" s="23"/>
      <c r="KM139" s="23"/>
      <c r="KN139" s="23"/>
      <c r="KO139" s="23"/>
      <c r="KP139" s="23"/>
      <c r="KQ139" s="23"/>
      <c r="KR139" s="23"/>
      <c r="KS139" s="23"/>
      <c r="KT139" s="23"/>
      <c r="KU139" s="23"/>
      <c r="KV139" s="23"/>
      <c r="KW139" s="23"/>
      <c r="KX139" s="23"/>
      <c r="KY139" s="23"/>
      <c r="KZ139" s="23"/>
      <c r="LA139" s="23"/>
      <c r="LB139" s="23"/>
      <c r="LC139" s="23"/>
      <c r="LD139" s="23"/>
      <c r="LE139" s="23"/>
      <c r="LF139" s="23"/>
      <c r="LG139" s="23"/>
      <c r="LH139" s="23"/>
      <c r="LI139" s="23"/>
      <c r="LJ139" s="23"/>
      <c r="LK139" s="23"/>
      <c r="LL139" s="23"/>
      <c r="LM139" s="23"/>
      <c r="LN139" s="23"/>
      <c r="LO139" s="23"/>
      <c r="LP139" s="23"/>
      <c r="LQ139" s="23"/>
      <c r="LR139" s="23"/>
      <c r="LS139" s="23"/>
      <c r="LT139" s="23"/>
      <c r="LU139" s="23"/>
      <c r="LV139" s="23"/>
      <c r="LW139" s="23"/>
      <c r="LX139" s="23"/>
      <c r="LY139" s="23"/>
      <c r="LZ139" s="23"/>
      <c r="MA139" s="23"/>
      <c r="MB139" s="23"/>
      <c r="MC139" s="23"/>
      <c r="MD139" s="23"/>
      <c r="ME139" s="23"/>
      <c r="MF139" s="23"/>
      <c r="MG139" s="23"/>
      <c r="MH139" s="23"/>
      <c r="MI139" s="23"/>
      <c r="MJ139" s="23"/>
      <c r="MK139" s="23"/>
      <c r="ML139" s="23"/>
      <c r="MM139" s="23"/>
      <c r="MN139" s="23"/>
      <c r="MO139" s="23"/>
      <c r="MP139" s="23"/>
      <c r="MQ139" s="23"/>
      <c r="MR139" s="23"/>
      <c r="MS139" s="23"/>
      <c r="MT139" s="23"/>
      <c r="MU139" s="23"/>
      <c r="MV139" s="23"/>
      <c r="MW139" s="23"/>
      <c r="MX139" s="23"/>
      <c r="MY139" s="23"/>
      <c r="MZ139" s="23"/>
      <c r="NA139" s="23"/>
      <c r="NB139" s="23"/>
      <c r="NC139" s="23"/>
      <c r="ND139" s="23"/>
      <c r="NE139" s="23"/>
      <c r="NF139" s="23"/>
      <c r="NG139" s="23"/>
      <c r="NH139" s="23"/>
      <c r="NI139" s="23"/>
      <c r="NJ139" s="23"/>
      <c r="NK139" s="23"/>
      <c r="NL139" s="23"/>
      <c r="NM139" s="23"/>
      <c r="NN139" s="23"/>
      <c r="NO139" s="23"/>
      <c r="NP139" s="23"/>
      <c r="NQ139" s="23"/>
      <c r="NR139" s="23"/>
      <c r="NS139" s="23"/>
      <c r="NT139" s="23"/>
      <c r="NU139" s="23"/>
      <c r="NV139" s="23"/>
      <c r="NW139" s="23"/>
      <c r="NX139" s="23"/>
      <c r="NY139" s="23"/>
      <c r="NZ139" s="23"/>
      <c r="OA139" s="23"/>
      <c r="OB139" s="23"/>
      <c r="OC139" s="23"/>
      <c r="OD139" s="23"/>
      <c r="OE139" s="23"/>
      <c r="OF139" s="23"/>
      <c r="OG139" s="23"/>
      <c r="OH139" s="23"/>
      <c r="OI139" s="23"/>
      <c r="OJ139" s="23"/>
      <c r="OK139" s="23"/>
      <c r="OL139" s="23"/>
      <c r="OM139" s="23"/>
      <c r="ON139" s="23"/>
      <c r="OO139" s="23"/>
      <c r="OP139" s="23"/>
      <c r="OQ139" s="23"/>
      <c r="OR139" s="23"/>
      <c r="OS139" s="23"/>
      <c r="OT139" s="23"/>
      <c r="OU139" s="23"/>
      <c r="OV139" s="23"/>
      <c r="OW139" s="23"/>
      <c r="OX139" s="23"/>
      <c r="OY139" s="23"/>
      <c r="OZ139" s="23"/>
      <c r="PA139" s="23"/>
      <c r="PB139" s="23"/>
      <c r="PC139" s="23"/>
      <c r="PD139" s="23"/>
      <c r="PE139" s="23"/>
      <c r="PF139" s="23"/>
      <c r="PG139" s="23"/>
      <c r="PH139" s="23"/>
      <c r="PI139" s="23"/>
      <c r="PJ139" s="23"/>
      <c r="PK139" s="23"/>
      <c r="PL139" s="23"/>
      <c r="PM139" s="23"/>
      <c r="PN139" s="23"/>
      <c r="PO139" s="23"/>
      <c r="PP139" s="23"/>
      <c r="PQ139" s="23"/>
      <c r="PR139" s="23"/>
      <c r="PS139" s="23"/>
      <c r="PT139" s="23"/>
      <c r="PU139" s="23"/>
      <c r="PV139" s="23"/>
      <c r="PW139" s="23"/>
      <c r="PX139" s="23"/>
      <c r="PY139" s="23"/>
      <c r="PZ139" s="23"/>
      <c r="QA139" s="23"/>
      <c r="QB139" s="23"/>
      <c r="QC139" s="23"/>
      <c r="QD139" s="23"/>
      <c r="QE139" s="23"/>
      <c r="QF139" s="23"/>
      <c r="QG139" s="23"/>
      <c r="QH139" s="23"/>
      <c r="QI139" s="23"/>
      <c r="QJ139" s="23"/>
      <c r="QK139" s="23"/>
      <c r="QL139" s="23"/>
      <c r="QM139" s="23"/>
      <c r="QN139" s="23"/>
      <c r="QO139" s="23"/>
      <c r="QP139" s="23"/>
      <c r="QQ139" s="23"/>
      <c r="QR139" s="23"/>
      <c r="QS139" s="23"/>
      <c r="QT139" s="23"/>
      <c r="QU139" s="23"/>
      <c r="QV139" s="23"/>
      <c r="QW139" s="23"/>
      <c r="QX139" s="23"/>
      <c r="QY139" s="23"/>
      <c r="QZ139" s="23"/>
      <c r="RA139" s="23"/>
      <c r="RB139" s="23"/>
      <c r="RC139" s="23"/>
      <c r="RD139" s="23"/>
      <c r="RE139" s="23"/>
      <c r="RF139" s="23"/>
      <c r="RG139" s="23"/>
      <c r="RH139" s="23"/>
      <c r="RI139" s="23"/>
      <c r="RJ139" s="23"/>
      <c r="RK139" s="23"/>
      <c r="RL139" s="23"/>
      <c r="RM139" s="23"/>
      <c r="RN139" s="23"/>
      <c r="RO139" s="23"/>
      <c r="RP139" s="23"/>
      <c r="RQ139" s="23"/>
      <c r="RR139" s="23"/>
      <c r="RS139" s="23"/>
      <c r="RT139" s="23"/>
      <c r="RU139" s="23"/>
      <c r="RV139" s="23"/>
      <c r="RW139" s="23"/>
      <c r="RX139" s="23"/>
      <c r="RY139" s="23"/>
      <c r="RZ139" s="23"/>
      <c r="SA139" s="23"/>
      <c r="SB139" s="23"/>
      <c r="SC139" s="23"/>
      <c r="SD139" s="23"/>
      <c r="SE139" s="23"/>
      <c r="SF139" s="23"/>
      <c r="SG139" s="23"/>
      <c r="SH139" s="23"/>
      <c r="SI139" s="23"/>
      <c r="SJ139" s="23"/>
      <c r="SK139" s="23"/>
      <c r="SL139" s="23"/>
      <c r="SM139" s="23"/>
      <c r="SN139" s="23"/>
      <c r="SO139" s="23"/>
      <c r="SP139" s="23"/>
      <c r="SQ139" s="23"/>
      <c r="SR139" s="23"/>
      <c r="SS139" s="23"/>
      <c r="ST139" s="23"/>
      <c r="SU139" s="23"/>
      <c r="SV139" s="23"/>
      <c r="SW139" s="23"/>
      <c r="SX139" s="23"/>
      <c r="SY139" s="23"/>
      <c r="SZ139" s="23"/>
      <c r="TA139" s="23"/>
      <c r="TB139" s="23"/>
      <c r="TC139" s="23"/>
      <c r="TD139" s="23"/>
      <c r="TE139" s="23"/>
      <c r="TF139" s="23"/>
      <c r="TG139" s="23"/>
      <c r="TH139" s="23"/>
      <c r="TI139" s="23"/>
      <c r="TJ139" s="23"/>
      <c r="TK139" s="23"/>
      <c r="TL139" s="23"/>
      <c r="TM139" s="23"/>
      <c r="TN139" s="23"/>
      <c r="TO139" s="23"/>
      <c r="TP139" s="23"/>
      <c r="TQ139" s="23"/>
      <c r="TR139" s="23"/>
      <c r="TS139" s="23"/>
      <c r="TT139" s="23"/>
      <c r="TU139" s="23"/>
      <c r="TV139" s="23"/>
      <c r="TW139" s="23"/>
      <c r="TX139" s="23"/>
      <c r="TY139" s="23"/>
      <c r="TZ139" s="23"/>
      <c r="UA139" s="23"/>
      <c r="UB139" s="23"/>
      <c r="UC139" s="23"/>
      <c r="UD139" s="23"/>
      <c r="UE139" s="23"/>
      <c r="UF139" s="23"/>
      <c r="UG139" s="23"/>
      <c r="UH139" s="23"/>
      <c r="UI139" s="23"/>
      <c r="UJ139" s="23"/>
      <c r="UK139" s="23"/>
      <c r="UL139" s="23"/>
      <c r="UM139" s="23"/>
      <c r="UN139" s="23"/>
      <c r="UO139" s="23"/>
      <c r="UP139" s="23"/>
      <c r="UQ139" s="23"/>
      <c r="UR139" s="23"/>
      <c r="US139" s="23"/>
      <c r="UT139" s="23"/>
      <c r="UU139" s="23"/>
      <c r="UV139" s="23"/>
      <c r="UW139" s="23"/>
      <c r="UX139" s="23"/>
      <c r="UY139" s="23"/>
      <c r="UZ139" s="23"/>
      <c r="VA139" s="23"/>
      <c r="VB139" s="23"/>
      <c r="VC139" s="23"/>
      <c r="VD139" s="23"/>
      <c r="VE139" s="23"/>
      <c r="VF139" s="23"/>
      <c r="VG139" s="23"/>
      <c r="VH139" s="23"/>
      <c r="VI139" s="23"/>
      <c r="VJ139" s="23"/>
      <c r="VK139" s="23"/>
      <c r="VL139" s="23"/>
      <c r="VM139" s="23"/>
      <c r="VN139" s="23"/>
      <c r="VO139" s="23"/>
      <c r="VP139" s="23"/>
      <c r="VQ139" s="23"/>
      <c r="VR139" s="23"/>
      <c r="VS139" s="23"/>
      <c r="VT139" s="23"/>
      <c r="VU139" s="23"/>
      <c r="VV139" s="23"/>
      <c r="VW139" s="23"/>
      <c r="VX139" s="23"/>
      <c r="VY139" s="23"/>
      <c r="VZ139" s="23"/>
      <c r="WA139" s="23"/>
      <c r="WB139" s="23"/>
      <c r="WC139" s="23"/>
      <c r="WD139" s="23"/>
      <c r="WE139" s="23"/>
      <c r="WF139" s="23"/>
      <c r="WG139" s="23"/>
      <c r="WH139" s="23"/>
      <c r="WI139" s="23"/>
      <c r="WJ139" s="23"/>
      <c r="WK139" s="23"/>
      <c r="WL139" s="23"/>
      <c r="WM139" s="23"/>
      <c r="WN139" s="23"/>
      <c r="WO139" s="23"/>
      <c r="WP139" s="23"/>
      <c r="WQ139" s="23"/>
      <c r="WR139" s="23"/>
      <c r="WS139" s="23"/>
      <c r="WT139" s="23"/>
      <c r="WU139" s="23"/>
      <c r="WV139" s="23"/>
      <c r="WW139" s="23"/>
      <c r="WX139" s="23"/>
      <c r="WY139" s="23"/>
      <c r="WZ139" s="23"/>
      <c r="XA139" s="23"/>
      <c r="XB139" s="23"/>
      <c r="XC139" s="23"/>
      <c r="XD139" s="23"/>
      <c r="XE139" s="23"/>
      <c r="XF139" s="23"/>
      <c r="XG139" s="23"/>
      <c r="XH139" s="23"/>
      <c r="XI139" s="23"/>
      <c r="XJ139" s="23"/>
      <c r="XK139" s="23"/>
      <c r="XL139" s="23"/>
      <c r="XM139" s="23"/>
      <c r="XN139" s="23"/>
      <c r="XO139" s="23"/>
      <c r="XP139" s="23"/>
      <c r="XQ139" s="23"/>
      <c r="XR139" s="23"/>
      <c r="XS139" s="23"/>
      <c r="XT139" s="23"/>
      <c r="XU139" s="23"/>
      <c r="XV139" s="23"/>
      <c r="XW139" s="23"/>
      <c r="XX139" s="23"/>
      <c r="XY139" s="23"/>
      <c r="XZ139" s="23"/>
      <c r="YA139" s="23"/>
      <c r="YB139" s="23"/>
      <c r="YC139" s="23"/>
      <c r="YD139" s="23"/>
      <c r="YE139" s="23"/>
      <c r="YF139" s="23"/>
      <c r="YG139" s="23"/>
      <c r="YH139" s="23"/>
      <c r="YI139" s="23"/>
      <c r="YJ139" s="23"/>
      <c r="YK139" s="23"/>
      <c r="YL139" s="23"/>
      <c r="YM139" s="23"/>
      <c r="YN139" s="23"/>
      <c r="YO139" s="23"/>
      <c r="YP139" s="23"/>
      <c r="YQ139" s="23"/>
      <c r="YR139" s="23"/>
      <c r="YS139" s="23"/>
      <c r="YT139" s="23"/>
      <c r="YU139" s="23"/>
      <c r="YV139" s="23"/>
      <c r="YW139" s="23"/>
      <c r="YX139" s="23"/>
      <c r="YY139" s="23"/>
      <c r="YZ139" s="23"/>
      <c r="ZA139" s="23"/>
      <c r="ZB139" s="23"/>
      <c r="ZC139" s="23"/>
      <c r="ZD139" s="23"/>
      <c r="ZE139" s="23"/>
      <c r="ZF139" s="23"/>
      <c r="ZG139" s="23"/>
      <c r="ZH139" s="23"/>
      <c r="ZI139" s="23"/>
      <c r="ZJ139" s="23"/>
      <c r="ZK139" s="23"/>
      <c r="ZL139" s="23"/>
      <c r="ZM139" s="23"/>
      <c r="ZN139" s="23"/>
      <c r="ZO139" s="23"/>
      <c r="ZP139" s="23"/>
      <c r="ZQ139" s="23"/>
      <c r="ZR139" s="23"/>
      <c r="ZS139" s="23"/>
      <c r="ZT139" s="23"/>
      <c r="ZU139" s="23"/>
      <c r="ZV139" s="23"/>
      <c r="ZW139" s="23"/>
      <c r="ZX139" s="23"/>
      <c r="ZY139" s="23"/>
      <c r="ZZ139" s="23"/>
      <c r="AAA139" s="23"/>
      <c r="AAB139" s="23"/>
      <c r="AAC139" s="23"/>
      <c r="AAD139" s="23"/>
      <c r="AAE139" s="23"/>
      <c r="AAF139" s="23"/>
      <c r="AAG139" s="23"/>
      <c r="AAH139" s="23"/>
      <c r="AAI139" s="23"/>
      <c r="AAJ139" s="23"/>
      <c r="AAK139" s="23"/>
      <c r="AAL139" s="23"/>
      <c r="AAM139" s="23"/>
      <c r="AAN139" s="23"/>
      <c r="AAO139" s="23"/>
      <c r="AAP139" s="23"/>
      <c r="AAQ139" s="23"/>
      <c r="AAR139" s="23"/>
      <c r="AAS139" s="23"/>
      <c r="AAT139" s="23"/>
      <c r="AAU139" s="23"/>
      <c r="AAV139" s="23"/>
      <c r="AAW139" s="23"/>
      <c r="AAX139" s="23"/>
      <c r="AAY139" s="23"/>
      <c r="AAZ139" s="23"/>
      <c r="ABA139" s="23"/>
      <c r="ABB139" s="23"/>
      <c r="ABC139" s="23"/>
      <c r="ABD139" s="23"/>
      <c r="ABE139" s="23"/>
      <c r="ABF139" s="23"/>
      <c r="ABG139" s="23"/>
      <c r="ABH139" s="23"/>
      <c r="ABI139" s="23"/>
      <c r="ABJ139" s="23"/>
      <c r="ABK139" s="23"/>
      <c r="ABL139" s="23"/>
      <c r="ABM139" s="23"/>
      <c r="ABN139" s="23"/>
      <c r="ABO139" s="23"/>
      <c r="ABP139" s="23"/>
      <c r="ABQ139" s="23"/>
      <c r="ABR139" s="23"/>
      <c r="ABS139" s="23"/>
      <c r="ABT139" s="23"/>
      <c r="ABU139" s="23"/>
      <c r="ABV139" s="23"/>
      <c r="ABW139" s="23"/>
      <c r="ABX139" s="23"/>
      <c r="ABY139" s="23"/>
      <c r="ABZ139" s="23"/>
      <c r="ACA139" s="23"/>
      <c r="ACB139" s="23"/>
      <c r="ACC139" s="23"/>
      <c r="ACD139" s="23"/>
      <c r="ACE139" s="23"/>
      <c r="ACF139" s="23"/>
      <c r="ACG139" s="23"/>
      <c r="ACH139" s="23"/>
      <c r="ACI139" s="23"/>
      <c r="ACJ139" s="23"/>
      <c r="ACK139" s="23"/>
      <c r="ACL139" s="23"/>
      <c r="ACM139" s="23"/>
      <c r="ACN139" s="23"/>
      <c r="ACO139" s="23"/>
      <c r="ACP139" s="23"/>
      <c r="ACQ139" s="23"/>
      <c r="ACR139" s="23"/>
      <c r="ACS139" s="23"/>
      <c r="ACT139" s="23"/>
      <c r="ACU139" s="23"/>
      <c r="ACV139" s="23"/>
      <c r="ACW139" s="23"/>
      <c r="ACX139" s="23"/>
      <c r="ACY139" s="23"/>
      <c r="ACZ139" s="23"/>
      <c r="ADA139" s="23"/>
      <c r="ADB139" s="23"/>
      <c r="ADC139" s="23"/>
      <c r="ADD139" s="23"/>
      <c r="ADE139" s="23"/>
      <c r="ADF139" s="23"/>
      <c r="ADG139" s="23"/>
      <c r="ADH139" s="23"/>
      <c r="ADI139" s="23"/>
      <c r="ADJ139" s="23"/>
      <c r="ADK139" s="23"/>
      <c r="ADL139" s="23"/>
      <c r="ADM139" s="23"/>
      <c r="ADN139" s="23"/>
      <c r="ADO139" s="23"/>
      <c r="ADP139" s="23"/>
      <c r="ADQ139" s="23"/>
      <c r="ADR139" s="23"/>
      <c r="ADS139" s="23"/>
      <c r="ADT139" s="23"/>
      <c r="ADU139" s="23"/>
      <c r="ADV139" s="23"/>
      <c r="ADW139" s="23"/>
      <c r="ADX139" s="23"/>
      <c r="ADY139" s="23"/>
      <c r="ADZ139" s="23"/>
      <c r="AEA139" s="23"/>
      <c r="AEB139" s="23"/>
      <c r="AEC139" s="23"/>
      <c r="AED139" s="23"/>
      <c r="AEE139" s="23"/>
      <c r="AEF139" s="23"/>
      <c r="AEG139" s="23"/>
      <c r="AEH139" s="23"/>
      <c r="AEI139" s="23"/>
      <c r="AEJ139" s="23"/>
      <c r="AEK139" s="23"/>
      <c r="AEL139" s="23"/>
      <c r="AEM139" s="23"/>
      <c r="AEN139" s="23"/>
      <c r="AEO139" s="23"/>
      <c r="AEP139" s="23"/>
      <c r="AEQ139" s="23"/>
      <c r="AER139" s="23"/>
      <c r="AES139" s="23"/>
      <c r="AET139" s="23"/>
      <c r="AEU139" s="23"/>
      <c r="AEV139" s="23"/>
      <c r="AEW139" s="23"/>
      <c r="AEX139" s="23"/>
      <c r="AEY139" s="23"/>
      <c r="AEZ139" s="23"/>
      <c r="AFA139" s="23"/>
      <c r="AFB139" s="23"/>
      <c r="AFC139" s="23"/>
      <c r="AFD139" s="23"/>
      <c r="AFE139" s="23"/>
      <c r="AFF139" s="23"/>
      <c r="AFG139" s="23"/>
      <c r="AFH139" s="23"/>
      <c r="AFI139" s="23"/>
      <c r="AFJ139" s="23"/>
      <c r="AFK139" s="23"/>
      <c r="AFL139" s="23"/>
      <c r="AFM139" s="23"/>
      <c r="AFN139" s="23"/>
      <c r="AFO139" s="23"/>
      <c r="AFP139" s="23"/>
      <c r="AFQ139" s="23"/>
      <c r="AFR139" s="23"/>
      <c r="AFS139" s="23"/>
      <c r="AFT139" s="23"/>
      <c r="AFU139" s="23"/>
      <c r="AFV139" s="23"/>
      <c r="AFW139" s="23"/>
      <c r="AFX139" s="23"/>
      <c r="AFY139" s="23"/>
      <c r="AFZ139" s="23"/>
      <c r="AGA139" s="23"/>
      <c r="AGB139" s="23"/>
      <c r="AGC139" s="23"/>
      <c r="AGD139" s="23"/>
      <c r="AGE139" s="23"/>
      <c r="AGF139" s="23"/>
      <c r="AGG139" s="23"/>
      <c r="AGH139" s="23"/>
      <c r="AGI139" s="23"/>
      <c r="AGJ139" s="23"/>
      <c r="AGK139" s="23"/>
      <c r="AGL139" s="23"/>
      <c r="AGM139" s="23"/>
      <c r="AGN139" s="23"/>
      <c r="AGO139" s="23"/>
      <c r="AGP139" s="23"/>
      <c r="AGQ139" s="23"/>
      <c r="AGR139" s="23"/>
      <c r="AGS139" s="23"/>
      <c r="AGT139" s="23"/>
      <c r="AGU139" s="23"/>
      <c r="AGV139" s="23"/>
      <c r="AGW139" s="23"/>
      <c r="AGX139" s="23"/>
      <c r="AGY139" s="23"/>
      <c r="AGZ139" s="23"/>
      <c r="AHA139" s="23"/>
      <c r="AHB139" s="23"/>
      <c r="AHC139" s="23"/>
      <c r="AHD139" s="23"/>
      <c r="AHE139" s="23"/>
      <c r="AHF139" s="23"/>
      <c r="AHG139" s="23"/>
      <c r="AHH139" s="23"/>
      <c r="AHI139" s="23"/>
      <c r="AHJ139" s="23"/>
      <c r="AHK139" s="23"/>
      <c r="AHL139" s="23"/>
      <c r="AHM139" s="23"/>
      <c r="AHN139" s="23"/>
      <c r="AHO139" s="23"/>
      <c r="AHP139" s="23"/>
      <c r="AHQ139" s="23"/>
      <c r="AHR139" s="23"/>
      <c r="AHS139" s="23"/>
      <c r="AHT139" s="23"/>
      <c r="AHU139" s="23"/>
      <c r="AHV139" s="23"/>
      <c r="AHW139" s="23"/>
      <c r="AHX139" s="23"/>
      <c r="AHY139" s="23"/>
      <c r="AHZ139" s="23"/>
      <c r="AIA139" s="23"/>
      <c r="AIB139" s="23"/>
      <c r="AIC139" s="23"/>
      <c r="AID139" s="23"/>
      <c r="AIE139" s="23"/>
      <c r="AIF139" s="23"/>
      <c r="AIG139" s="23"/>
      <c r="AIH139" s="23"/>
      <c r="AII139" s="23"/>
      <c r="AIJ139" s="23"/>
      <c r="AIK139" s="23"/>
      <c r="AIL139" s="23"/>
      <c r="AIM139" s="23"/>
      <c r="AIN139" s="23"/>
      <c r="AIO139" s="23"/>
      <c r="AIP139" s="23"/>
      <c r="AIQ139" s="23"/>
      <c r="AIR139" s="23"/>
      <c r="AIS139" s="23"/>
      <c r="AIT139" s="23"/>
      <c r="AIU139" s="23"/>
      <c r="AIV139" s="23"/>
      <c r="AIW139" s="23"/>
      <c r="AIX139" s="23"/>
      <c r="AIY139" s="23"/>
      <c r="AIZ139" s="23"/>
      <c r="AJA139" s="23"/>
      <c r="AJB139" s="23"/>
      <c r="AJC139" s="23"/>
      <c r="AJD139" s="23"/>
      <c r="AJE139" s="23"/>
      <c r="AJF139" s="23"/>
      <c r="AJG139" s="23"/>
      <c r="AJH139" s="23"/>
      <c r="AJI139" s="23"/>
      <c r="AJJ139" s="23"/>
      <c r="AJK139" s="23"/>
      <c r="AJL139" s="23"/>
      <c r="AJM139" s="23"/>
      <c r="AJN139" s="23"/>
      <c r="AJO139" s="23"/>
      <c r="AJP139" s="23"/>
      <c r="AJQ139" s="23"/>
      <c r="AJR139" s="23"/>
      <c r="AJS139" s="23"/>
      <c r="AJT139" s="23"/>
      <c r="AJU139" s="23"/>
      <c r="AJV139" s="23"/>
      <c r="AJW139" s="23"/>
      <c r="AJX139" s="23"/>
      <c r="AJY139" s="23"/>
      <c r="AJZ139" s="23"/>
      <c r="AKA139" s="23"/>
      <c r="AKB139" s="23"/>
      <c r="AKC139" s="23"/>
      <c r="AKD139" s="23"/>
      <c r="AKE139" s="23"/>
      <c r="AKF139" s="23"/>
      <c r="AKG139" s="23"/>
      <c r="AKH139" s="23"/>
      <c r="AKI139" s="23"/>
      <c r="AKJ139" s="23"/>
      <c r="AKK139" s="23"/>
      <c r="AKL139" s="23"/>
      <c r="AKM139" s="23"/>
      <c r="AKN139" s="23"/>
      <c r="AKO139" s="23"/>
      <c r="AKP139" s="23"/>
      <c r="AKQ139" s="23"/>
      <c r="AKR139" s="23"/>
      <c r="AKS139" s="23"/>
      <c r="AKT139" s="23"/>
      <c r="AKU139" s="23"/>
      <c r="AKV139" s="23"/>
      <c r="AKW139" s="23"/>
      <c r="AKX139" s="23"/>
      <c r="AKY139" s="23"/>
      <c r="AKZ139" s="23"/>
      <c r="ALA139" s="23"/>
      <c r="ALB139" s="23"/>
      <c r="ALC139" s="23"/>
      <c r="ALD139" s="23"/>
      <c r="ALE139" s="23"/>
      <c r="ALF139" s="23"/>
      <c r="ALG139" s="23"/>
      <c r="ALH139" s="23"/>
      <c r="ALI139" s="23"/>
      <c r="ALJ139" s="23"/>
      <c r="ALK139" s="23"/>
      <c r="ALL139" s="23"/>
      <c r="ALM139" s="23"/>
      <c r="ALN139" s="23"/>
      <c r="ALO139" s="23"/>
      <c r="ALP139" s="23"/>
      <c r="ALQ139" s="23"/>
      <c r="ALR139" s="23"/>
      <c r="ALS139" s="23"/>
      <c r="ALT139" s="23"/>
      <c r="ALU139" s="23"/>
      <c r="ALV139" s="23"/>
      <c r="ALW139" s="23"/>
      <c r="ALX139" s="23"/>
      <c r="ALY139" s="23"/>
      <c r="ALZ139" s="23"/>
      <c r="AMA139" s="23"/>
      <c r="AMB139" s="23"/>
      <c r="AMC139" s="23"/>
      <c r="AMD139" s="23"/>
      <c r="AME139" s="23"/>
      <c r="AMF139" s="23"/>
      <c r="AMG139" s="23"/>
      <c r="AMH139" s="23"/>
      <c r="AMI139" s="23"/>
      <c r="AMJ139" s="23"/>
      <c r="AMK139" s="23"/>
      <c r="AML139" s="23"/>
      <c r="AMM139" s="23"/>
      <c r="AMN139" s="23"/>
      <c r="AMO139" s="23"/>
      <c r="AMP139" s="23"/>
      <c r="AMQ139" s="23"/>
      <c r="AMR139" s="23"/>
      <c r="AMS139" s="23"/>
      <c r="AMT139" s="23"/>
      <c r="AMU139" s="23"/>
      <c r="AMV139" s="23"/>
      <c r="AMW139" s="23"/>
      <c r="AMX139" s="23"/>
      <c r="AMY139" s="23"/>
      <c r="AMZ139" s="23"/>
      <c r="ANA139" s="23"/>
      <c r="ANB139" s="23"/>
      <c r="ANC139" s="23"/>
      <c r="AND139" s="23"/>
      <c r="ANE139" s="23"/>
      <c r="ANF139" s="23"/>
      <c r="ANG139" s="23"/>
      <c r="ANH139" s="23"/>
      <c r="ANI139" s="23"/>
      <c r="ANJ139" s="23"/>
      <c r="ANK139" s="23"/>
      <c r="ANL139" s="23"/>
      <c r="ANM139" s="23"/>
      <c r="ANN139" s="23"/>
      <c r="ANO139" s="23"/>
      <c r="ANP139" s="23"/>
      <c r="ANQ139" s="23"/>
      <c r="ANR139" s="23"/>
      <c r="ANS139" s="23"/>
      <c r="ANT139" s="23"/>
      <c r="ANU139" s="23"/>
      <c r="ANV139" s="23"/>
      <c r="ANW139" s="23"/>
      <c r="ANX139" s="23"/>
      <c r="ANY139" s="23"/>
      <c r="ANZ139" s="23"/>
      <c r="AOA139" s="23"/>
      <c r="AOB139" s="23"/>
      <c r="AOC139" s="23"/>
      <c r="AOD139" s="23"/>
      <c r="AOE139" s="23"/>
      <c r="AOF139" s="23"/>
      <c r="AOG139" s="23"/>
      <c r="AOH139" s="23"/>
      <c r="AOI139" s="23"/>
      <c r="AOJ139" s="23"/>
      <c r="AOK139" s="23"/>
      <c r="AOL139" s="23"/>
      <c r="AOM139" s="23"/>
      <c r="AON139" s="23"/>
      <c r="AOO139" s="23"/>
      <c r="AOP139" s="23"/>
      <c r="AOQ139" s="23"/>
      <c r="AOR139" s="23"/>
      <c r="AOS139" s="23"/>
      <c r="AOT139" s="23"/>
      <c r="AOU139" s="23"/>
      <c r="AOV139" s="23"/>
      <c r="AOW139" s="23"/>
      <c r="AOX139" s="23"/>
      <c r="AOY139" s="23"/>
      <c r="AOZ139" s="23"/>
      <c r="APA139" s="23"/>
      <c r="APB139" s="23"/>
      <c r="APC139" s="23"/>
      <c r="APD139" s="23"/>
      <c r="APE139" s="23"/>
      <c r="APF139" s="23"/>
      <c r="APG139" s="23"/>
      <c r="APH139" s="23"/>
      <c r="API139" s="23"/>
      <c r="APJ139" s="23"/>
      <c r="APK139" s="23"/>
      <c r="APL139" s="23"/>
      <c r="APM139" s="23"/>
      <c r="APN139" s="23"/>
      <c r="APO139" s="23"/>
      <c r="APP139" s="23"/>
      <c r="APQ139" s="23"/>
      <c r="APR139" s="23"/>
      <c r="APS139" s="23"/>
      <c r="APT139" s="23"/>
      <c r="APU139" s="23"/>
      <c r="APV139" s="23"/>
      <c r="APW139" s="23"/>
      <c r="APX139" s="23"/>
      <c r="APY139" s="23"/>
      <c r="APZ139" s="23"/>
      <c r="AQA139" s="23"/>
      <c r="AQB139" s="23"/>
      <c r="AQC139" s="23"/>
      <c r="AQD139" s="23"/>
      <c r="AQE139" s="23"/>
      <c r="AQF139" s="23"/>
      <c r="AQG139" s="23"/>
      <c r="AQH139" s="23"/>
      <c r="AQI139" s="23"/>
      <c r="AQJ139" s="23"/>
      <c r="AQK139" s="23"/>
      <c r="AQL139" s="23"/>
      <c r="AQM139" s="23"/>
      <c r="AQN139" s="23"/>
      <c r="AQO139" s="23"/>
      <c r="AQP139" s="23"/>
      <c r="AQQ139" s="23"/>
      <c r="AQR139" s="23"/>
      <c r="AQS139" s="23"/>
      <c r="AQT139" s="23"/>
      <c r="AQU139" s="23"/>
      <c r="AQV139" s="23"/>
      <c r="AQW139" s="23"/>
      <c r="AQX139" s="23"/>
      <c r="AQY139" s="23"/>
      <c r="AQZ139" s="23"/>
      <c r="ARA139" s="23"/>
      <c r="ARB139" s="23"/>
      <c r="ARC139" s="23"/>
      <c r="ARD139" s="23"/>
      <c r="ARE139" s="23"/>
      <c r="ARF139" s="23"/>
      <c r="ARG139" s="23"/>
      <c r="ARH139" s="23"/>
      <c r="ARI139" s="23"/>
      <c r="ARJ139" s="23"/>
      <c r="ARK139" s="23"/>
      <c r="ARL139" s="23"/>
      <c r="ARM139" s="23"/>
      <c r="ARN139" s="23"/>
      <c r="ARO139" s="23"/>
      <c r="ARP139" s="23"/>
      <c r="ARQ139" s="23"/>
      <c r="ARR139" s="23"/>
      <c r="ARS139" s="23"/>
      <c r="ART139" s="23"/>
      <c r="ARU139" s="23"/>
      <c r="ARV139" s="23"/>
      <c r="ARW139" s="23"/>
      <c r="ARX139" s="23"/>
      <c r="ARY139" s="23"/>
      <c r="ARZ139" s="23"/>
      <c r="ASA139" s="23"/>
      <c r="ASB139" s="23"/>
      <c r="ASC139" s="23"/>
      <c r="ASD139" s="23"/>
      <c r="ASE139" s="23"/>
      <c r="ASF139" s="23"/>
      <c r="ASG139" s="23"/>
      <c r="ASH139" s="23"/>
      <c r="ASI139" s="23"/>
      <c r="ASJ139" s="23"/>
      <c r="ASK139" s="23"/>
      <c r="ASL139" s="23"/>
      <c r="ASM139" s="23"/>
      <c r="ASN139" s="23"/>
      <c r="ASO139" s="23"/>
      <c r="ASP139" s="23"/>
      <c r="ASQ139" s="23"/>
      <c r="ASR139" s="23"/>
      <c r="ASS139" s="23"/>
      <c r="AST139" s="23"/>
      <c r="ASU139" s="23"/>
      <c r="ASV139" s="23"/>
      <c r="ASW139" s="23"/>
      <c r="ASX139" s="23"/>
      <c r="ASY139" s="23"/>
      <c r="ASZ139" s="23"/>
      <c r="ATA139" s="23"/>
      <c r="ATB139" s="23"/>
      <c r="ATC139" s="23"/>
      <c r="ATD139" s="23"/>
      <c r="ATE139" s="23"/>
      <c r="ATF139" s="23"/>
      <c r="ATG139" s="23"/>
      <c r="ATH139" s="23"/>
      <c r="ATI139" s="23"/>
      <c r="ATJ139" s="23"/>
      <c r="ATK139" s="23"/>
      <c r="ATL139" s="23"/>
      <c r="ATM139" s="23"/>
      <c r="ATN139" s="23"/>
      <c r="ATO139" s="23"/>
      <c r="ATP139" s="23"/>
      <c r="ATQ139" s="23"/>
      <c r="ATR139" s="23"/>
      <c r="ATS139" s="23"/>
      <c r="ATT139" s="23"/>
      <c r="ATU139" s="23"/>
      <c r="ATV139" s="23"/>
      <c r="ATW139" s="23"/>
      <c r="ATX139" s="23"/>
      <c r="ATY139" s="23"/>
      <c r="ATZ139" s="23"/>
      <c r="AUA139" s="23"/>
      <c r="AUB139" s="23"/>
      <c r="AUC139" s="23"/>
      <c r="AUD139" s="23"/>
      <c r="AUE139" s="23"/>
      <c r="AUF139" s="23"/>
      <c r="AUG139" s="23"/>
      <c r="AUH139" s="23"/>
      <c r="AUI139" s="23"/>
      <c r="AUJ139" s="23"/>
      <c r="AUK139" s="23"/>
      <c r="AUL139" s="23"/>
      <c r="AUM139" s="23"/>
      <c r="AUN139" s="23"/>
      <c r="AUO139" s="23"/>
      <c r="AUP139" s="23"/>
      <c r="AUQ139" s="23"/>
      <c r="AUR139" s="23"/>
      <c r="AUS139" s="23"/>
      <c r="AUT139" s="23"/>
      <c r="AUU139" s="23"/>
      <c r="AUV139" s="23"/>
      <c r="AUW139" s="23"/>
      <c r="AUX139" s="23"/>
      <c r="AUY139" s="23"/>
      <c r="AUZ139" s="23"/>
      <c r="AVA139" s="23"/>
      <c r="AVB139" s="23"/>
      <c r="AVC139" s="23"/>
      <c r="AVD139" s="23"/>
      <c r="AVE139" s="23"/>
      <c r="AVF139" s="23"/>
      <c r="AVG139" s="23"/>
      <c r="AVH139" s="23"/>
      <c r="AVI139" s="23"/>
      <c r="AVJ139" s="23"/>
      <c r="AVK139" s="23"/>
      <c r="AVL139" s="23"/>
      <c r="AVM139" s="23"/>
      <c r="AVN139" s="23"/>
      <c r="AVO139" s="23"/>
      <c r="AVP139" s="23"/>
      <c r="AVQ139" s="23"/>
      <c r="AVR139" s="23"/>
      <c r="AVS139" s="23"/>
      <c r="AVT139" s="23"/>
      <c r="AVU139" s="23"/>
      <c r="AVV139" s="23"/>
      <c r="AVW139" s="23"/>
      <c r="AVX139" s="23"/>
      <c r="AVY139" s="23"/>
      <c r="AVZ139" s="23"/>
      <c r="AWA139" s="23"/>
      <c r="AWB139" s="23"/>
      <c r="AWC139" s="23"/>
      <c r="AWD139" s="23"/>
      <c r="AWE139" s="23"/>
      <c r="AWF139" s="23"/>
      <c r="AWG139" s="23"/>
      <c r="AWH139" s="23"/>
      <c r="AWI139" s="23"/>
      <c r="AWJ139" s="23"/>
      <c r="AWK139" s="23"/>
      <c r="AWL139" s="23"/>
      <c r="AWM139" s="23"/>
      <c r="AWN139" s="23"/>
      <c r="AWO139" s="23"/>
      <c r="AWP139" s="23"/>
      <c r="AWQ139" s="23"/>
      <c r="AWR139" s="23"/>
      <c r="AWS139" s="23"/>
      <c r="AWT139" s="23"/>
      <c r="AWU139" s="23"/>
      <c r="AWV139" s="23"/>
      <c r="AWW139" s="23"/>
      <c r="AWX139" s="23"/>
      <c r="AWY139" s="23"/>
      <c r="AWZ139" s="23"/>
      <c r="AXA139" s="23"/>
      <c r="AXB139" s="23"/>
      <c r="AXC139" s="23"/>
      <c r="AXD139" s="23"/>
      <c r="AXE139" s="23"/>
      <c r="AXF139" s="23"/>
      <c r="AXG139" s="23"/>
      <c r="AXH139" s="23"/>
      <c r="AXI139" s="23"/>
      <c r="AXJ139" s="23"/>
      <c r="AXK139" s="23"/>
      <c r="AXL139" s="23"/>
      <c r="AXM139" s="23"/>
      <c r="AXN139" s="23"/>
      <c r="AXO139" s="23"/>
      <c r="AXP139" s="23"/>
      <c r="AXQ139" s="23"/>
      <c r="AXR139" s="23"/>
      <c r="AXS139" s="23"/>
      <c r="AXT139" s="23"/>
      <c r="AXU139" s="23"/>
      <c r="AXV139" s="23"/>
      <c r="AXW139" s="23"/>
      <c r="AXX139" s="23"/>
      <c r="AXY139" s="23"/>
      <c r="AXZ139" s="23"/>
      <c r="AYA139" s="23"/>
      <c r="AYB139" s="23"/>
      <c r="AYC139" s="23"/>
      <c r="AYD139" s="23"/>
      <c r="AYE139" s="23"/>
      <c r="AYF139" s="23"/>
      <c r="AYG139" s="23"/>
      <c r="AYH139" s="23"/>
      <c r="AYI139" s="23"/>
      <c r="AYJ139" s="23"/>
      <c r="AYK139" s="23"/>
      <c r="AYL139" s="23"/>
      <c r="AYM139" s="23"/>
      <c r="AYN139" s="23"/>
      <c r="AYO139" s="23"/>
      <c r="AYP139" s="23"/>
      <c r="AYQ139" s="23"/>
      <c r="AYR139" s="23"/>
      <c r="AYS139" s="23"/>
      <c r="AYT139" s="23"/>
      <c r="AYU139" s="23"/>
      <c r="AYV139" s="23"/>
      <c r="AYW139" s="23"/>
      <c r="AYX139" s="23"/>
      <c r="AYY139" s="23"/>
      <c r="AYZ139" s="23"/>
      <c r="AZA139" s="23"/>
      <c r="AZB139" s="23"/>
      <c r="AZC139" s="23"/>
      <c r="AZD139" s="23"/>
      <c r="AZE139" s="23"/>
      <c r="AZF139" s="23"/>
      <c r="AZG139" s="23"/>
      <c r="AZH139" s="23"/>
      <c r="AZI139" s="23"/>
      <c r="AZJ139" s="23"/>
      <c r="AZK139" s="23"/>
      <c r="AZL139" s="23"/>
      <c r="AZM139" s="23"/>
      <c r="AZN139" s="23"/>
      <c r="AZO139" s="23"/>
      <c r="AZP139" s="23"/>
      <c r="AZQ139" s="23"/>
      <c r="AZR139" s="23"/>
      <c r="AZS139" s="23"/>
      <c r="AZT139" s="23"/>
      <c r="AZU139" s="23"/>
      <c r="AZV139" s="23"/>
      <c r="AZW139" s="23"/>
      <c r="AZX139" s="23"/>
      <c r="AZY139" s="23"/>
      <c r="AZZ139" s="23"/>
      <c r="BAA139" s="23"/>
      <c r="BAB139" s="23"/>
      <c r="BAC139" s="23"/>
      <c r="BAD139" s="23"/>
      <c r="BAE139" s="23"/>
      <c r="BAF139" s="23"/>
      <c r="BAG139" s="23"/>
      <c r="BAH139" s="23"/>
      <c r="BAI139" s="23"/>
      <c r="BAJ139" s="23"/>
      <c r="BAK139" s="23"/>
      <c r="BAL139" s="23"/>
      <c r="BAM139" s="23"/>
      <c r="BAN139" s="23"/>
      <c r="BAO139" s="23"/>
      <c r="BAP139" s="23"/>
      <c r="BAQ139" s="23"/>
      <c r="BAR139" s="23"/>
      <c r="BAS139" s="23"/>
      <c r="BAT139" s="23"/>
      <c r="BAU139" s="23"/>
      <c r="BAV139" s="23"/>
      <c r="BAW139" s="23"/>
      <c r="BAX139" s="23"/>
      <c r="BAY139" s="23"/>
      <c r="BAZ139" s="23"/>
      <c r="BBA139" s="23"/>
      <c r="BBB139" s="23"/>
      <c r="BBC139" s="23"/>
      <c r="BBD139" s="23"/>
      <c r="BBE139" s="23"/>
      <c r="BBF139" s="23"/>
      <c r="BBG139" s="23"/>
      <c r="BBH139" s="23"/>
      <c r="BBI139" s="23"/>
      <c r="BBJ139" s="23"/>
      <c r="BBK139" s="23"/>
      <c r="BBL139" s="23"/>
      <c r="BBM139" s="23"/>
      <c r="BBN139" s="23"/>
      <c r="BBO139" s="23"/>
      <c r="BBP139" s="23"/>
      <c r="BBQ139" s="23"/>
      <c r="BBR139" s="23"/>
      <c r="BBS139" s="23"/>
      <c r="BBT139" s="23"/>
      <c r="BBU139" s="23"/>
      <c r="BBV139" s="23"/>
      <c r="BBW139" s="23"/>
      <c r="BBX139" s="23"/>
      <c r="BBY139" s="23"/>
      <c r="BBZ139" s="23"/>
      <c r="BCA139" s="23"/>
      <c r="BCB139" s="23"/>
      <c r="BCC139" s="23"/>
      <c r="BCD139" s="23"/>
      <c r="BCE139" s="23"/>
      <c r="BCF139" s="23"/>
      <c r="BCG139" s="23"/>
      <c r="BCH139" s="23"/>
      <c r="BCI139" s="23"/>
      <c r="BCJ139" s="23"/>
      <c r="BCK139" s="23"/>
      <c r="BCL139" s="23"/>
      <c r="BCM139" s="23"/>
      <c r="BCN139" s="23"/>
      <c r="BCO139" s="23"/>
      <c r="BCP139" s="23"/>
      <c r="BCQ139" s="23"/>
      <c r="BCR139" s="23"/>
      <c r="BCS139" s="23"/>
      <c r="BCT139" s="23"/>
      <c r="BCU139" s="23"/>
      <c r="BCV139" s="23"/>
      <c r="BCW139" s="23"/>
      <c r="BCX139" s="23"/>
      <c r="BCY139" s="23"/>
      <c r="BCZ139" s="23"/>
      <c r="BDA139" s="23"/>
      <c r="BDB139" s="23"/>
      <c r="BDC139" s="23"/>
      <c r="BDD139" s="23"/>
      <c r="BDE139" s="23"/>
      <c r="BDF139" s="23"/>
      <c r="BDG139" s="23"/>
      <c r="BDH139" s="23"/>
      <c r="BDI139" s="23"/>
      <c r="BDJ139" s="23"/>
      <c r="BDK139" s="23"/>
      <c r="BDL139" s="23"/>
      <c r="BDM139" s="23"/>
      <c r="BDN139" s="23"/>
      <c r="BDO139" s="23"/>
      <c r="BDP139" s="23"/>
      <c r="BDQ139" s="23"/>
      <c r="BDR139" s="23"/>
      <c r="BDS139" s="23"/>
      <c r="BDT139" s="23"/>
      <c r="BDU139" s="23"/>
      <c r="BDV139" s="23"/>
      <c r="BDW139" s="23"/>
      <c r="BDX139" s="23"/>
      <c r="BDY139" s="23"/>
      <c r="BDZ139" s="23"/>
      <c r="BEA139" s="23"/>
      <c r="BEB139" s="23"/>
      <c r="BEC139" s="23"/>
      <c r="BED139" s="23"/>
      <c r="BEE139" s="23"/>
      <c r="BEF139" s="23"/>
      <c r="BEG139" s="23"/>
      <c r="BEH139" s="23"/>
      <c r="BEI139" s="23"/>
      <c r="BEJ139" s="23"/>
      <c r="BEK139" s="23"/>
      <c r="BEL139" s="23"/>
      <c r="BEM139" s="23"/>
      <c r="BEN139" s="23"/>
      <c r="BEO139" s="23"/>
      <c r="BEP139" s="23"/>
      <c r="BEQ139" s="23"/>
      <c r="BER139" s="23"/>
      <c r="BES139" s="23"/>
      <c r="BET139" s="23"/>
      <c r="BEU139" s="23"/>
      <c r="BEV139" s="23"/>
      <c r="BEW139" s="23"/>
      <c r="BEX139" s="23"/>
      <c r="BEY139" s="23"/>
      <c r="BEZ139" s="23"/>
      <c r="BFA139" s="23"/>
      <c r="BFB139" s="23"/>
      <c r="BFC139" s="23"/>
      <c r="BFD139" s="23"/>
      <c r="BFE139" s="23"/>
      <c r="BFF139" s="23"/>
      <c r="BFG139" s="23"/>
      <c r="BFH139" s="23"/>
      <c r="BFI139" s="23"/>
      <c r="BFJ139" s="23"/>
      <c r="BFK139" s="23"/>
      <c r="BFL139" s="23"/>
      <c r="BFM139" s="23"/>
      <c r="BFN139" s="23"/>
      <c r="BFO139" s="23"/>
      <c r="BFP139" s="23"/>
      <c r="BFQ139" s="23"/>
      <c r="BFR139" s="23"/>
      <c r="BFS139" s="23"/>
      <c r="BFT139" s="23"/>
      <c r="BFU139" s="23"/>
      <c r="BFV139" s="23"/>
      <c r="BFW139" s="23"/>
      <c r="BFX139" s="23"/>
      <c r="BFY139" s="23"/>
      <c r="BFZ139" s="23"/>
      <c r="BGA139" s="23"/>
      <c r="BGB139" s="23"/>
      <c r="BGC139" s="23"/>
      <c r="BGD139" s="23"/>
      <c r="BGE139" s="23"/>
      <c r="BGF139" s="23"/>
      <c r="BGG139" s="23"/>
      <c r="BGH139" s="23"/>
      <c r="BGI139" s="23"/>
      <c r="BGJ139" s="23"/>
      <c r="BGK139" s="23"/>
      <c r="BGL139" s="23"/>
      <c r="BGM139" s="23"/>
      <c r="BGN139" s="23"/>
      <c r="BGO139" s="23"/>
      <c r="BGP139" s="23"/>
      <c r="BGQ139" s="23"/>
      <c r="BGR139" s="23"/>
      <c r="BGS139" s="23"/>
      <c r="BGT139" s="23"/>
      <c r="BGU139" s="23"/>
      <c r="BGV139" s="23"/>
      <c r="BGW139" s="23"/>
      <c r="BGX139" s="23"/>
      <c r="BGY139" s="23"/>
      <c r="BGZ139" s="23"/>
      <c r="BHA139" s="23"/>
      <c r="BHB139" s="23"/>
      <c r="BHC139" s="23"/>
      <c r="BHD139" s="23"/>
      <c r="BHE139" s="23"/>
      <c r="BHF139" s="23"/>
      <c r="BHG139" s="23"/>
      <c r="BHH139" s="23"/>
      <c r="BHI139" s="23"/>
      <c r="BHJ139" s="23"/>
      <c r="BHK139" s="23"/>
      <c r="BHL139" s="23"/>
      <c r="BHM139" s="23"/>
      <c r="BHN139" s="23"/>
      <c r="BHO139" s="23"/>
      <c r="BHP139" s="23"/>
      <c r="BHQ139" s="23"/>
      <c r="BHR139" s="23"/>
      <c r="BHS139" s="23"/>
      <c r="BHT139" s="23"/>
      <c r="BHU139" s="23"/>
      <c r="BHV139" s="23"/>
      <c r="BHW139" s="23"/>
      <c r="BHX139" s="23"/>
      <c r="BHY139" s="23"/>
      <c r="BHZ139" s="23"/>
      <c r="BIA139" s="23"/>
      <c r="BIB139" s="23"/>
      <c r="BIC139" s="23"/>
      <c r="BID139" s="23"/>
      <c r="BIE139" s="23"/>
      <c r="BIF139" s="23"/>
      <c r="BIG139" s="23"/>
      <c r="BIH139" s="23"/>
      <c r="BII139" s="23"/>
      <c r="BIJ139" s="23"/>
      <c r="BIK139" s="23"/>
      <c r="BIL139" s="23"/>
      <c r="BIM139" s="23"/>
      <c r="BIN139" s="23"/>
      <c r="BIO139" s="23"/>
      <c r="BIP139" s="23"/>
      <c r="BIQ139" s="23"/>
      <c r="BIR139" s="23"/>
      <c r="BIS139" s="23"/>
      <c r="BIT139" s="23"/>
      <c r="BIU139" s="23"/>
      <c r="BIV139" s="23"/>
      <c r="BIW139" s="23"/>
      <c r="BIX139" s="23"/>
      <c r="BIY139" s="23"/>
      <c r="BIZ139" s="23"/>
      <c r="BJA139" s="23"/>
      <c r="BJB139" s="23"/>
      <c r="BJC139" s="23"/>
      <c r="BJD139" s="23"/>
      <c r="BJE139" s="23"/>
      <c r="BJF139" s="23"/>
      <c r="BJG139" s="23"/>
      <c r="BJH139" s="23"/>
      <c r="BJI139" s="23"/>
      <c r="BJJ139" s="23"/>
      <c r="BJK139" s="23"/>
      <c r="BJL139" s="23"/>
      <c r="BJM139" s="23"/>
      <c r="BJN139" s="23"/>
      <c r="BJO139" s="23"/>
      <c r="BJP139" s="23"/>
      <c r="BJQ139" s="23"/>
      <c r="BJR139" s="23"/>
      <c r="BJS139" s="23"/>
      <c r="BJT139" s="23"/>
      <c r="BJU139" s="23"/>
      <c r="BJV139" s="23"/>
      <c r="BJW139" s="23"/>
      <c r="BJX139" s="23"/>
      <c r="BJY139" s="23"/>
      <c r="BJZ139" s="23"/>
      <c r="BKA139" s="23"/>
      <c r="BKB139" s="23"/>
      <c r="BKC139" s="23"/>
      <c r="BKD139" s="23"/>
      <c r="BKE139" s="23"/>
      <c r="BKF139" s="23"/>
      <c r="BKG139" s="23"/>
      <c r="BKH139" s="23"/>
      <c r="BKI139" s="23"/>
      <c r="BKJ139" s="23"/>
      <c r="BKK139" s="23"/>
      <c r="BKL139" s="23"/>
      <c r="BKM139" s="23"/>
      <c r="BKN139" s="23"/>
      <c r="BKO139" s="23"/>
      <c r="BKP139" s="23"/>
      <c r="BKQ139" s="23"/>
      <c r="BKR139" s="23"/>
      <c r="BKS139" s="23"/>
      <c r="BKT139" s="23"/>
      <c r="BKU139" s="23"/>
      <c r="BKV139" s="23"/>
      <c r="BKW139" s="23"/>
      <c r="BKX139" s="23"/>
      <c r="BKY139" s="23"/>
      <c r="BKZ139" s="23"/>
      <c r="BLA139" s="23"/>
      <c r="BLB139" s="23"/>
      <c r="BLC139" s="23"/>
      <c r="BLD139" s="23"/>
      <c r="BLE139" s="23"/>
      <c r="BLF139" s="23"/>
      <c r="BLG139" s="23"/>
      <c r="BLH139" s="23"/>
      <c r="BLI139" s="23"/>
      <c r="BLJ139" s="23"/>
      <c r="BLK139" s="23"/>
      <c r="BLL139" s="23"/>
      <c r="BLM139" s="23"/>
      <c r="BLN139" s="23"/>
      <c r="BLO139" s="23"/>
      <c r="BLP139" s="23"/>
      <c r="BLQ139" s="23"/>
      <c r="BLR139" s="23"/>
      <c r="BLS139" s="23"/>
      <c r="BLT139" s="23"/>
      <c r="BLU139" s="23"/>
      <c r="BLV139" s="23"/>
      <c r="BLW139" s="23"/>
      <c r="BLX139" s="23"/>
      <c r="BLY139" s="23"/>
      <c r="BLZ139" s="23"/>
      <c r="BMA139" s="23"/>
      <c r="BMB139" s="23"/>
      <c r="BMC139" s="23"/>
      <c r="BMD139" s="23"/>
      <c r="BME139" s="23"/>
      <c r="BMF139" s="23"/>
      <c r="BMG139" s="23"/>
      <c r="BMH139" s="23"/>
      <c r="BMI139" s="23"/>
      <c r="BMJ139" s="23"/>
      <c r="BMK139" s="23"/>
      <c r="BML139" s="23"/>
      <c r="BMM139" s="23"/>
      <c r="BMN139" s="23"/>
      <c r="BMO139" s="23"/>
      <c r="BMP139" s="23"/>
      <c r="BMQ139" s="23"/>
      <c r="BMR139" s="23"/>
      <c r="BMS139" s="23"/>
      <c r="BMT139" s="23"/>
      <c r="BMU139" s="23"/>
      <c r="BMV139" s="23"/>
      <c r="BMW139" s="23"/>
      <c r="BMX139" s="23"/>
      <c r="BMY139" s="23"/>
      <c r="BMZ139" s="23"/>
      <c r="BNA139" s="23"/>
      <c r="BNB139" s="23"/>
      <c r="BNC139" s="23"/>
      <c r="BND139" s="23"/>
      <c r="BNE139" s="23"/>
      <c r="BNF139" s="23"/>
      <c r="BNG139" s="23"/>
      <c r="BNH139" s="23"/>
      <c r="BNI139" s="23"/>
      <c r="BNJ139" s="23"/>
      <c r="BNK139" s="23"/>
      <c r="BNL139" s="23"/>
      <c r="BNM139" s="23"/>
      <c r="BNN139" s="23"/>
      <c r="BNO139" s="23"/>
      <c r="BNP139" s="23"/>
      <c r="BNQ139" s="23"/>
      <c r="BNR139" s="23"/>
      <c r="BNS139" s="23"/>
      <c r="BNT139" s="23"/>
      <c r="BNU139" s="23"/>
      <c r="BNV139" s="23"/>
      <c r="BNW139" s="23"/>
      <c r="BNX139" s="23"/>
      <c r="BNY139" s="23"/>
      <c r="BNZ139" s="23"/>
      <c r="BOA139" s="23"/>
      <c r="BOB139" s="23"/>
      <c r="BOC139" s="23"/>
      <c r="BOD139" s="23"/>
      <c r="BOE139" s="23"/>
      <c r="BOF139" s="23"/>
      <c r="BOG139" s="23"/>
      <c r="BOH139" s="23"/>
      <c r="BOI139" s="23"/>
      <c r="BOJ139" s="23"/>
      <c r="BOK139" s="23"/>
      <c r="BOL139" s="23"/>
      <c r="BOM139" s="23"/>
      <c r="BON139" s="23"/>
      <c r="BOO139" s="23"/>
      <c r="BOP139" s="23"/>
      <c r="BOQ139" s="23"/>
      <c r="BOR139" s="23"/>
      <c r="BOS139" s="23"/>
      <c r="BOT139" s="23"/>
      <c r="BOU139" s="23"/>
      <c r="BOV139" s="23"/>
      <c r="BOW139" s="23"/>
      <c r="BOX139" s="23"/>
      <c r="BOY139" s="23"/>
      <c r="BOZ139" s="23"/>
      <c r="BPA139" s="23"/>
      <c r="BPB139" s="23"/>
      <c r="BPC139" s="23"/>
      <c r="BPD139" s="23"/>
      <c r="BPE139" s="23"/>
      <c r="BPF139" s="23"/>
      <c r="BPG139" s="23"/>
      <c r="BPH139" s="23"/>
      <c r="BPI139" s="23"/>
      <c r="BPJ139" s="23"/>
      <c r="BPK139" s="23"/>
      <c r="BPL139" s="23"/>
      <c r="BPM139" s="23"/>
      <c r="BPN139" s="23"/>
      <c r="BPO139" s="23"/>
      <c r="BPP139" s="23"/>
      <c r="BPQ139" s="23"/>
      <c r="BPR139" s="23"/>
      <c r="BPS139" s="23"/>
      <c r="BPT139" s="23"/>
      <c r="BPU139" s="23"/>
      <c r="BPV139" s="23"/>
      <c r="BPW139" s="23"/>
      <c r="BPX139" s="23"/>
      <c r="BPY139" s="23"/>
      <c r="BPZ139" s="23"/>
      <c r="BQA139" s="23"/>
      <c r="BQB139" s="23"/>
      <c r="BQC139" s="23"/>
      <c r="BQD139" s="23"/>
      <c r="BQE139" s="23"/>
      <c r="BQF139" s="23"/>
      <c r="BQG139" s="23"/>
      <c r="BQH139" s="23"/>
      <c r="BQI139" s="23"/>
      <c r="BQJ139" s="23"/>
      <c r="BQK139" s="23"/>
      <c r="BQL139" s="23"/>
      <c r="BQM139" s="23"/>
      <c r="BQN139" s="23"/>
      <c r="BQO139" s="23"/>
      <c r="BQP139" s="23"/>
      <c r="BQQ139" s="23"/>
      <c r="BQR139" s="23"/>
      <c r="BQS139" s="23"/>
      <c r="BQT139" s="23"/>
      <c r="BQU139" s="23"/>
      <c r="BQV139" s="23"/>
      <c r="BQW139" s="23"/>
      <c r="BQX139" s="23"/>
      <c r="BQY139" s="23"/>
      <c r="BQZ139" s="23"/>
      <c r="BRA139" s="23"/>
      <c r="BRB139" s="23"/>
      <c r="BRC139" s="23"/>
      <c r="BRD139" s="23"/>
      <c r="BRE139" s="23"/>
      <c r="BRF139" s="23"/>
      <c r="BRG139" s="23"/>
      <c r="BRH139" s="23"/>
      <c r="BRI139" s="23"/>
      <c r="BRJ139" s="23"/>
      <c r="BRK139" s="23"/>
      <c r="BRL139" s="23"/>
      <c r="BRM139" s="23"/>
      <c r="BRN139" s="23"/>
      <c r="BRO139" s="23"/>
      <c r="BRP139" s="23"/>
      <c r="BRQ139" s="23"/>
      <c r="BRR139" s="23"/>
      <c r="BRS139" s="23"/>
      <c r="BRT139" s="23"/>
      <c r="BRU139" s="23"/>
      <c r="BRV139" s="23"/>
      <c r="BRW139" s="23"/>
      <c r="BRX139" s="23"/>
      <c r="BRY139" s="23"/>
      <c r="BRZ139" s="23"/>
      <c r="BSA139" s="23"/>
      <c r="BSB139" s="23"/>
      <c r="BSC139" s="23"/>
      <c r="BSD139" s="23"/>
      <c r="BSE139" s="23"/>
      <c r="BSF139" s="23"/>
      <c r="BSG139" s="23"/>
      <c r="BSH139" s="23"/>
      <c r="BSI139" s="23"/>
      <c r="BSJ139" s="23"/>
      <c r="BSK139" s="23"/>
      <c r="BSL139" s="23"/>
      <c r="BSM139" s="23"/>
      <c r="BSN139" s="23"/>
      <c r="BSO139" s="23"/>
      <c r="BSP139" s="23"/>
      <c r="BSQ139" s="23"/>
      <c r="BSR139" s="23"/>
      <c r="BSS139" s="23"/>
      <c r="BST139" s="23"/>
      <c r="BSU139" s="23"/>
      <c r="BSV139" s="23"/>
      <c r="BSW139" s="23"/>
      <c r="BSX139" s="23"/>
      <c r="BSY139" s="23"/>
      <c r="BSZ139" s="23"/>
      <c r="BTA139" s="23"/>
      <c r="BTB139" s="23"/>
      <c r="BTC139" s="23"/>
      <c r="BTD139" s="23"/>
      <c r="BTE139" s="23"/>
      <c r="BTF139" s="23"/>
      <c r="BTG139" s="23"/>
      <c r="BTH139" s="23"/>
      <c r="BTI139" s="23"/>
      <c r="BTJ139" s="23"/>
      <c r="BTK139" s="23"/>
      <c r="BTL139" s="23"/>
      <c r="BTM139" s="23"/>
      <c r="BTN139" s="23"/>
      <c r="BTO139" s="23"/>
      <c r="BTP139" s="23"/>
      <c r="BTQ139" s="23"/>
      <c r="BTR139" s="23"/>
      <c r="BTS139" s="23"/>
      <c r="BTT139" s="23"/>
      <c r="BTU139" s="23"/>
      <c r="BTV139" s="23"/>
      <c r="BTW139" s="23"/>
      <c r="BTX139" s="23"/>
      <c r="BTY139" s="23"/>
      <c r="BTZ139" s="23"/>
      <c r="BUA139" s="23"/>
      <c r="BUB139" s="23"/>
      <c r="BUC139" s="23"/>
      <c r="BUD139" s="23"/>
      <c r="BUE139" s="23"/>
      <c r="BUF139" s="23"/>
      <c r="BUG139" s="23"/>
      <c r="BUH139" s="23"/>
      <c r="BUI139" s="23"/>
      <c r="BUJ139" s="23"/>
      <c r="BUK139" s="23"/>
      <c r="BUL139" s="23"/>
      <c r="BUM139" s="23"/>
      <c r="BUN139" s="23"/>
      <c r="BUO139" s="23"/>
      <c r="BUP139" s="23"/>
      <c r="BUQ139" s="23"/>
      <c r="BUR139" s="23"/>
      <c r="BUS139" s="23"/>
      <c r="BUT139" s="23"/>
      <c r="BUU139" s="23"/>
      <c r="BUV139" s="23"/>
      <c r="BUW139" s="23"/>
      <c r="BUX139" s="23"/>
      <c r="BUY139" s="23"/>
      <c r="BUZ139" s="23"/>
      <c r="BVA139" s="23"/>
      <c r="BVB139" s="23"/>
      <c r="BVC139" s="23"/>
      <c r="BVD139" s="23"/>
      <c r="BVE139" s="23"/>
      <c r="BVF139" s="23"/>
      <c r="BVG139" s="23"/>
      <c r="BVH139" s="23"/>
      <c r="BVI139" s="23"/>
      <c r="BVJ139" s="23"/>
      <c r="BVK139" s="23"/>
      <c r="BVL139" s="23"/>
      <c r="BVM139" s="23"/>
      <c r="BVN139" s="23"/>
      <c r="BVO139" s="23"/>
      <c r="BVP139" s="23"/>
      <c r="BVQ139" s="23"/>
      <c r="BVR139" s="23"/>
      <c r="BVS139" s="23"/>
      <c r="BVT139" s="23"/>
      <c r="BVU139" s="23"/>
      <c r="BVV139" s="23"/>
      <c r="BVW139" s="23"/>
      <c r="BVX139" s="23"/>
      <c r="BVY139" s="23"/>
      <c r="BVZ139" s="23"/>
      <c r="BWA139" s="23"/>
      <c r="BWB139" s="23"/>
      <c r="BWC139" s="23"/>
      <c r="BWD139" s="23"/>
      <c r="BWE139" s="23"/>
      <c r="BWF139" s="23"/>
      <c r="BWG139" s="23"/>
      <c r="BWH139" s="23"/>
      <c r="BWI139" s="23"/>
      <c r="BWJ139" s="23"/>
      <c r="BWK139" s="23"/>
      <c r="BWL139" s="23"/>
      <c r="BWM139" s="23"/>
      <c r="BWN139" s="23"/>
      <c r="BWO139" s="23"/>
      <c r="BWP139" s="23"/>
      <c r="BWQ139" s="23"/>
      <c r="BWR139" s="23"/>
      <c r="BWS139" s="23"/>
      <c r="BWT139" s="23"/>
      <c r="BWU139" s="23"/>
      <c r="BWV139" s="23"/>
      <c r="BWW139" s="23"/>
      <c r="BWX139" s="23"/>
      <c r="BWY139" s="23"/>
      <c r="BWZ139" s="23"/>
      <c r="BXA139" s="23"/>
      <c r="BXB139" s="23"/>
      <c r="BXC139" s="23"/>
      <c r="BXD139" s="23"/>
      <c r="BXE139" s="23"/>
      <c r="BXF139" s="23"/>
      <c r="BXG139" s="23"/>
      <c r="BXH139" s="23"/>
      <c r="BXI139" s="23"/>
      <c r="BXJ139" s="23"/>
      <c r="BXK139" s="23"/>
      <c r="BXL139" s="23"/>
      <c r="BXM139" s="23"/>
      <c r="BXN139" s="23"/>
      <c r="BXO139" s="23"/>
      <c r="BXP139" s="23"/>
      <c r="BXQ139" s="23"/>
      <c r="BXR139" s="23"/>
      <c r="BXS139" s="23"/>
      <c r="BXT139" s="23"/>
      <c r="BXU139" s="23"/>
      <c r="BXV139" s="23"/>
      <c r="BXW139" s="23"/>
      <c r="BXX139" s="23"/>
      <c r="BXY139" s="23"/>
      <c r="BXZ139" s="23"/>
      <c r="BYA139" s="23"/>
      <c r="BYB139" s="23"/>
      <c r="BYC139" s="23"/>
      <c r="BYD139" s="23"/>
      <c r="BYE139" s="23"/>
      <c r="BYF139" s="23"/>
      <c r="BYG139" s="23"/>
      <c r="BYH139" s="23"/>
      <c r="BYI139" s="23"/>
      <c r="BYJ139" s="23"/>
      <c r="BYK139" s="23"/>
      <c r="BYL139" s="23"/>
      <c r="BYM139" s="23"/>
      <c r="BYN139" s="23"/>
      <c r="BYO139" s="23"/>
      <c r="BYP139" s="23"/>
      <c r="BYQ139" s="23"/>
      <c r="BYR139" s="23"/>
      <c r="BYS139" s="23"/>
      <c r="BYT139" s="23"/>
      <c r="BYU139" s="23"/>
      <c r="BYV139" s="23"/>
      <c r="BYW139" s="23"/>
      <c r="BYX139" s="23"/>
      <c r="BYY139" s="23"/>
      <c r="BYZ139" s="23"/>
      <c r="BZA139" s="23"/>
      <c r="BZB139" s="23"/>
      <c r="BZC139" s="23"/>
      <c r="BZD139" s="23"/>
      <c r="BZE139" s="23"/>
      <c r="BZF139" s="23"/>
      <c r="BZG139" s="23"/>
      <c r="BZH139" s="23"/>
      <c r="BZI139" s="23"/>
      <c r="BZJ139" s="23"/>
      <c r="BZK139" s="23"/>
      <c r="BZL139" s="23"/>
      <c r="BZM139" s="23"/>
      <c r="BZN139" s="23"/>
      <c r="BZO139" s="23"/>
      <c r="BZP139" s="23"/>
      <c r="BZQ139" s="23"/>
      <c r="BZR139" s="23"/>
      <c r="BZS139" s="23"/>
      <c r="BZT139" s="23"/>
      <c r="BZU139" s="23"/>
      <c r="BZV139" s="23"/>
      <c r="BZW139" s="23"/>
      <c r="BZX139" s="23"/>
      <c r="BZY139" s="23"/>
      <c r="BZZ139" s="23"/>
      <c r="CAA139" s="23"/>
      <c r="CAB139" s="23"/>
      <c r="CAC139" s="23"/>
      <c r="CAD139" s="23"/>
      <c r="CAE139" s="23"/>
      <c r="CAF139" s="23"/>
      <c r="CAG139" s="23"/>
      <c r="CAH139" s="23"/>
      <c r="CAI139" s="23"/>
      <c r="CAJ139" s="23"/>
      <c r="CAK139" s="23"/>
      <c r="CAL139" s="23"/>
      <c r="CAM139" s="23"/>
      <c r="CAN139" s="23"/>
      <c r="CAO139" s="23"/>
      <c r="CAP139" s="23"/>
      <c r="CAQ139" s="23"/>
      <c r="CAR139" s="23"/>
      <c r="CAS139" s="23"/>
      <c r="CAT139" s="23"/>
      <c r="CAU139" s="23"/>
      <c r="CAV139" s="23"/>
      <c r="CAW139" s="23"/>
      <c r="CAX139" s="23"/>
      <c r="CAY139" s="23"/>
      <c r="CAZ139" s="23"/>
      <c r="CBA139" s="23"/>
      <c r="CBB139" s="23"/>
      <c r="CBC139" s="23"/>
      <c r="CBD139" s="23"/>
      <c r="CBE139" s="23"/>
      <c r="CBF139" s="23"/>
      <c r="CBG139" s="23"/>
      <c r="CBH139" s="23"/>
      <c r="CBI139" s="23"/>
      <c r="CBJ139" s="23"/>
      <c r="CBK139" s="23"/>
      <c r="CBL139" s="23"/>
      <c r="CBM139" s="23"/>
      <c r="CBN139" s="23"/>
      <c r="CBO139" s="23"/>
      <c r="CBP139" s="23"/>
      <c r="CBQ139" s="23"/>
      <c r="CBR139" s="23"/>
      <c r="CBS139" s="23"/>
      <c r="CBT139" s="23"/>
      <c r="CBU139" s="23"/>
      <c r="CBV139" s="23"/>
      <c r="CBW139" s="23"/>
      <c r="CBX139" s="23"/>
      <c r="CBY139" s="23"/>
      <c r="CBZ139" s="23"/>
      <c r="CCA139" s="23"/>
      <c r="CCB139" s="23"/>
      <c r="CCC139" s="23"/>
      <c r="CCD139" s="23"/>
      <c r="CCE139" s="23"/>
      <c r="CCF139" s="23"/>
      <c r="CCG139" s="23"/>
      <c r="CCH139" s="23"/>
      <c r="CCI139" s="23"/>
      <c r="CCJ139" s="23"/>
      <c r="CCK139" s="23"/>
      <c r="CCL139" s="23"/>
      <c r="CCM139" s="23"/>
      <c r="CCN139" s="23"/>
      <c r="CCO139" s="23"/>
      <c r="CCP139" s="23"/>
      <c r="CCQ139" s="23"/>
      <c r="CCR139" s="23"/>
      <c r="CCS139" s="23"/>
      <c r="CCT139" s="23"/>
      <c r="CCU139" s="23"/>
      <c r="CCV139" s="23"/>
      <c r="CCW139" s="23"/>
      <c r="CCX139" s="23"/>
      <c r="CCY139" s="23"/>
      <c r="CCZ139" s="23"/>
      <c r="CDA139" s="23"/>
      <c r="CDB139" s="23"/>
      <c r="CDC139" s="23"/>
      <c r="CDD139" s="23"/>
      <c r="CDE139" s="23"/>
      <c r="CDF139" s="23"/>
      <c r="CDG139" s="23"/>
      <c r="CDH139" s="23"/>
      <c r="CDI139" s="23"/>
      <c r="CDJ139" s="23"/>
      <c r="CDK139" s="23"/>
      <c r="CDL139" s="23"/>
      <c r="CDM139" s="23"/>
      <c r="CDN139" s="23"/>
      <c r="CDO139" s="23"/>
      <c r="CDP139" s="23"/>
      <c r="CDQ139" s="23"/>
      <c r="CDR139" s="23"/>
      <c r="CDS139" s="23"/>
      <c r="CDT139" s="23"/>
      <c r="CDU139" s="23"/>
      <c r="CDV139" s="23"/>
      <c r="CDW139" s="23"/>
      <c r="CDX139" s="23"/>
      <c r="CDY139" s="23"/>
      <c r="CDZ139" s="23"/>
      <c r="CEA139" s="23"/>
      <c r="CEB139" s="23"/>
      <c r="CEC139" s="23"/>
      <c r="CED139" s="23"/>
      <c r="CEE139" s="23"/>
      <c r="CEF139" s="23"/>
      <c r="CEG139" s="23"/>
      <c r="CEH139" s="23"/>
      <c r="CEI139" s="23"/>
      <c r="CEJ139" s="23"/>
      <c r="CEK139" s="23"/>
      <c r="CEL139" s="23"/>
      <c r="CEM139" s="23"/>
      <c r="CEN139" s="23"/>
      <c r="CEO139" s="23"/>
      <c r="CEP139" s="23"/>
      <c r="CEQ139" s="23"/>
      <c r="CER139" s="23"/>
      <c r="CES139" s="23"/>
      <c r="CET139" s="23"/>
      <c r="CEU139" s="23"/>
      <c r="CEV139" s="23"/>
      <c r="CEW139" s="23"/>
      <c r="CEX139" s="23"/>
      <c r="CEY139" s="23"/>
      <c r="CEZ139" s="23"/>
      <c r="CFA139" s="23"/>
      <c r="CFB139" s="23"/>
      <c r="CFC139" s="23"/>
      <c r="CFD139" s="23"/>
      <c r="CFE139" s="23"/>
      <c r="CFF139" s="23"/>
      <c r="CFG139" s="23"/>
      <c r="CFH139" s="23"/>
      <c r="CFI139" s="23"/>
      <c r="CFJ139" s="23"/>
      <c r="CFK139" s="23"/>
      <c r="CFL139" s="23"/>
      <c r="CFM139" s="23"/>
      <c r="CFN139" s="23"/>
      <c r="CFO139" s="23"/>
      <c r="CFP139" s="23"/>
      <c r="CFQ139" s="23"/>
      <c r="CFR139" s="23"/>
      <c r="CFS139" s="23"/>
      <c r="CFT139" s="23"/>
      <c r="CFU139" s="23"/>
      <c r="CFV139" s="23"/>
      <c r="CFW139" s="23"/>
      <c r="CFX139" s="23"/>
      <c r="CFY139" s="23"/>
      <c r="CFZ139" s="23"/>
      <c r="CGA139" s="23"/>
      <c r="CGB139" s="23"/>
      <c r="CGC139" s="23"/>
      <c r="CGD139" s="23"/>
      <c r="CGE139" s="23"/>
      <c r="CGF139" s="23"/>
      <c r="CGG139" s="23"/>
      <c r="CGH139" s="23"/>
      <c r="CGI139" s="23"/>
      <c r="CGJ139" s="23"/>
      <c r="CGK139" s="23"/>
      <c r="CGL139" s="23"/>
      <c r="CGM139" s="23"/>
      <c r="CGN139" s="23"/>
      <c r="CGO139" s="23"/>
      <c r="CGP139" s="23"/>
      <c r="CGQ139" s="23"/>
      <c r="CGR139" s="23"/>
      <c r="CGS139" s="23"/>
      <c r="CGT139" s="23"/>
      <c r="CGU139" s="23"/>
      <c r="CGV139" s="23"/>
      <c r="CGW139" s="23"/>
      <c r="CGX139" s="23"/>
      <c r="CGY139" s="23"/>
      <c r="CGZ139" s="23"/>
      <c r="CHA139" s="23"/>
      <c r="CHB139" s="23"/>
      <c r="CHC139" s="23"/>
      <c r="CHD139" s="23"/>
      <c r="CHE139" s="23"/>
      <c r="CHF139" s="23"/>
      <c r="CHG139" s="23"/>
      <c r="CHH139" s="23"/>
      <c r="CHI139" s="23"/>
      <c r="CHJ139" s="23"/>
      <c r="CHK139" s="23"/>
      <c r="CHL139" s="23"/>
      <c r="CHM139" s="23"/>
      <c r="CHN139" s="23"/>
      <c r="CHO139" s="23"/>
      <c r="CHP139" s="23"/>
      <c r="CHQ139" s="23"/>
      <c r="CHR139" s="23"/>
      <c r="CHS139" s="23"/>
      <c r="CHT139" s="23"/>
      <c r="CHU139" s="23"/>
      <c r="CHV139" s="23"/>
      <c r="CHW139" s="23"/>
      <c r="CHX139" s="23"/>
      <c r="CHY139" s="23"/>
      <c r="CHZ139" s="23"/>
      <c r="CIA139" s="23"/>
      <c r="CIB139" s="23"/>
      <c r="CIC139" s="23"/>
      <c r="CID139" s="23"/>
      <c r="CIE139" s="23"/>
      <c r="CIF139" s="23"/>
      <c r="CIG139" s="23"/>
      <c r="CIH139" s="23"/>
      <c r="CII139" s="23"/>
      <c r="CIJ139" s="23"/>
      <c r="CIK139" s="23"/>
      <c r="CIL139" s="23"/>
      <c r="CIM139" s="23"/>
      <c r="CIN139" s="23"/>
      <c r="CIO139" s="23"/>
      <c r="CIP139" s="23"/>
      <c r="CIQ139" s="23"/>
      <c r="CIR139" s="23"/>
      <c r="CIS139" s="23"/>
      <c r="CIT139" s="23"/>
      <c r="CIU139" s="23"/>
      <c r="CIV139" s="23"/>
      <c r="CIW139" s="23"/>
      <c r="CIX139" s="23"/>
      <c r="CIY139" s="23"/>
      <c r="CIZ139" s="23"/>
      <c r="CJA139" s="23"/>
      <c r="CJB139" s="23"/>
      <c r="CJC139" s="23"/>
      <c r="CJD139" s="23"/>
      <c r="CJE139" s="23"/>
      <c r="CJF139" s="23"/>
      <c r="CJG139" s="23"/>
      <c r="CJH139" s="23"/>
      <c r="CJI139" s="23"/>
      <c r="CJJ139" s="23"/>
      <c r="CJK139" s="23"/>
      <c r="CJL139" s="23"/>
      <c r="CJM139" s="23"/>
      <c r="CJN139" s="23"/>
      <c r="CJO139" s="23"/>
      <c r="CJP139" s="23"/>
      <c r="CJQ139" s="23"/>
      <c r="CJR139" s="23"/>
      <c r="CJS139" s="23"/>
      <c r="CJT139" s="23"/>
      <c r="CJU139" s="23"/>
      <c r="CJV139" s="23"/>
      <c r="CJW139" s="23"/>
      <c r="CJX139" s="23"/>
      <c r="CJY139" s="23"/>
      <c r="CJZ139" s="23"/>
      <c r="CKA139" s="23"/>
      <c r="CKB139" s="23"/>
      <c r="CKC139" s="23"/>
      <c r="CKD139" s="23"/>
      <c r="CKE139" s="23"/>
      <c r="CKF139" s="23"/>
      <c r="CKG139" s="23"/>
      <c r="CKH139" s="23"/>
      <c r="CKI139" s="23"/>
      <c r="CKJ139" s="23"/>
      <c r="CKK139" s="23"/>
      <c r="CKL139" s="23"/>
      <c r="CKM139" s="23"/>
      <c r="CKN139" s="23"/>
      <c r="CKO139" s="23"/>
      <c r="CKP139" s="23"/>
      <c r="CKQ139" s="23"/>
      <c r="CKR139" s="23"/>
      <c r="CKS139" s="23"/>
      <c r="CKT139" s="23"/>
      <c r="CKU139" s="23"/>
      <c r="CKV139" s="23"/>
      <c r="CKW139" s="23"/>
      <c r="CKX139" s="23"/>
      <c r="CKY139" s="23"/>
      <c r="CKZ139" s="23"/>
      <c r="CLA139" s="23"/>
      <c r="CLB139" s="23"/>
      <c r="CLC139" s="23"/>
      <c r="CLD139" s="23"/>
      <c r="CLE139" s="23"/>
      <c r="CLF139" s="23"/>
      <c r="CLG139" s="23"/>
      <c r="CLH139" s="23"/>
      <c r="CLI139" s="23"/>
      <c r="CLJ139" s="23"/>
      <c r="CLK139" s="23"/>
      <c r="CLL139" s="23"/>
      <c r="CLM139" s="23"/>
      <c r="CLN139" s="23"/>
      <c r="CLO139" s="23"/>
      <c r="CLP139" s="23"/>
      <c r="CLQ139" s="23"/>
      <c r="CLR139" s="23"/>
      <c r="CLS139" s="23"/>
      <c r="CLT139" s="23"/>
      <c r="CLU139" s="23"/>
      <c r="CLV139" s="23"/>
      <c r="CLW139" s="23"/>
      <c r="CLX139" s="23"/>
      <c r="CLY139" s="23"/>
      <c r="CLZ139" s="23"/>
      <c r="CMA139" s="23"/>
      <c r="CMB139" s="23"/>
      <c r="CMC139" s="23"/>
      <c r="CMD139" s="23"/>
      <c r="CME139" s="23"/>
      <c r="CMF139" s="23"/>
      <c r="CMG139" s="23"/>
      <c r="CMH139" s="23"/>
      <c r="CMI139" s="23"/>
      <c r="CMJ139" s="23"/>
      <c r="CMK139" s="23"/>
      <c r="CML139" s="23"/>
      <c r="CMM139" s="23"/>
      <c r="CMN139" s="23"/>
      <c r="CMO139" s="23"/>
      <c r="CMP139" s="23"/>
      <c r="CMQ139" s="23"/>
      <c r="CMR139" s="23"/>
      <c r="CMS139" s="23"/>
      <c r="CMT139" s="23"/>
      <c r="CMU139" s="23"/>
      <c r="CMV139" s="23"/>
      <c r="CMW139" s="23"/>
      <c r="CMX139" s="23"/>
      <c r="CMY139" s="23"/>
      <c r="CMZ139" s="23"/>
      <c r="CNA139" s="23"/>
      <c r="CNB139" s="23"/>
      <c r="CNC139" s="23"/>
      <c r="CND139" s="23"/>
      <c r="CNE139" s="23"/>
      <c r="CNF139" s="23"/>
      <c r="CNG139" s="23"/>
      <c r="CNH139" s="23"/>
      <c r="CNI139" s="23"/>
      <c r="CNJ139" s="23"/>
      <c r="CNK139" s="23"/>
      <c r="CNL139" s="23"/>
      <c r="CNM139" s="23"/>
      <c r="CNN139" s="23"/>
      <c r="CNO139" s="23"/>
      <c r="CNP139" s="23"/>
      <c r="CNQ139" s="23"/>
      <c r="CNR139" s="23"/>
      <c r="CNS139" s="23"/>
      <c r="CNT139" s="23"/>
      <c r="CNU139" s="23"/>
      <c r="CNV139" s="23"/>
      <c r="CNW139" s="23"/>
      <c r="CNX139" s="23"/>
      <c r="CNY139" s="23"/>
      <c r="CNZ139" s="23"/>
      <c r="COA139" s="23"/>
      <c r="COB139" s="23"/>
      <c r="COC139" s="23"/>
      <c r="COD139" s="23"/>
      <c r="COE139" s="23"/>
      <c r="COF139" s="23"/>
      <c r="COG139" s="23"/>
      <c r="COH139" s="23"/>
      <c r="COI139" s="23"/>
      <c r="COJ139" s="23"/>
      <c r="COK139" s="23"/>
      <c r="COL139" s="23"/>
      <c r="COM139" s="23"/>
      <c r="CON139" s="23"/>
      <c r="COO139" s="23"/>
      <c r="COP139" s="23"/>
      <c r="COQ139" s="23"/>
      <c r="COR139" s="23"/>
      <c r="COS139" s="23"/>
      <c r="COT139" s="23"/>
      <c r="COU139" s="23"/>
      <c r="COV139" s="23"/>
      <c r="COW139" s="23"/>
      <c r="COX139" s="23"/>
      <c r="COY139" s="23"/>
      <c r="COZ139" s="23"/>
      <c r="CPA139" s="23"/>
      <c r="CPB139" s="23"/>
      <c r="CPC139" s="23"/>
      <c r="CPD139" s="23"/>
      <c r="CPE139" s="23"/>
      <c r="CPF139" s="23"/>
      <c r="CPG139" s="23"/>
      <c r="CPH139" s="23"/>
      <c r="CPI139" s="23"/>
      <c r="CPJ139" s="23"/>
      <c r="CPK139" s="23"/>
      <c r="CPL139" s="23"/>
      <c r="CPM139" s="23"/>
      <c r="CPN139" s="23"/>
      <c r="CPO139" s="23"/>
      <c r="CPP139" s="23"/>
      <c r="CPQ139" s="23"/>
      <c r="CPR139" s="23"/>
      <c r="CPS139" s="23"/>
      <c r="CPT139" s="23"/>
      <c r="CPU139" s="23"/>
      <c r="CPV139" s="23"/>
      <c r="CPW139" s="23"/>
      <c r="CPX139" s="23"/>
      <c r="CPY139" s="23"/>
      <c r="CPZ139" s="23"/>
      <c r="CQA139" s="23"/>
      <c r="CQB139" s="23"/>
      <c r="CQC139" s="23"/>
      <c r="CQD139" s="23"/>
      <c r="CQE139" s="23"/>
      <c r="CQF139" s="23"/>
      <c r="CQG139" s="23"/>
      <c r="CQH139" s="23"/>
      <c r="CQI139" s="23"/>
      <c r="CQJ139" s="23"/>
      <c r="CQK139" s="23"/>
      <c r="CQL139" s="23"/>
      <c r="CQM139" s="23"/>
      <c r="CQN139" s="23"/>
      <c r="CQO139" s="23"/>
      <c r="CQP139" s="23"/>
      <c r="CQQ139" s="23"/>
      <c r="CQR139" s="23"/>
      <c r="CQS139" s="23"/>
      <c r="CQT139" s="23"/>
      <c r="CQU139" s="23"/>
      <c r="CQV139" s="23"/>
      <c r="CQW139" s="23"/>
      <c r="CQX139" s="23"/>
      <c r="CQY139" s="23"/>
      <c r="CQZ139" s="23"/>
      <c r="CRA139" s="23"/>
      <c r="CRB139" s="23"/>
      <c r="CRC139" s="23"/>
      <c r="CRD139" s="23"/>
      <c r="CRE139" s="23"/>
      <c r="CRF139" s="23"/>
      <c r="CRG139" s="23"/>
      <c r="CRH139" s="23"/>
      <c r="CRI139" s="23"/>
      <c r="CRJ139" s="23"/>
      <c r="CRK139" s="23"/>
      <c r="CRL139" s="23"/>
      <c r="CRM139" s="23"/>
      <c r="CRN139" s="23"/>
      <c r="CRO139" s="23"/>
      <c r="CRP139" s="23"/>
      <c r="CRQ139" s="23"/>
      <c r="CRR139" s="23"/>
      <c r="CRS139" s="23"/>
      <c r="CRT139" s="23"/>
      <c r="CRU139" s="23"/>
      <c r="CRV139" s="23"/>
      <c r="CRW139" s="23"/>
      <c r="CRX139" s="23"/>
      <c r="CRY139" s="23"/>
      <c r="CRZ139" s="23"/>
      <c r="CSA139" s="23"/>
      <c r="CSB139" s="23"/>
      <c r="CSC139" s="23"/>
      <c r="CSD139" s="23"/>
      <c r="CSE139" s="23"/>
      <c r="CSF139" s="23"/>
      <c r="CSG139" s="23"/>
      <c r="CSH139" s="23"/>
      <c r="CSI139" s="23"/>
      <c r="CSJ139" s="23"/>
      <c r="CSK139" s="23"/>
      <c r="CSL139" s="23"/>
      <c r="CSM139" s="23"/>
      <c r="CSN139" s="23"/>
      <c r="CSO139" s="23"/>
      <c r="CSP139" s="23"/>
      <c r="CSQ139" s="23"/>
      <c r="CSR139" s="23"/>
      <c r="CSS139" s="23"/>
      <c r="CST139" s="23"/>
      <c r="CSU139" s="23"/>
      <c r="CSV139" s="23"/>
      <c r="CSW139" s="23"/>
      <c r="CSX139" s="23"/>
      <c r="CSY139" s="23"/>
      <c r="CSZ139" s="23"/>
      <c r="CTA139" s="23"/>
      <c r="CTB139" s="23"/>
      <c r="CTC139" s="23"/>
      <c r="CTD139" s="23"/>
      <c r="CTE139" s="23"/>
      <c r="CTF139" s="23"/>
      <c r="CTG139" s="23"/>
      <c r="CTH139" s="23"/>
      <c r="CTI139" s="23"/>
      <c r="CTJ139" s="23"/>
      <c r="CTK139" s="23"/>
      <c r="CTL139" s="23"/>
      <c r="CTM139" s="23"/>
      <c r="CTN139" s="23"/>
      <c r="CTO139" s="23"/>
      <c r="CTP139" s="23"/>
      <c r="CTQ139" s="23"/>
      <c r="CTR139" s="23"/>
      <c r="CTS139" s="23"/>
      <c r="CTT139" s="23"/>
      <c r="CTU139" s="23"/>
      <c r="CTV139" s="23"/>
      <c r="CTW139" s="23"/>
      <c r="CTX139" s="23"/>
      <c r="CTY139" s="23"/>
      <c r="CTZ139" s="23"/>
      <c r="CUA139" s="23"/>
      <c r="CUB139" s="23"/>
      <c r="CUC139" s="23"/>
      <c r="CUD139" s="23"/>
      <c r="CUE139" s="23"/>
      <c r="CUF139" s="23"/>
      <c r="CUG139" s="23"/>
      <c r="CUH139" s="23"/>
      <c r="CUI139" s="23"/>
      <c r="CUJ139" s="23"/>
      <c r="CUK139" s="23"/>
      <c r="CUL139" s="23"/>
      <c r="CUM139" s="23"/>
      <c r="CUN139" s="23"/>
      <c r="CUO139" s="23"/>
      <c r="CUP139" s="23"/>
      <c r="CUQ139" s="23"/>
      <c r="CUR139" s="23"/>
      <c r="CUS139" s="23"/>
      <c r="CUT139" s="23"/>
      <c r="CUU139" s="23"/>
      <c r="CUV139" s="23"/>
      <c r="CUW139" s="23"/>
      <c r="CUX139" s="23"/>
      <c r="CUY139" s="23"/>
      <c r="CUZ139" s="23"/>
      <c r="CVA139" s="23"/>
      <c r="CVB139" s="23"/>
      <c r="CVC139" s="23"/>
      <c r="CVD139" s="23"/>
      <c r="CVE139" s="23"/>
      <c r="CVF139" s="23"/>
      <c r="CVG139" s="23"/>
      <c r="CVH139" s="23"/>
      <c r="CVI139" s="23"/>
      <c r="CVJ139" s="23"/>
      <c r="CVK139" s="23"/>
      <c r="CVL139" s="23"/>
      <c r="CVM139" s="23"/>
      <c r="CVN139" s="23"/>
      <c r="CVO139" s="23"/>
      <c r="CVP139" s="23"/>
      <c r="CVQ139" s="23"/>
      <c r="CVR139" s="23"/>
      <c r="CVS139" s="23"/>
      <c r="CVT139" s="23"/>
      <c r="CVU139" s="23"/>
      <c r="CVV139" s="23"/>
      <c r="CVW139" s="23"/>
      <c r="CVX139" s="23"/>
      <c r="CVY139" s="23"/>
      <c r="CVZ139" s="23"/>
      <c r="CWA139" s="23"/>
      <c r="CWB139" s="23"/>
      <c r="CWC139" s="23"/>
      <c r="CWD139" s="23"/>
      <c r="CWE139" s="23"/>
      <c r="CWF139" s="23"/>
      <c r="CWG139" s="23"/>
      <c r="CWH139" s="23"/>
      <c r="CWI139" s="23"/>
      <c r="CWJ139" s="23"/>
      <c r="CWK139" s="23"/>
      <c r="CWL139" s="23"/>
      <c r="CWM139" s="23"/>
      <c r="CWN139" s="23"/>
      <c r="CWO139" s="23"/>
      <c r="CWP139" s="23"/>
      <c r="CWQ139" s="23"/>
      <c r="CWR139" s="23"/>
      <c r="CWS139" s="23"/>
      <c r="CWT139" s="23"/>
      <c r="CWU139" s="23"/>
      <c r="CWV139" s="23"/>
      <c r="CWW139" s="23"/>
      <c r="CWX139" s="23"/>
      <c r="CWY139" s="23"/>
      <c r="CWZ139" s="23"/>
      <c r="CXA139" s="23"/>
      <c r="CXB139" s="23"/>
      <c r="CXC139" s="23"/>
      <c r="CXD139" s="23"/>
      <c r="CXE139" s="23"/>
      <c r="CXF139" s="23"/>
      <c r="CXG139" s="23"/>
      <c r="CXH139" s="23"/>
      <c r="CXI139" s="23"/>
      <c r="CXJ139" s="23"/>
      <c r="CXK139" s="23"/>
      <c r="CXL139" s="23"/>
      <c r="CXM139" s="23"/>
      <c r="CXN139" s="23"/>
      <c r="CXO139" s="23"/>
      <c r="CXP139" s="23"/>
      <c r="CXQ139" s="23"/>
      <c r="CXR139" s="23"/>
      <c r="CXS139" s="23"/>
      <c r="CXT139" s="23"/>
      <c r="CXU139" s="23"/>
      <c r="CXV139" s="23"/>
      <c r="CXW139" s="23"/>
      <c r="CXX139" s="23"/>
      <c r="CXY139" s="23"/>
      <c r="CXZ139" s="23"/>
      <c r="CYA139" s="23"/>
      <c r="CYB139" s="23"/>
      <c r="CYC139" s="23"/>
      <c r="CYD139" s="23"/>
      <c r="CYE139" s="23"/>
      <c r="CYF139" s="23"/>
      <c r="CYG139" s="23"/>
      <c r="CYH139" s="23"/>
      <c r="CYI139" s="23"/>
      <c r="CYJ139" s="23"/>
      <c r="CYK139" s="23"/>
      <c r="CYL139" s="23"/>
      <c r="CYM139" s="23"/>
      <c r="CYN139" s="23"/>
      <c r="CYO139" s="23"/>
      <c r="CYP139" s="23"/>
      <c r="CYQ139" s="23"/>
      <c r="CYR139" s="23"/>
      <c r="CYS139" s="23"/>
      <c r="CYT139" s="23"/>
      <c r="CYU139" s="23"/>
      <c r="CYV139" s="23"/>
      <c r="CYW139" s="23"/>
      <c r="CYX139" s="23"/>
      <c r="CYY139" s="23"/>
      <c r="CYZ139" s="23"/>
      <c r="CZA139" s="23"/>
      <c r="CZB139" s="23"/>
      <c r="CZC139" s="23"/>
      <c r="CZD139" s="23"/>
      <c r="CZE139" s="23"/>
      <c r="CZF139" s="23"/>
      <c r="CZG139" s="23"/>
      <c r="CZH139" s="23"/>
      <c r="CZI139" s="23"/>
      <c r="CZJ139" s="23"/>
      <c r="CZK139" s="23"/>
      <c r="CZL139" s="23"/>
      <c r="CZM139" s="23"/>
      <c r="CZN139" s="23"/>
      <c r="CZO139" s="23"/>
      <c r="CZP139" s="23"/>
      <c r="CZQ139" s="23"/>
      <c r="CZR139" s="23"/>
      <c r="CZS139" s="23"/>
      <c r="CZT139" s="23"/>
      <c r="CZU139" s="23"/>
      <c r="CZV139" s="23"/>
      <c r="CZW139" s="23"/>
      <c r="CZX139" s="23"/>
      <c r="CZY139" s="23"/>
      <c r="CZZ139" s="23"/>
      <c r="DAA139" s="23"/>
      <c r="DAB139" s="23"/>
      <c r="DAC139" s="23"/>
      <c r="DAD139" s="23"/>
      <c r="DAE139" s="23"/>
      <c r="DAF139" s="23"/>
      <c r="DAG139" s="23"/>
      <c r="DAH139" s="23"/>
      <c r="DAI139" s="23"/>
      <c r="DAJ139" s="23"/>
      <c r="DAK139" s="23"/>
      <c r="DAL139" s="23"/>
      <c r="DAM139" s="23"/>
      <c r="DAN139" s="23"/>
      <c r="DAO139" s="23"/>
      <c r="DAP139" s="23"/>
      <c r="DAQ139" s="23"/>
      <c r="DAR139" s="23"/>
      <c r="DAS139" s="23"/>
      <c r="DAT139" s="23"/>
      <c r="DAU139" s="23"/>
      <c r="DAV139" s="23"/>
      <c r="DAW139" s="23"/>
      <c r="DAX139" s="23"/>
      <c r="DAY139" s="23"/>
      <c r="DAZ139" s="23"/>
      <c r="DBA139" s="23"/>
      <c r="DBB139" s="23"/>
      <c r="DBC139" s="23"/>
      <c r="DBD139" s="23"/>
      <c r="DBE139" s="23"/>
      <c r="DBF139" s="23"/>
      <c r="DBG139" s="23"/>
      <c r="DBH139" s="23"/>
      <c r="DBI139" s="23"/>
      <c r="DBJ139" s="23"/>
      <c r="DBK139" s="23"/>
      <c r="DBL139" s="23"/>
      <c r="DBM139" s="23"/>
      <c r="DBN139" s="23"/>
      <c r="DBO139" s="23"/>
      <c r="DBP139" s="23"/>
      <c r="DBQ139" s="23"/>
      <c r="DBR139" s="23"/>
      <c r="DBS139" s="23"/>
      <c r="DBT139" s="23"/>
      <c r="DBU139" s="23"/>
      <c r="DBV139" s="23"/>
      <c r="DBW139" s="23"/>
      <c r="DBX139" s="23"/>
      <c r="DBY139" s="23"/>
      <c r="DBZ139" s="23"/>
      <c r="DCA139" s="23"/>
      <c r="DCB139" s="23"/>
      <c r="DCC139" s="23"/>
      <c r="DCD139" s="23"/>
      <c r="DCE139" s="23"/>
      <c r="DCF139" s="23"/>
      <c r="DCG139" s="23"/>
      <c r="DCH139" s="23"/>
      <c r="DCI139" s="23"/>
      <c r="DCJ139" s="23"/>
      <c r="DCK139" s="23"/>
      <c r="DCL139" s="23"/>
      <c r="DCM139" s="23"/>
      <c r="DCN139" s="23"/>
      <c r="DCO139" s="23"/>
      <c r="DCP139" s="23"/>
      <c r="DCQ139" s="23"/>
      <c r="DCR139" s="23"/>
      <c r="DCS139" s="23"/>
      <c r="DCT139" s="23"/>
      <c r="DCU139" s="23"/>
      <c r="DCV139" s="23"/>
      <c r="DCW139" s="23"/>
      <c r="DCX139" s="23"/>
      <c r="DCY139" s="23"/>
      <c r="DCZ139" s="23"/>
      <c r="DDA139" s="23"/>
      <c r="DDB139" s="23"/>
      <c r="DDC139" s="23"/>
      <c r="DDD139" s="23"/>
      <c r="DDE139" s="23"/>
      <c r="DDF139" s="23"/>
      <c r="DDG139" s="23"/>
      <c r="DDH139" s="23"/>
      <c r="DDI139" s="23"/>
      <c r="DDJ139" s="23"/>
      <c r="DDK139" s="23"/>
      <c r="DDL139" s="23"/>
      <c r="DDM139" s="23"/>
      <c r="DDN139" s="23"/>
      <c r="DDO139" s="23"/>
      <c r="DDP139" s="23"/>
      <c r="DDQ139" s="23"/>
      <c r="DDR139" s="23"/>
      <c r="DDS139" s="23"/>
      <c r="DDT139" s="23"/>
      <c r="DDU139" s="23"/>
      <c r="DDV139" s="23"/>
      <c r="DDW139" s="23"/>
      <c r="DDX139" s="23"/>
      <c r="DDY139" s="23"/>
      <c r="DDZ139" s="23"/>
      <c r="DEA139" s="23"/>
      <c r="DEB139" s="23"/>
      <c r="DEC139" s="23"/>
      <c r="DED139" s="23"/>
      <c r="DEE139" s="23"/>
      <c r="DEF139" s="23"/>
      <c r="DEG139" s="23"/>
      <c r="DEH139" s="23"/>
      <c r="DEI139" s="23"/>
      <c r="DEJ139" s="23"/>
      <c r="DEK139" s="23"/>
      <c r="DEL139" s="23"/>
      <c r="DEM139" s="23"/>
      <c r="DEN139" s="23"/>
      <c r="DEO139" s="23"/>
      <c r="DEP139" s="23"/>
      <c r="DEQ139" s="23"/>
      <c r="DER139" s="23"/>
      <c r="DES139" s="23"/>
      <c r="DET139" s="23"/>
      <c r="DEU139" s="23"/>
      <c r="DEV139" s="23"/>
      <c r="DEW139" s="23"/>
      <c r="DEX139" s="23"/>
      <c r="DEY139" s="23"/>
      <c r="DEZ139" s="23"/>
      <c r="DFA139" s="23"/>
      <c r="DFB139" s="23"/>
      <c r="DFC139" s="23"/>
      <c r="DFD139" s="23"/>
      <c r="DFE139" s="23"/>
      <c r="DFF139" s="23"/>
      <c r="DFG139" s="23"/>
      <c r="DFH139" s="23"/>
      <c r="DFI139" s="23"/>
      <c r="DFJ139" s="23"/>
      <c r="DFK139" s="23"/>
      <c r="DFL139" s="23"/>
      <c r="DFM139" s="23"/>
      <c r="DFN139" s="23"/>
      <c r="DFO139" s="23"/>
      <c r="DFP139" s="23"/>
      <c r="DFQ139" s="23"/>
      <c r="DFR139" s="23"/>
      <c r="DFS139" s="23"/>
      <c r="DFT139" s="23"/>
      <c r="DFU139" s="23"/>
      <c r="DFV139" s="23"/>
      <c r="DFW139" s="23"/>
      <c r="DFX139" s="23"/>
      <c r="DFY139" s="23"/>
      <c r="DFZ139" s="23"/>
      <c r="DGA139" s="23"/>
      <c r="DGB139" s="23"/>
      <c r="DGC139" s="23"/>
      <c r="DGD139" s="23"/>
      <c r="DGE139" s="23"/>
      <c r="DGF139" s="23"/>
      <c r="DGG139" s="23"/>
      <c r="DGH139" s="23"/>
      <c r="DGI139" s="23"/>
      <c r="DGJ139" s="23"/>
      <c r="DGK139" s="23"/>
      <c r="DGL139" s="23"/>
      <c r="DGM139" s="23"/>
      <c r="DGN139" s="23"/>
      <c r="DGO139" s="23"/>
      <c r="DGP139" s="23"/>
      <c r="DGQ139" s="23"/>
      <c r="DGR139" s="23"/>
      <c r="DGS139" s="23"/>
      <c r="DGT139" s="23"/>
      <c r="DGU139" s="23"/>
      <c r="DGV139" s="23"/>
      <c r="DGW139" s="23"/>
      <c r="DGX139" s="23"/>
      <c r="DGY139" s="23"/>
      <c r="DGZ139" s="23"/>
      <c r="DHA139" s="23"/>
      <c r="DHB139" s="23"/>
      <c r="DHC139" s="23"/>
      <c r="DHD139" s="23"/>
      <c r="DHE139" s="23"/>
      <c r="DHF139" s="23"/>
      <c r="DHG139" s="23"/>
      <c r="DHH139" s="23"/>
      <c r="DHI139" s="23"/>
      <c r="DHJ139" s="23"/>
      <c r="DHK139" s="23"/>
      <c r="DHL139" s="23"/>
      <c r="DHM139" s="23"/>
      <c r="DHN139" s="23"/>
      <c r="DHO139" s="23"/>
      <c r="DHP139" s="23"/>
      <c r="DHQ139" s="23"/>
      <c r="DHR139" s="23"/>
      <c r="DHS139" s="23"/>
      <c r="DHT139" s="23"/>
      <c r="DHU139" s="23"/>
      <c r="DHV139" s="23"/>
      <c r="DHW139" s="23"/>
      <c r="DHX139" s="23"/>
      <c r="DHY139" s="23"/>
      <c r="DHZ139" s="23"/>
      <c r="DIA139" s="23"/>
      <c r="DIB139" s="23"/>
      <c r="DIC139" s="23"/>
      <c r="DID139" s="23"/>
      <c r="DIE139" s="23"/>
      <c r="DIF139" s="23"/>
      <c r="DIG139" s="23"/>
      <c r="DIH139" s="23"/>
      <c r="DII139" s="23"/>
      <c r="DIJ139" s="23"/>
      <c r="DIK139" s="23"/>
      <c r="DIL139" s="23"/>
      <c r="DIM139" s="23"/>
      <c r="DIN139" s="23"/>
      <c r="DIO139" s="23"/>
      <c r="DIP139" s="23"/>
      <c r="DIQ139" s="23"/>
      <c r="DIR139" s="23"/>
      <c r="DIS139" s="23"/>
      <c r="DIT139" s="23"/>
      <c r="DIU139" s="23"/>
      <c r="DIV139" s="23"/>
      <c r="DIW139" s="23"/>
      <c r="DIX139" s="23"/>
      <c r="DIY139" s="23"/>
      <c r="DIZ139" s="23"/>
      <c r="DJA139" s="23"/>
      <c r="DJB139" s="23"/>
      <c r="DJC139" s="23"/>
      <c r="DJD139" s="23"/>
      <c r="DJE139" s="23"/>
      <c r="DJF139" s="23"/>
      <c r="DJG139" s="23"/>
      <c r="DJH139" s="23"/>
      <c r="DJI139" s="23"/>
      <c r="DJJ139" s="23"/>
      <c r="DJK139" s="23"/>
      <c r="DJL139" s="23"/>
      <c r="DJM139" s="23"/>
      <c r="DJN139" s="23"/>
      <c r="DJO139" s="23"/>
      <c r="DJP139" s="23"/>
      <c r="DJQ139" s="23"/>
      <c r="DJR139" s="23"/>
      <c r="DJS139" s="23"/>
      <c r="DJT139" s="23"/>
      <c r="DJU139" s="23"/>
      <c r="DJV139" s="23"/>
      <c r="DJW139" s="23"/>
      <c r="DJX139" s="23"/>
      <c r="DJY139" s="23"/>
      <c r="DJZ139" s="23"/>
      <c r="DKA139" s="23"/>
      <c r="DKB139" s="23"/>
      <c r="DKC139" s="23"/>
      <c r="DKD139" s="23"/>
      <c r="DKE139" s="23"/>
      <c r="DKF139" s="23"/>
      <c r="DKG139" s="23"/>
      <c r="DKH139" s="23"/>
      <c r="DKI139" s="23"/>
      <c r="DKJ139" s="23"/>
      <c r="DKK139" s="23"/>
      <c r="DKL139" s="23"/>
      <c r="DKM139" s="23"/>
      <c r="DKN139" s="23"/>
      <c r="DKO139" s="23"/>
      <c r="DKP139" s="23"/>
      <c r="DKQ139" s="23"/>
      <c r="DKR139" s="23"/>
      <c r="DKS139" s="23"/>
      <c r="DKT139" s="23"/>
      <c r="DKU139" s="23"/>
      <c r="DKV139" s="23"/>
      <c r="DKW139" s="23"/>
      <c r="DKX139" s="23"/>
      <c r="DKY139" s="23"/>
      <c r="DKZ139" s="23"/>
      <c r="DLA139" s="23"/>
      <c r="DLB139" s="23"/>
      <c r="DLC139" s="23"/>
      <c r="DLD139" s="23"/>
      <c r="DLE139" s="23"/>
      <c r="DLF139" s="23"/>
      <c r="DLG139" s="23"/>
      <c r="DLH139" s="23"/>
      <c r="DLI139" s="23"/>
      <c r="DLJ139" s="23"/>
      <c r="DLK139" s="23"/>
      <c r="DLL139" s="23"/>
      <c r="DLM139" s="23"/>
      <c r="DLN139" s="23"/>
      <c r="DLO139" s="23"/>
      <c r="DLP139" s="23"/>
      <c r="DLQ139" s="23"/>
      <c r="DLR139" s="23"/>
      <c r="DLS139" s="23"/>
      <c r="DLT139" s="23"/>
      <c r="DLU139" s="23"/>
      <c r="DLV139" s="23"/>
      <c r="DLW139" s="23"/>
      <c r="DLX139" s="23"/>
      <c r="DLY139" s="23"/>
      <c r="DLZ139" s="23"/>
      <c r="DMA139" s="23"/>
      <c r="DMB139" s="23"/>
      <c r="DMC139" s="23"/>
      <c r="DMD139" s="23"/>
      <c r="DME139" s="23"/>
      <c r="DMF139" s="23"/>
      <c r="DMG139" s="23"/>
      <c r="DMH139" s="23"/>
      <c r="DMI139" s="23"/>
      <c r="DMJ139" s="23"/>
      <c r="DMK139" s="23"/>
      <c r="DML139" s="23"/>
      <c r="DMM139" s="23"/>
      <c r="DMN139" s="23"/>
      <c r="DMO139" s="23"/>
      <c r="DMP139" s="23"/>
      <c r="DMQ139" s="23"/>
      <c r="DMR139" s="23"/>
      <c r="DMS139" s="23"/>
      <c r="DMT139" s="23"/>
      <c r="DMU139" s="23"/>
      <c r="DMV139" s="23"/>
      <c r="DMW139" s="23"/>
      <c r="DMX139" s="23"/>
      <c r="DMY139" s="23"/>
      <c r="DMZ139" s="23"/>
      <c r="DNA139" s="23"/>
      <c r="DNB139" s="23"/>
      <c r="DNC139" s="23"/>
      <c r="DND139" s="23"/>
      <c r="DNE139" s="23"/>
      <c r="DNF139" s="23"/>
      <c r="DNG139" s="23"/>
      <c r="DNH139" s="23"/>
      <c r="DNI139" s="23"/>
      <c r="DNJ139" s="23"/>
      <c r="DNK139" s="23"/>
      <c r="DNL139" s="23"/>
      <c r="DNM139" s="23"/>
      <c r="DNN139" s="23"/>
      <c r="DNO139" s="23"/>
      <c r="DNP139" s="23"/>
      <c r="DNQ139" s="23"/>
      <c r="DNR139" s="23"/>
      <c r="DNS139" s="23"/>
      <c r="DNT139" s="23"/>
      <c r="DNU139" s="23"/>
      <c r="DNV139" s="23"/>
      <c r="DNW139" s="23"/>
      <c r="DNX139" s="23"/>
      <c r="DNY139" s="23"/>
      <c r="DNZ139" s="23"/>
      <c r="DOA139" s="23"/>
      <c r="DOB139" s="23"/>
      <c r="DOC139" s="23"/>
      <c r="DOD139" s="23"/>
      <c r="DOE139" s="23"/>
      <c r="DOF139" s="23"/>
      <c r="DOG139" s="23"/>
      <c r="DOH139" s="23"/>
      <c r="DOI139" s="23"/>
      <c r="DOJ139" s="23"/>
      <c r="DOK139" s="23"/>
      <c r="DOL139" s="23"/>
      <c r="DOM139" s="23"/>
      <c r="DON139" s="23"/>
      <c r="DOO139" s="23"/>
      <c r="DOP139" s="23"/>
      <c r="DOQ139" s="23"/>
      <c r="DOR139" s="23"/>
      <c r="DOS139" s="23"/>
      <c r="DOT139" s="23"/>
      <c r="DOU139" s="23"/>
      <c r="DOV139" s="23"/>
      <c r="DOW139" s="23"/>
      <c r="DOX139" s="23"/>
      <c r="DOY139" s="23"/>
      <c r="DOZ139" s="23"/>
      <c r="DPA139" s="23"/>
      <c r="DPB139" s="23"/>
      <c r="DPC139" s="23"/>
      <c r="DPD139" s="23"/>
      <c r="DPE139" s="23"/>
      <c r="DPF139" s="23"/>
      <c r="DPG139" s="23"/>
      <c r="DPH139" s="23"/>
      <c r="DPI139" s="23"/>
      <c r="DPJ139" s="23"/>
      <c r="DPK139" s="23"/>
      <c r="DPL139" s="23"/>
      <c r="DPM139" s="23"/>
      <c r="DPN139" s="23"/>
      <c r="DPO139" s="23"/>
      <c r="DPP139" s="23"/>
      <c r="DPQ139" s="23"/>
      <c r="DPR139" s="23"/>
      <c r="DPS139" s="23"/>
      <c r="DPT139" s="23"/>
      <c r="DPU139" s="23"/>
      <c r="DPV139" s="23"/>
      <c r="DPW139" s="23"/>
      <c r="DPX139" s="23"/>
      <c r="DPY139" s="23"/>
      <c r="DPZ139" s="23"/>
      <c r="DQA139" s="23"/>
      <c r="DQB139" s="23"/>
      <c r="DQC139" s="23"/>
      <c r="DQD139" s="23"/>
      <c r="DQE139" s="23"/>
      <c r="DQF139" s="23"/>
      <c r="DQG139" s="23"/>
      <c r="DQH139" s="23"/>
      <c r="DQI139" s="23"/>
      <c r="DQJ139" s="23"/>
      <c r="DQK139" s="23"/>
      <c r="DQL139" s="23"/>
      <c r="DQM139" s="23"/>
      <c r="DQN139" s="23"/>
      <c r="DQO139" s="23"/>
      <c r="DQP139" s="23"/>
      <c r="DQQ139" s="23"/>
      <c r="DQR139" s="23"/>
      <c r="DQS139" s="23"/>
      <c r="DQT139" s="23"/>
      <c r="DQU139" s="23"/>
      <c r="DQV139" s="23"/>
      <c r="DQW139" s="23"/>
      <c r="DQX139" s="23"/>
      <c r="DQY139" s="23"/>
      <c r="DQZ139" s="23"/>
      <c r="DRA139" s="23"/>
      <c r="DRB139" s="23"/>
      <c r="DRC139" s="23"/>
      <c r="DRD139" s="23"/>
      <c r="DRE139" s="23"/>
      <c r="DRF139" s="23"/>
      <c r="DRG139" s="23"/>
      <c r="DRH139" s="23"/>
      <c r="DRI139" s="23"/>
      <c r="DRJ139" s="23"/>
      <c r="DRK139" s="23"/>
      <c r="DRL139" s="23"/>
      <c r="DRM139" s="23"/>
      <c r="DRN139" s="23"/>
      <c r="DRO139" s="23"/>
      <c r="DRP139" s="23"/>
      <c r="DRQ139" s="23"/>
      <c r="DRR139" s="23"/>
      <c r="DRS139" s="23"/>
      <c r="DRT139" s="23"/>
      <c r="DRU139" s="23"/>
      <c r="DRV139" s="23"/>
      <c r="DRW139" s="23"/>
      <c r="DRX139" s="23"/>
      <c r="DRY139" s="23"/>
      <c r="DRZ139" s="23"/>
      <c r="DSA139" s="23"/>
      <c r="DSB139" s="23"/>
      <c r="DSC139" s="23"/>
      <c r="DSD139" s="23"/>
      <c r="DSE139" s="23"/>
      <c r="DSF139" s="23"/>
      <c r="DSG139" s="23"/>
      <c r="DSH139" s="23"/>
      <c r="DSI139" s="23"/>
      <c r="DSJ139" s="23"/>
      <c r="DSK139" s="23"/>
      <c r="DSL139" s="23"/>
      <c r="DSM139" s="23"/>
      <c r="DSN139" s="23"/>
      <c r="DSO139" s="23"/>
      <c r="DSP139" s="23"/>
      <c r="DSQ139" s="23"/>
      <c r="DSR139" s="23"/>
      <c r="DSS139" s="23"/>
      <c r="DST139" s="23"/>
      <c r="DSU139" s="23"/>
      <c r="DSV139" s="23"/>
      <c r="DSW139" s="23"/>
      <c r="DSX139" s="23"/>
      <c r="DSY139" s="23"/>
      <c r="DSZ139" s="23"/>
      <c r="DTA139" s="23"/>
      <c r="DTB139" s="23"/>
      <c r="DTC139" s="23"/>
      <c r="DTD139" s="23"/>
      <c r="DTE139" s="23"/>
      <c r="DTF139" s="23"/>
      <c r="DTG139" s="23"/>
      <c r="DTH139" s="23"/>
      <c r="DTI139" s="23"/>
      <c r="DTJ139" s="23"/>
      <c r="DTK139" s="23"/>
      <c r="DTL139" s="23"/>
      <c r="DTM139" s="23"/>
      <c r="DTN139" s="23"/>
      <c r="DTO139" s="23"/>
      <c r="DTP139" s="23"/>
      <c r="DTQ139" s="23"/>
      <c r="DTR139" s="23"/>
      <c r="DTS139" s="23"/>
      <c r="DTT139" s="23"/>
      <c r="DTU139" s="23"/>
      <c r="DTV139" s="23"/>
      <c r="DTW139" s="23"/>
      <c r="DTX139" s="23"/>
      <c r="DTY139" s="23"/>
      <c r="DTZ139" s="23"/>
      <c r="DUA139" s="23"/>
      <c r="DUB139" s="23"/>
      <c r="DUC139" s="23"/>
      <c r="DUD139" s="23"/>
      <c r="DUE139" s="23"/>
      <c r="DUF139" s="23"/>
      <c r="DUG139" s="23"/>
      <c r="DUH139" s="23"/>
      <c r="DUI139" s="23"/>
      <c r="DUJ139" s="23"/>
      <c r="DUK139" s="23"/>
      <c r="DUL139" s="23"/>
      <c r="DUM139" s="23"/>
      <c r="DUN139" s="23"/>
      <c r="DUO139" s="23"/>
      <c r="DUP139" s="23"/>
      <c r="DUQ139" s="23"/>
      <c r="DUR139" s="23"/>
      <c r="DUS139" s="23"/>
      <c r="DUT139" s="23"/>
      <c r="DUU139" s="23"/>
      <c r="DUV139" s="23"/>
      <c r="DUW139" s="23"/>
      <c r="DUX139" s="23"/>
      <c r="DUY139" s="23"/>
      <c r="DUZ139" s="23"/>
      <c r="DVA139" s="23"/>
      <c r="DVB139" s="23"/>
      <c r="DVC139" s="23"/>
      <c r="DVD139" s="23"/>
      <c r="DVE139" s="23"/>
      <c r="DVF139" s="23"/>
      <c r="DVG139" s="23"/>
      <c r="DVH139" s="23"/>
      <c r="DVI139" s="23"/>
      <c r="DVJ139" s="23"/>
      <c r="DVK139" s="23"/>
      <c r="DVL139" s="23"/>
      <c r="DVM139" s="23"/>
      <c r="DVN139" s="23"/>
      <c r="DVO139" s="23"/>
      <c r="DVP139" s="23"/>
      <c r="DVQ139" s="23"/>
      <c r="DVR139" s="23"/>
      <c r="DVS139" s="23"/>
      <c r="DVT139" s="23"/>
      <c r="DVU139" s="23"/>
      <c r="DVV139" s="23"/>
      <c r="DVW139" s="23"/>
      <c r="DVX139" s="23"/>
      <c r="DVY139" s="23"/>
      <c r="DVZ139" s="23"/>
      <c r="DWA139" s="23"/>
      <c r="DWB139" s="23"/>
      <c r="DWC139" s="23"/>
      <c r="DWD139" s="23"/>
      <c r="DWE139" s="23"/>
      <c r="DWF139" s="23"/>
      <c r="DWG139" s="23"/>
      <c r="DWH139" s="23"/>
      <c r="DWI139" s="23"/>
      <c r="DWJ139" s="23"/>
      <c r="DWK139" s="23"/>
      <c r="DWL139" s="23"/>
      <c r="DWM139" s="23"/>
      <c r="DWN139" s="23"/>
      <c r="DWO139" s="23"/>
      <c r="DWP139" s="23"/>
      <c r="DWQ139" s="23"/>
      <c r="DWR139" s="23"/>
      <c r="DWS139" s="23"/>
      <c r="DWT139" s="23"/>
      <c r="DWU139" s="23"/>
      <c r="DWV139" s="23"/>
      <c r="DWW139" s="23"/>
      <c r="DWX139" s="23"/>
      <c r="DWY139" s="23"/>
      <c r="DWZ139" s="23"/>
      <c r="DXA139" s="23"/>
      <c r="DXB139" s="23"/>
      <c r="DXC139" s="23"/>
      <c r="DXD139" s="23"/>
      <c r="DXE139" s="23"/>
      <c r="DXF139" s="23"/>
      <c r="DXG139" s="23"/>
      <c r="DXH139" s="23"/>
      <c r="DXI139" s="23"/>
      <c r="DXJ139" s="23"/>
      <c r="DXK139" s="23"/>
      <c r="DXL139" s="23"/>
      <c r="DXM139" s="23"/>
      <c r="DXN139" s="23"/>
      <c r="DXO139" s="23"/>
      <c r="DXP139" s="23"/>
      <c r="DXQ139" s="23"/>
      <c r="DXR139" s="23"/>
      <c r="DXS139" s="23"/>
      <c r="DXT139" s="23"/>
      <c r="DXU139" s="23"/>
      <c r="DXV139" s="23"/>
      <c r="DXW139" s="23"/>
      <c r="DXX139" s="23"/>
      <c r="DXY139" s="23"/>
      <c r="DXZ139" s="23"/>
      <c r="DYA139" s="23"/>
      <c r="DYB139" s="23"/>
      <c r="DYC139" s="23"/>
      <c r="DYD139" s="23"/>
      <c r="DYE139" s="23"/>
      <c r="DYF139" s="23"/>
      <c r="DYG139" s="23"/>
      <c r="DYH139" s="23"/>
      <c r="DYI139" s="23"/>
      <c r="DYJ139" s="23"/>
      <c r="DYK139" s="23"/>
      <c r="DYL139" s="23"/>
      <c r="DYM139" s="23"/>
      <c r="DYN139" s="23"/>
      <c r="DYO139" s="23"/>
      <c r="DYP139" s="23"/>
      <c r="DYQ139" s="23"/>
      <c r="DYR139" s="23"/>
      <c r="DYS139" s="23"/>
      <c r="DYT139" s="23"/>
      <c r="DYU139" s="23"/>
      <c r="DYV139" s="23"/>
      <c r="DYW139" s="23"/>
      <c r="DYX139" s="23"/>
      <c r="DYY139" s="23"/>
      <c r="DYZ139" s="23"/>
      <c r="DZA139" s="23"/>
      <c r="DZB139" s="23"/>
      <c r="DZC139" s="23"/>
      <c r="DZD139" s="23"/>
      <c r="DZE139" s="23"/>
      <c r="DZF139" s="23"/>
      <c r="DZG139" s="23"/>
      <c r="DZH139" s="23"/>
      <c r="DZI139" s="23"/>
      <c r="DZJ139" s="23"/>
      <c r="DZK139" s="23"/>
      <c r="DZL139" s="23"/>
      <c r="DZM139" s="23"/>
      <c r="DZN139" s="23"/>
      <c r="DZO139" s="23"/>
      <c r="DZP139" s="23"/>
      <c r="DZQ139" s="23"/>
      <c r="DZR139" s="23"/>
      <c r="DZS139" s="23"/>
      <c r="DZT139" s="23"/>
      <c r="DZU139" s="23"/>
      <c r="DZV139" s="23"/>
      <c r="DZW139" s="23"/>
      <c r="DZX139" s="23"/>
      <c r="DZY139" s="23"/>
      <c r="DZZ139" s="23"/>
      <c r="EAA139" s="23"/>
      <c r="EAB139" s="23"/>
      <c r="EAC139" s="23"/>
      <c r="EAD139" s="23"/>
      <c r="EAE139" s="23"/>
      <c r="EAF139" s="23"/>
      <c r="EAG139" s="23"/>
      <c r="EAH139" s="23"/>
      <c r="EAI139" s="23"/>
      <c r="EAJ139" s="23"/>
      <c r="EAK139" s="23"/>
      <c r="EAL139" s="23"/>
      <c r="EAM139" s="23"/>
      <c r="EAN139" s="23"/>
      <c r="EAO139" s="23"/>
      <c r="EAP139" s="23"/>
      <c r="EAQ139" s="23"/>
      <c r="EAR139" s="23"/>
      <c r="EAS139" s="23"/>
      <c r="EAT139" s="23"/>
      <c r="EAU139" s="23"/>
      <c r="EAV139" s="23"/>
      <c r="EAW139" s="23"/>
      <c r="EAX139" s="23"/>
      <c r="EAY139" s="23"/>
      <c r="EAZ139" s="23"/>
      <c r="EBA139" s="23"/>
      <c r="EBB139" s="23"/>
      <c r="EBC139" s="23"/>
      <c r="EBD139" s="23"/>
      <c r="EBE139" s="23"/>
      <c r="EBF139" s="23"/>
      <c r="EBG139" s="23"/>
      <c r="EBH139" s="23"/>
      <c r="EBI139" s="23"/>
      <c r="EBJ139" s="23"/>
      <c r="EBK139" s="23"/>
      <c r="EBL139" s="23"/>
      <c r="EBM139" s="23"/>
      <c r="EBN139" s="23"/>
      <c r="EBO139" s="23"/>
      <c r="EBP139" s="23"/>
      <c r="EBQ139" s="23"/>
      <c r="EBR139" s="23"/>
      <c r="EBS139" s="23"/>
      <c r="EBT139" s="23"/>
      <c r="EBU139" s="23"/>
      <c r="EBV139" s="23"/>
      <c r="EBW139" s="23"/>
      <c r="EBX139" s="23"/>
      <c r="EBY139" s="23"/>
      <c r="EBZ139" s="23"/>
      <c r="ECA139" s="23"/>
      <c r="ECB139" s="23"/>
      <c r="ECC139" s="23"/>
      <c r="ECD139" s="23"/>
      <c r="ECE139" s="23"/>
      <c r="ECF139" s="23"/>
      <c r="ECG139" s="23"/>
      <c r="ECH139" s="23"/>
      <c r="ECI139" s="23"/>
      <c r="ECJ139" s="23"/>
      <c r="ECK139" s="23"/>
      <c r="ECL139" s="23"/>
      <c r="ECM139" s="23"/>
      <c r="ECN139" s="23"/>
      <c r="ECO139" s="23"/>
      <c r="ECP139" s="23"/>
      <c r="ECQ139" s="23"/>
      <c r="ECR139" s="23"/>
      <c r="ECS139" s="23"/>
      <c r="ECT139" s="23"/>
      <c r="ECU139" s="23"/>
      <c r="ECV139" s="23"/>
      <c r="ECW139" s="23"/>
      <c r="ECX139" s="23"/>
      <c r="ECY139" s="23"/>
      <c r="ECZ139" s="23"/>
      <c r="EDA139" s="23"/>
      <c r="EDB139" s="23"/>
      <c r="EDC139" s="23"/>
      <c r="EDD139" s="23"/>
      <c r="EDE139" s="23"/>
      <c r="EDF139" s="23"/>
      <c r="EDG139" s="23"/>
      <c r="EDH139" s="23"/>
      <c r="EDI139" s="23"/>
      <c r="EDJ139" s="23"/>
      <c r="EDK139" s="23"/>
      <c r="EDL139" s="23"/>
      <c r="EDM139" s="23"/>
      <c r="EDN139" s="23"/>
      <c r="EDO139" s="23"/>
      <c r="EDP139" s="23"/>
      <c r="EDQ139" s="23"/>
      <c r="EDR139" s="23"/>
      <c r="EDS139" s="23"/>
      <c r="EDT139" s="23"/>
      <c r="EDU139" s="23"/>
      <c r="EDV139" s="23"/>
      <c r="EDW139" s="23"/>
      <c r="EDX139" s="23"/>
      <c r="EDY139" s="23"/>
      <c r="EDZ139" s="23"/>
      <c r="EEA139" s="23"/>
      <c r="EEB139" s="23"/>
      <c r="EEC139" s="23"/>
      <c r="EED139" s="23"/>
      <c r="EEE139" s="23"/>
      <c r="EEF139" s="23"/>
      <c r="EEG139" s="23"/>
      <c r="EEH139" s="23"/>
      <c r="EEI139" s="23"/>
      <c r="EEJ139" s="23"/>
      <c r="EEK139" s="23"/>
      <c r="EEL139" s="23"/>
      <c r="EEM139" s="23"/>
      <c r="EEN139" s="23"/>
      <c r="EEO139" s="23"/>
      <c r="EEP139" s="23"/>
      <c r="EEQ139" s="23"/>
      <c r="EER139" s="23"/>
      <c r="EES139" s="23"/>
      <c r="EET139" s="23"/>
      <c r="EEU139" s="23"/>
      <c r="EEV139" s="23"/>
      <c r="EEW139" s="23"/>
      <c r="EEX139" s="23"/>
      <c r="EEY139" s="23"/>
      <c r="EEZ139" s="23"/>
      <c r="EFA139" s="23"/>
      <c r="EFB139" s="23"/>
      <c r="EFC139" s="23"/>
      <c r="EFD139" s="23"/>
      <c r="EFE139" s="23"/>
      <c r="EFF139" s="23"/>
      <c r="EFG139" s="23"/>
      <c r="EFH139" s="23"/>
      <c r="EFI139" s="23"/>
      <c r="EFJ139" s="23"/>
      <c r="EFK139" s="23"/>
      <c r="EFL139" s="23"/>
      <c r="EFM139" s="23"/>
      <c r="EFN139" s="23"/>
      <c r="EFO139" s="23"/>
      <c r="EFP139" s="23"/>
      <c r="EFQ139" s="23"/>
      <c r="EFR139" s="23"/>
      <c r="EFS139" s="23"/>
      <c r="EFT139" s="23"/>
      <c r="EFU139" s="23"/>
      <c r="EFV139" s="23"/>
      <c r="EFW139" s="23"/>
      <c r="EFX139" s="23"/>
      <c r="EFY139" s="23"/>
      <c r="EFZ139" s="23"/>
      <c r="EGA139" s="23"/>
      <c r="EGB139" s="23"/>
      <c r="EGC139" s="23"/>
      <c r="EGD139" s="23"/>
      <c r="EGE139" s="23"/>
      <c r="EGF139" s="23"/>
      <c r="EGG139" s="23"/>
      <c r="EGH139" s="23"/>
      <c r="EGI139" s="23"/>
      <c r="EGJ139" s="23"/>
      <c r="EGK139" s="23"/>
      <c r="EGL139" s="23"/>
      <c r="EGM139" s="23"/>
      <c r="EGN139" s="23"/>
      <c r="EGO139" s="23"/>
      <c r="EGP139" s="23"/>
      <c r="EGQ139" s="23"/>
      <c r="EGR139" s="23"/>
      <c r="EGS139" s="23"/>
      <c r="EGT139" s="23"/>
      <c r="EGU139" s="23"/>
      <c r="EGV139" s="23"/>
      <c r="EGW139" s="23"/>
      <c r="EGX139" s="23"/>
      <c r="EGY139" s="23"/>
      <c r="EGZ139" s="23"/>
      <c r="EHA139" s="23"/>
      <c r="EHB139" s="23"/>
      <c r="EHC139" s="23"/>
      <c r="EHD139" s="23"/>
      <c r="EHE139" s="23"/>
      <c r="EHF139" s="23"/>
      <c r="EHG139" s="23"/>
      <c r="EHH139" s="23"/>
      <c r="EHI139" s="23"/>
      <c r="EHJ139" s="23"/>
      <c r="EHK139" s="23"/>
      <c r="EHL139" s="23"/>
      <c r="EHM139" s="23"/>
      <c r="EHN139" s="23"/>
      <c r="EHO139" s="23"/>
      <c r="EHP139" s="23"/>
      <c r="EHQ139" s="23"/>
      <c r="EHR139" s="23"/>
      <c r="EHS139" s="23"/>
      <c r="EHT139" s="23"/>
      <c r="EHU139" s="23"/>
      <c r="EHV139" s="23"/>
      <c r="EHW139" s="23"/>
      <c r="EHX139" s="23"/>
      <c r="EHY139" s="23"/>
      <c r="EHZ139" s="23"/>
      <c r="EIA139" s="23"/>
      <c r="EIB139" s="23"/>
      <c r="EIC139" s="23"/>
      <c r="EID139" s="23"/>
      <c r="EIE139" s="23"/>
      <c r="EIF139" s="23"/>
      <c r="EIG139" s="23"/>
      <c r="EIH139" s="23"/>
      <c r="EII139" s="23"/>
      <c r="EIJ139" s="23"/>
      <c r="EIK139" s="23"/>
      <c r="EIL139" s="23"/>
      <c r="EIM139" s="23"/>
      <c r="EIN139" s="23"/>
      <c r="EIO139" s="23"/>
      <c r="EIP139" s="23"/>
      <c r="EIQ139" s="23"/>
      <c r="EIR139" s="23"/>
      <c r="EIS139" s="23"/>
      <c r="EIT139" s="23"/>
      <c r="EIU139" s="23"/>
      <c r="EIV139" s="23"/>
      <c r="EIW139" s="23"/>
      <c r="EIX139" s="23"/>
      <c r="EIY139" s="23"/>
      <c r="EIZ139" s="23"/>
      <c r="EJA139" s="23"/>
      <c r="EJB139" s="23"/>
      <c r="EJC139" s="23"/>
      <c r="EJD139" s="23"/>
      <c r="EJE139" s="23"/>
      <c r="EJF139" s="23"/>
      <c r="EJG139" s="23"/>
      <c r="EJH139" s="23"/>
      <c r="EJI139" s="23"/>
      <c r="EJJ139" s="23"/>
      <c r="EJK139" s="23"/>
      <c r="EJL139" s="23"/>
      <c r="EJM139" s="23"/>
      <c r="EJN139" s="23"/>
      <c r="EJO139" s="23"/>
      <c r="EJP139" s="23"/>
      <c r="EJQ139" s="23"/>
      <c r="EJR139" s="23"/>
      <c r="EJS139" s="23"/>
      <c r="EJT139" s="23"/>
      <c r="EJU139" s="23"/>
      <c r="EJV139" s="23"/>
      <c r="EJW139" s="23"/>
      <c r="EJX139" s="23"/>
      <c r="EJY139" s="23"/>
      <c r="EJZ139" s="23"/>
      <c r="EKA139" s="23"/>
      <c r="EKB139" s="23"/>
      <c r="EKC139" s="23"/>
      <c r="EKD139" s="23"/>
      <c r="EKE139" s="23"/>
      <c r="EKF139" s="23"/>
      <c r="EKG139" s="23"/>
      <c r="EKH139" s="23"/>
      <c r="EKI139" s="23"/>
      <c r="EKJ139" s="23"/>
      <c r="EKK139" s="23"/>
      <c r="EKL139" s="23"/>
      <c r="EKM139" s="23"/>
      <c r="EKN139" s="23"/>
      <c r="EKO139" s="23"/>
      <c r="EKP139" s="23"/>
      <c r="EKQ139" s="23"/>
      <c r="EKR139" s="23"/>
      <c r="EKS139" s="23"/>
      <c r="EKT139" s="23"/>
      <c r="EKU139" s="23"/>
      <c r="EKV139" s="23"/>
      <c r="EKW139" s="23"/>
      <c r="EKX139" s="23"/>
      <c r="EKY139" s="23"/>
      <c r="EKZ139" s="23"/>
      <c r="ELA139" s="23"/>
      <c r="ELB139" s="23"/>
      <c r="ELC139" s="23"/>
      <c r="ELD139" s="23"/>
      <c r="ELE139" s="23"/>
      <c r="ELF139" s="23"/>
      <c r="ELG139" s="23"/>
      <c r="ELH139" s="23"/>
      <c r="ELI139" s="23"/>
      <c r="ELJ139" s="23"/>
      <c r="ELK139" s="23"/>
      <c r="ELL139" s="23"/>
      <c r="ELM139" s="23"/>
      <c r="ELN139" s="23"/>
      <c r="ELO139" s="23"/>
      <c r="ELP139" s="23"/>
      <c r="ELQ139" s="23"/>
      <c r="ELR139" s="23"/>
      <c r="ELS139" s="23"/>
      <c r="ELT139" s="23"/>
      <c r="ELU139" s="23"/>
      <c r="ELV139" s="23"/>
      <c r="ELW139" s="23"/>
      <c r="ELX139" s="23"/>
      <c r="ELY139" s="23"/>
      <c r="ELZ139" s="23"/>
      <c r="EMA139" s="23"/>
      <c r="EMB139" s="23"/>
      <c r="EMC139" s="23"/>
      <c r="EMD139" s="23"/>
      <c r="EME139" s="23"/>
      <c r="EMF139" s="23"/>
      <c r="EMG139" s="23"/>
      <c r="EMH139" s="23"/>
      <c r="EMI139" s="23"/>
      <c r="EMJ139" s="23"/>
      <c r="EMK139" s="23"/>
      <c r="EML139" s="23"/>
      <c r="EMM139" s="23"/>
      <c r="EMN139" s="23"/>
      <c r="EMO139" s="23"/>
      <c r="EMP139" s="23"/>
      <c r="EMQ139" s="23"/>
      <c r="EMR139" s="23"/>
      <c r="EMS139" s="23"/>
      <c r="EMT139" s="23"/>
      <c r="EMU139" s="23"/>
      <c r="EMV139" s="23"/>
      <c r="EMW139" s="23"/>
      <c r="EMX139" s="23"/>
      <c r="EMY139" s="23"/>
      <c r="EMZ139" s="23"/>
      <c r="ENA139" s="23"/>
      <c r="ENB139" s="23"/>
      <c r="ENC139" s="23"/>
      <c r="END139" s="23"/>
      <c r="ENE139" s="23"/>
      <c r="ENF139" s="23"/>
      <c r="ENG139" s="23"/>
      <c r="ENH139" s="23"/>
      <c r="ENI139" s="23"/>
      <c r="ENJ139" s="23"/>
      <c r="ENK139" s="23"/>
      <c r="ENL139" s="23"/>
      <c r="ENM139" s="23"/>
      <c r="ENN139" s="23"/>
      <c r="ENO139" s="23"/>
      <c r="ENP139" s="23"/>
      <c r="ENQ139" s="23"/>
      <c r="ENR139" s="23"/>
      <c r="ENS139" s="23"/>
      <c r="ENT139" s="23"/>
      <c r="ENU139" s="23"/>
      <c r="ENV139" s="23"/>
      <c r="ENW139" s="23"/>
      <c r="ENX139" s="23"/>
      <c r="ENY139" s="23"/>
      <c r="ENZ139" s="23"/>
      <c r="EOA139" s="23"/>
      <c r="EOB139" s="23"/>
      <c r="EOC139" s="23"/>
      <c r="EOD139" s="23"/>
      <c r="EOE139" s="23"/>
      <c r="EOF139" s="23"/>
      <c r="EOG139" s="23"/>
      <c r="EOH139" s="23"/>
      <c r="EOI139" s="23"/>
      <c r="EOJ139" s="23"/>
      <c r="EOK139" s="23"/>
      <c r="EOL139" s="23"/>
      <c r="EOM139" s="23"/>
      <c r="EON139" s="23"/>
      <c r="EOO139" s="23"/>
      <c r="EOP139" s="23"/>
      <c r="EOQ139" s="23"/>
      <c r="EOR139" s="23"/>
      <c r="EOS139" s="23"/>
      <c r="EOT139" s="23"/>
      <c r="EOU139" s="23"/>
      <c r="EOV139" s="23"/>
      <c r="EOW139" s="23"/>
      <c r="EOX139" s="23"/>
      <c r="EOY139" s="23"/>
      <c r="EOZ139" s="23"/>
      <c r="EPA139" s="23"/>
      <c r="EPB139" s="23"/>
      <c r="EPC139" s="23"/>
      <c r="EPD139" s="23"/>
      <c r="EPE139" s="23"/>
      <c r="EPF139" s="23"/>
      <c r="EPG139" s="23"/>
      <c r="EPH139" s="23"/>
      <c r="EPI139" s="23"/>
      <c r="EPJ139" s="23"/>
      <c r="EPK139" s="23"/>
      <c r="EPL139" s="23"/>
      <c r="EPM139" s="23"/>
      <c r="EPN139" s="23"/>
      <c r="EPO139" s="23"/>
      <c r="EPP139" s="23"/>
      <c r="EPQ139" s="23"/>
      <c r="EPR139" s="23"/>
      <c r="EPS139" s="23"/>
      <c r="EPT139" s="23"/>
      <c r="EPU139" s="23"/>
      <c r="EPV139" s="23"/>
      <c r="EPW139" s="23"/>
      <c r="EPX139" s="23"/>
      <c r="EPY139" s="23"/>
      <c r="EPZ139" s="23"/>
      <c r="EQA139" s="23"/>
      <c r="EQB139" s="23"/>
      <c r="EQC139" s="23"/>
      <c r="EQD139" s="23"/>
      <c r="EQE139" s="23"/>
      <c r="EQF139" s="23"/>
      <c r="EQG139" s="23"/>
      <c r="EQH139" s="23"/>
      <c r="EQI139" s="23"/>
      <c r="EQJ139" s="23"/>
      <c r="EQK139" s="23"/>
      <c r="EQL139" s="23"/>
      <c r="EQM139" s="23"/>
      <c r="EQN139" s="23"/>
      <c r="EQO139" s="23"/>
      <c r="EQP139" s="23"/>
      <c r="EQQ139" s="23"/>
      <c r="EQR139" s="23"/>
      <c r="EQS139" s="23"/>
      <c r="EQT139" s="23"/>
      <c r="EQU139" s="23"/>
      <c r="EQV139" s="23"/>
      <c r="EQW139" s="23"/>
      <c r="EQX139" s="23"/>
      <c r="EQY139" s="23"/>
      <c r="EQZ139" s="23"/>
      <c r="ERA139" s="23"/>
      <c r="ERB139" s="23"/>
      <c r="ERC139" s="23"/>
      <c r="ERD139" s="23"/>
      <c r="ERE139" s="23"/>
      <c r="ERF139" s="23"/>
      <c r="ERG139" s="23"/>
      <c r="ERH139" s="23"/>
      <c r="ERI139" s="23"/>
      <c r="ERJ139" s="23"/>
      <c r="ERK139" s="23"/>
      <c r="ERL139" s="23"/>
      <c r="ERM139" s="23"/>
      <c r="ERN139" s="23"/>
      <c r="ERO139" s="23"/>
      <c r="ERP139" s="23"/>
      <c r="ERQ139" s="23"/>
      <c r="ERR139" s="23"/>
      <c r="ERS139" s="23"/>
      <c r="ERT139" s="23"/>
      <c r="ERU139" s="23"/>
      <c r="ERV139" s="23"/>
      <c r="ERW139" s="23"/>
      <c r="ERX139" s="23"/>
      <c r="ERY139" s="23"/>
      <c r="ERZ139" s="23"/>
      <c r="ESA139" s="23"/>
      <c r="ESB139" s="23"/>
      <c r="ESC139" s="23"/>
      <c r="ESD139" s="23"/>
      <c r="ESE139" s="23"/>
      <c r="ESF139" s="23"/>
      <c r="ESG139" s="23"/>
      <c r="ESH139" s="23"/>
      <c r="ESI139" s="23"/>
      <c r="ESJ139" s="23"/>
      <c r="ESK139" s="23"/>
      <c r="ESL139" s="23"/>
      <c r="ESM139" s="23"/>
      <c r="ESN139" s="23"/>
      <c r="ESO139" s="23"/>
      <c r="ESP139" s="23"/>
      <c r="ESQ139" s="23"/>
      <c r="ESR139" s="23"/>
      <c r="ESS139" s="23"/>
      <c r="EST139" s="23"/>
      <c r="ESU139" s="23"/>
      <c r="ESV139" s="23"/>
      <c r="ESW139" s="23"/>
      <c r="ESX139" s="23"/>
      <c r="ESY139" s="23"/>
      <c r="ESZ139" s="23"/>
      <c r="ETA139" s="23"/>
      <c r="ETB139" s="23"/>
      <c r="ETC139" s="23"/>
      <c r="ETD139" s="23"/>
      <c r="ETE139" s="23"/>
      <c r="ETF139" s="23"/>
      <c r="ETG139" s="23"/>
      <c r="ETH139" s="23"/>
      <c r="ETI139" s="23"/>
      <c r="ETJ139" s="23"/>
      <c r="ETK139" s="23"/>
      <c r="ETL139" s="23"/>
      <c r="ETM139" s="23"/>
      <c r="ETN139" s="23"/>
      <c r="ETO139" s="23"/>
      <c r="ETP139" s="23"/>
      <c r="ETQ139" s="23"/>
      <c r="ETR139" s="23"/>
      <c r="ETS139" s="23"/>
      <c r="ETT139" s="23"/>
      <c r="ETU139" s="23"/>
      <c r="ETV139" s="23"/>
      <c r="ETW139" s="23"/>
      <c r="ETX139" s="23"/>
      <c r="ETY139" s="23"/>
      <c r="ETZ139" s="23"/>
      <c r="EUA139" s="23"/>
      <c r="EUB139" s="23"/>
      <c r="EUC139" s="23"/>
      <c r="EUD139" s="23"/>
      <c r="EUE139" s="23"/>
      <c r="EUF139" s="23"/>
      <c r="EUG139" s="23"/>
      <c r="EUH139" s="23"/>
      <c r="EUI139" s="23"/>
      <c r="EUJ139" s="23"/>
      <c r="EUK139" s="23"/>
      <c r="EUL139" s="23"/>
      <c r="EUM139" s="23"/>
      <c r="EUN139" s="23"/>
      <c r="EUO139" s="23"/>
      <c r="EUP139" s="23"/>
      <c r="EUQ139" s="23"/>
      <c r="EUR139" s="23"/>
      <c r="EUS139" s="23"/>
      <c r="EUT139" s="23"/>
      <c r="EUU139" s="23"/>
      <c r="EUV139" s="23"/>
      <c r="EUW139" s="23"/>
      <c r="EUX139" s="23"/>
      <c r="EUY139" s="23"/>
      <c r="EUZ139" s="23"/>
      <c r="EVA139" s="23"/>
      <c r="EVB139" s="23"/>
      <c r="EVC139" s="23"/>
      <c r="EVD139" s="23"/>
      <c r="EVE139" s="23"/>
      <c r="EVF139" s="23"/>
      <c r="EVG139" s="23"/>
      <c r="EVH139" s="23"/>
      <c r="EVI139" s="23"/>
      <c r="EVJ139" s="23"/>
      <c r="EVK139" s="23"/>
      <c r="EVL139" s="23"/>
      <c r="EVM139" s="23"/>
      <c r="EVN139" s="23"/>
      <c r="EVO139" s="23"/>
      <c r="EVP139" s="23"/>
      <c r="EVQ139" s="23"/>
      <c r="EVR139" s="23"/>
      <c r="EVS139" s="23"/>
      <c r="EVT139" s="23"/>
      <c r="EVU139" s="23"/>
      <c r="EVV139" s="23"/>
      <c r="EVW139" s="23"/>
      <c r="EVX139" s="23"/>
      <c r="EVY139" s="23"/>
      <c r="EVZ139" s="23"/>
      <c r="EWA139" s="23"/>
      <c r="EWB139" s="23"/>
      <c r="EWC139" s="23"/>
      <c r="EWD139" s="23"/>
      <c r="EWE139" s="23"/>
      <c r="EWF139" s="23"/>
      <c r="EWG139" s="23"/>
      <c r="EWH139" s="23"/>
      <c r="EWI139" s="23"/>
      <c r="EWJ139" s="23"/>
      <c r="EWK139" s="23"/>
      <c r="EWL139" s="23"/>
      <c r="EWM139" s="23"/>
      <c r="EWN139" s="23"/>
      <c r="EWO139" s="23"/>
      <c r="EWP139" s="23"/>
      <c r="EWQ139" s="23"/>
      <c r="EWR139" s="23"/>
      <c r="EWS139" s="23"/>
      <c r="EWT139" s="23"/>
      <c r="EWU139" s="23"/>
      <c r="EWV139" s="23"/>
      <c r="EWW139" s="23"/>
      <c r="EWX139" s="23"/>
      <c r="EWY139" s="23"/>
      <c r="EWZ139" s="23"/>
      <c r="EXA139" s="23"/>
      <c r="EXB139" s="23"/>
      <c r="EXC139" s="23"/>
      <c r="EXD139" s="23"/>
      <c r="EXE139" s="23"/>
      <c r="EXF139" s="23"/>
      <c r="EXG139" s="23"/>
      <c r="EXH139" s="23"/>
      <c r="EXI139" s="23"/>
      <c r="EXJ139" s="23"/>
      <c r="EXK139" s="23"/>
      <c r="EXL139" s="23"/>
      <c r="EXM139" s="23"/>
      <c r="EXN139" s="23"/>
      <c r="EXO139" s="23"/>
      <c r="EXP139" s="23"/>
      <c r="EXQ139" s="23"/>
      <c r="EXR139" s="23"/>
      <c r="EXS139" s="23"/>
      <c r="EXT139" s="23"/>
      <c r="EXU139" s="23"/>
      <c r="EXV139" s="23"/>
      <c r="EXW139" s="23"/>
      <c r="EXX139" s="23"/>
      <c r="EXY139" s="23"/>
      <c r="EXZ139" s="23"/>
      <c r="EYA139" s="23"/>
      <c r="EYB139" s="23"/>
      <c r="EYC139" s="23"/>
      <c r="EYD139" s="23"/>
      <c r="EYE139" s="23"/>
      <c r="EYF139" s="23"/>
      <c r="EYG139" s="23"/>
      <c r="EYH139" s="23"/>
      <c r="EYI139" s="23"/>
      <c r="EYJ139" s="23"/>
      <c r="EYK139" s="23"/>
      <c r="EYL139" s="23"/>
      <c r="EYM139" s="23"/>
      <c r="EYN139" s="23"/>
      <c r="EYO139" s="23"/>
      <c r="EYP139" s="23"/>
      <c r="EYQ139" s="23"/>
      <c r="EYR139" s="23"/>
      <c r="EYS139" s="23"/>
      <c r="EYT139" s="23"/>
      <c r="EYU139" s="23"/>
      <c r="EYV139" s="23"/>
      <c r="EYW139" s="23"/>
      <c r="EYX139" s="23"/>
      <c r="EYY139" s="23"/>
      <c r="EYZ139" s="23"/>
      <c r="EZA139" s="23"/>
      <c r="EZB139" s="23"/>
      <c r="EZC139" s="23"/>
      <c r="EZD139" s="23"/>
      <c r="EZE139" s="23"/>
      <c r="EZF139" s="23"/>
      <c r="EZG139" s="23"/>
      <c r="EZH139" s="23"/>
      <c r="EZI139" s="23"/>
      <c r="EZJ139" s="23"/>
      <c r="EZK139" s="23"/>
      <c r="EZL139" s="23"/>
      <c r="EZM139" s="23"/>
      <c r="EZN139" s="23"/>
      <c r="EZO139" s="23"/>
      <c r="EZP139" s="23"/>
      <c r="EZQ139" s="23"/>
      <c r="EZR139" s="23"/>
      <c r="EZS139" s="23"/>
      <c r="EZT139" s="23"/>
      <c r="EZU139" s="23"/>
      <c r="EZV139" s="23"/>
      <c r="EZW139" s="23"/>
      <c r="EZX139" s="23"/>
      <c r="EZY139" s="23"/>
      <c r="EZZ139" s="23"/>
      <c r="FAA139" s="23"/>
      <c r="FAB139" s="23"/>
      <c r="FAC139" s="23"/>
      <c r="FAD139" s="23"/>
      <c r="FAE139" s="23"/>
      <c r="FAF139" s="23"/>
      <c r="FAG139" s="23"/>
      <c r="FAH139" s="23"/>
      <c r="FAI139" s="23"/>
      <c r="FAJ139" s="23"/>
      <c r="FAK139" s="23"/>
      <c r="FAL139" s="23"/>
      <c r="FAM139" s="23"/>
      <c r="FAN139" s="23"/>
      <c r="FAO139" s="23"/>
      <c r="FAP139" s="23"/>
      <c r="FAQ139" s="23"/>
      <c r="FAR139" s="23"/>
      <c r="FAS139" s="23"/>
      <c r="FAT139" s="23"/>
      <c r="FAU139" s="23"/>
      <c r="FAV139" s="23"/>
      <c r="FAW139" s="23"/>
      <c r="FAX139" s="23"/>
      <c r="FAY139" s="23"/>
      <c r="FAZ139" s="23"/>
      <c r="FBA139" s="23"/>
      <c r="FBB139" s="23"/>
      <c r="FBC139" s="23"/>
      <c r="FBD139" s="23"/>
      <c r="FBE139" s="23"/>
      <c r="FBF139" s="23"/>
      <c r="FBG139" s="23"/>
      <c r="FBH139" s="23"/>
      <c r="FBI139" s="23"/>
      <c r="FBJ139" s="23"/>
      <c r="FBK139" s="23"/>
      <c r="FBL139" s="23"/>
      <c r="FBM139" s="23"/>
      <c r="FBN139" s="23"/>
      <c r="FBO139" s="23"/>
      <c r="FBP139" s="23"/>
      <c r="FBQ139" s="23"/>
      <c r="FBR139" s="23"/>
      <c r="FBS139" s="23"/>
      <c r="FBT139" s="23"/>
      <c r="FBU139" s="23"/>
      <c r="FBV139" s="23"/>
      <c r="FBW139" s="23"/>
      <c r="FBX139" s="23"/>
      <c r="FBY139" s="23"/>
      <c r="FBZ139" s="23"/>
      <c r="FCA139" s="23"/>
      <c r="FCB139" s="23"/>
      <c r="FCC139" s="23"/>
      <c r="FCD139" s="23"/>
      <c r="FCE139" s="23"/>
      <c r="FCF139" s="23"/>
      <c r="FCG139" s="23"/>
      <c r="FCH139" s="23"/>
      <c r="FCI139" s="23"/>
      <c r="FCJ139" s="23"/>
      <c r="FCK139" s="23"/>
      <c r="FCL139" s="23"/>
      <c r="FCM139" s="23"/>
      <c r="FCN139" s="23"/>
      <c r="FCO139" s="23"/>
      <c r="FCP139" s="23"/>
      <c r="FCQ139" s="23"/>
      <c r="FCR139" s="23"/>
      <c r="FCS139" s="23"/>
      <c r="FCT139" s="23"/>
      <c r="FCU139" s="23"/>
      <c r="FCV139" s="23"/>
      <c r="FCW139" s="23"/>
      <c r="FCX139" s="23"/>
      <c r="FCY139" s="23"/>
      <c r="FCZ139" s="23"/>
      <c r="FDA139" s="23"/>
      <c r="FDB139" s="23"/>
      <c r="FDC139" s="23"/>
      <c r="FDD139" s="23"/>
      <c r="FDE139" s="23"/>
      <c r="FDF139" s="23"/>
      <c r="FDG139" s="23"/>
      <c r="FDH139" s="23"/>
      <c r="FDI139" s="23"/>
      <c r="FDJ139" s="23"/>
      <c r="FDK139" s="23"/>
      <c r="FDL139" s="23"/>
      <c r="FDM139" s="23"/>
      <c r="FDN139" s="23"/>
      <c r="FDO139" s="23"/>
      <c r="FDP139" s="23"/>
      <c r="FDQ139" s="23"/>
      <c r="FDR139" s="23"/>
      <c r="FDS139" s="23"/>
      <c r="FDT139" s="23"/>
      <c r="FDU139" s="23"/>
      <c r="FDV139" s="23"/>
      <c r="FDW139" s="23"/>
      <c r="FDX139" s="23"/>
      <c r="FDY139" s="23"/>
      <c r="FDZ139" s="23"/>
      <c r="FEA139" s="23"/>
      <c r="FEB139" s="23"/>
      <c r="FEC139" s="23"/>
      <c r="FED139" s="23"/>
      <c r="FEE139" s="23"/>
      <c r="FEF139" s="23"/>
      <c r="FEG139" s="23"/>
      <c r="FEH139" s="23"/>
      <c r="FEI139" s="23"/>
      <c r="FEJ139" s="23"/>
      <c r="FEK139" s="23"/>
      <c r="FEL139" s="23"/>
      <c r="FEM139" s="23"/>
      <c r="FEN139" s="23"/>
      <c r="FEO139" s="23"/>
      <c r="FEP139" s="23"/>
      <c r="FEQ139" s="23"/>
      <c r="FER139" s="23"/>
      <c r="FES139" s="23"/>
      <c r="FET139" s="23"/>
      <c r="FEU139" s="23"/>
      <c r="FEV139" s="23"/>
      <c r="FEW139" s="23"/>
      <c r="FEX139" s="23"/>
      <c r="FEY139" s="23"/>
      <c r="FEZ139" s="23"/>
      <c r="FFA139" s="23"/>
      <c r="FFB139" s="23"/>
      <c r="FFC139" s="23"/>
      <c r="FFD139" s="23"/>
      <c r="FFE139" s="23"/>
      <c r="FFF139" s="23"/>
      <c r="FFG139" s="23"/>
      <c r="FFH139" s="23"/>
      <c r="FFI139" s="23"/>
      <c r="FFJ139" s="23"/>
      <c r="FFK139" s="23"/>
      <c r="FFL139" s="23"/>
      <c r="FFM139" s="23"/>
      <c r="FFN139" s="23"/>
      <c r="FFO139" s="23"/>
      <c r="FFP139" s="23"/>
      <c r="FFQ139" s="23"/>
      <c r="FFR139" s="23"/>
      <c r="FFS139" s="23"/>
      <c r="FFT139" s="23"/>
      <c r="FFU139" s="23"/>
      <c r="FFV139" s="23"/>
      <c r="FFW139" s="23"/>
      <c r="FFX139" s="23"/>
      <c r="FFY139" s="23"/>
      <c r="FFZ139" s="23"/>
      <c r="FGA139" s="23"/>
      <c r="FGB139" s="23"/>
      <c r="FGC139" s="23"/>
      <c r="FGD139" s="23"/>
      <c r="FGE139" s="23"/>
      <c r="FGF139" s="23"/>
      <c r="FGG139" s="23"/>
      <c r="FGH139" s="23"/>
      <c r="FGI139" s="23"/>
      <c r="FGJ139" s="23"/>
      <c r="FGK139" s="23"/>
      <c r="FGL139" s="23"/>
      <c r="FGM139" s="23"/>
      <c r="FGN139" s="23"/>
      <c r="FGO139" s="23"/>
      <c r="FGP139" s="23"/>
      <c r="FGQ139" s="23"/>
      <c r="FGR139" s="23"/>
      <c r="FGS139" s="23"/>
      <c r="FGT139" s="23"/>
      <c r="FGU139" s="23"/>
      <c r="FGV139" s="23"/>
      <c r="FGW139" s="23"/>
      <c r="FGX139" s="23"/>
      <c r="FGY139" s="23"/>
      <c r="FGZ139" s="23"/>
      <c r="FHA139" s="23"/>
      <c r="FHB139" s="23"/>
      <c r="FHC139" s="23"/>
      <c r="FHD139" s="23"/>
      <c r="FHE139" s="23"/>
      <c r="FHF139" s="23"/>
      <c r="FHG139" s="23"/>
      <c r="FHH139" s="23"/>
      <c r="FHI139" s="23"/>
      <c r="FHJ139" s="23"/>
      <c r="FHK139" s="23"/>
      <c r="FHL139" s="23"/>
      <c r="FHM139" s="23"/>
      <c r="FHN139" s="23"/>
      <c r="FHO139" s="23"/>
      <c r="FHP139" s="23"/>
      <c r="FHQ139" s="23"/>
      <c r="FHR139" s="23"/>
      <c r="FHS139" s="23"/>
      <c r="FHT139" s="23"/>
      <c r="FHU139" s="23"/>
      <c r="FHV139" s="23"/>
      <c r="FHW139" s="23"/>
      <c r="FHX139" s="23"/>
      <c r="FHY139" s="23"/>
      <c r="FHZ139" s="23"/>
      <c r="FIA139" s="23"/>
      <c r="FIB139" s="23"/>
      <c r="FIC139" s="23"/>
      <c r="FID139" s="23"/>
      <c r="FIE139" s="23"/>
      <c r="FIF139" s="23"/>
      <c r="FIG139" s="23"/>
      <c r="FIH139" s="23"/>
      <c r="FII139" s="23"/>
      <c r="FIJ139" s="23"/>
      <c r="FIK139" s="23"/>
      <c r="FIL139" s="23"/>
      <c r="FIM139" s="23"/>
      <c r="FIN139" s="23"/>
      <c r="FIO139" s="23"/>
      <c r="FIP139" s="23"/>
      <c r="FIQ139" s="23"/>
      <c r="FIR139" s="23"/>
      <c r="FIS139" s="23"/>
      <c r="FIT139" s="23"/>
      <c r="FIU139" s="23"/>
      <c r="FIV139" s="23"/>
      <c r="FIW139" s="23"/>
      <c r="FIX139" s="23"/>
      <c r="FIY139" s="23"/>
      <c r="FIZ139" s="23"/>
      <c r="FJA139" s="23"/>
      <c r="FJB139" s="23"/>
      <c r="FJC139" s="23"/>
      <c r="FJD139" s="23"/>
      <c r="FJE139" s="23"/>
      <c r="FJF139" s="23"/>
      <c r="FJG139" s="23"/>
      <c r="FJH139" s="23"/>
      <c r="FJI139" s="23"/>
      <c r="FJJ139" s="23"/>
      <c r="FJK139" s="23"/>
      <c r="FJL139" s="23"/>
      <c r="FJM139" s="23"/>
      <c r="FJN139" s="23"/>
      <c r="FJO139" s="23"/>
      <c r="FJP139" s="23"/>
      <c r="FJQ139" s="23"/>
      <c r="FJR139" s="23"/>
      <c r="FJS139" s="23"/>
      <c r="FJT139" s="23"/>
      <c r="FJU139" s="23"/>
      <c r="FJV139" s="23"/>
      <c r="FJW139" s="23"/>
      <c r="FJX139" s="23"/>
      <c r="FJY139" s="23"/>
      <c r="FJZ139" s="23"/>
      <c r="FKA139" s="23"/>
      <c r="FKB139" s="23"/>
      <c r="FKC139" s="23"/>
      <c r="FKD139" s="23"/>
      <c r="FKE139" s="23"/>
      <c r="FKF139" s="23"/>
      <c r="FKG139" s="23"/>
      <c r="FKH139" s="23"/>
      <c r="FKI139" s="23"/>
      <c r="FKJ139" s="23"/>
      <c r="FKK139" s="23"/>
      <c r="FKL139" s="23"/>
      <c r="FKM139" s="23"/>
      <c r="FKN139" s="23"/>
      <c r="FKO139" s="23"/>
      <c r="FKP139" s="23"/>
      <c r="FKQ139" s="23"/>
      <c r="FKR139" s="23"/>
      <c r="FKS139" s="23"/>
      <c r="FKT139" s="23"/>
      <c r="FKU139" s="23"/>
      <c r="FKV139" s="23"/>
      <c r="FKW139" s="23"/>
      <c r="FKX139" s="23"/>
      <c r="FKY139" s="23"/>
      <c r="FKZ139" s="23"/>
      <c r="FLA139" s="23"/>
      <c r="FLB139" s="23"/>
      <c r="FLC139" s="23"/>
      <c r="FLD139" s="23"/>
      <c r="FLE139" s="23"/>
      <c r="FLF139" s="23"/>
      <c r="FLG139" s="23"/>
      <c r="FLH139" s="23"/>
      <c r="FLI139" s="23"/>
      <c r="FLJ139" s="23"/>
      <c r="FLK139" s="23"/>
      <c r="FLL139" s="23"/>
      <c r="FLM139" s="23"/>
      <c r="FLN139" s="23"/>
      <c r="FLO139" s="23"/>
      <c r="FLP139" s="23"/>
      <c r="FLQ139" s="23"/>
      <c r="FLR139" s="23"/>
      <c r="FLS139" s="23"/>
      <c r="FLT139" s="23"/>
      <c r="FLU139" s="23"/>
      <c r="FLV139" s="23"/>
      <c r="FLW139" s="23"/>
      <c r="FLX139" s="23"/>
      <c r="FLY139" s="23"/>
      <c r="FLZ139" s="23"/>
      <c r="FMA139" s="23"/>
      <c r="FMB139" s="23"/>
      <c r="FMC139" s="23"/>
      <c r="FMD139" s="23"/>
      <c r="FME139" s="23"/>
      <c r="FMF139" s="23"/>
      <c r="FMG139" s="23"/>
      <c r="FMH139" s="23"/>
      <c r="FMI139" s="23"/>
      <c r="FMJ139" s="23"/>
      <c r="FMK139" s="23"/>
      <c r="FML139" s="23"/>
      <c r="FMM139" s="23"/>
      <c r="FMN139" s="23"/>
      <c r="FMO139" s="23"/>
      <c r="FMP139" s="23"/>
      <c r="FMQ139" s="23"/>
      <c r="FMR139" s="23"/>
      <c r="FMS139" s="23"/>
      <c r="FMT139" s="23"/>
      <c r="FMU139" s="23"/>
      <c r="FMV139" s="23"/>
      <c r="FMW139" s="23"/>
      <c r="FMX139" s="23"/>
      <c r="FMY139" s="23"/>
      <c r="FMZ139" s="23"/>
      <c r="FNA139" s="23"/>
      <c r="FNB139" s="23"/>
      <c r="FNC139" s="23"/>
      <c r="FND139" s="23"/>
      <c r="FNE139" s="23"/>
      <c r="FNF139" s="23"/>
      <c r="FNG139" s="23"/>
      <c r="FNH139" s="23"/>
      <c r="FNI139" s="23"/>
      <c r="FNJ139" s="23"/>
      <c r="FNK139" s="23"/>
      <c r="FNL139" s="23"/>
      <c r="FNM139" s="23"/>
      <c r="FNN139" s="23"/>
      <c r="FNO139" s="23"/>
      <c r="FNP139" s="23"/>
      <c r="FNQ139" s="23"/>
      <c r="FNR139" s="23"/>
      <c r="FNS139" s="23"/>
      <c r="FNT139" s="23"/>
      <c r="FNU139" s="23"/>
      <c r="FNV139" s="23"/>
      <c r="FNW139" s="23"/>
      <c r="FNX139" s="23"/>
      <c r="FNY139" s="23"/>
      <c r="FNZ139" s="23"/>
      <c r="FOA139" s="23"/>
      <c r="FOB139" s="23"/>
      <c r="FOC139" s="23"/>
      <c r="FOD139" s="23"/>
      <c r="FOE139" s="23"/>
      <c r="FOF139" s="23"/>
      <c r="FOG139" s="23"/>
      <c r="FOH139" s="23"/>
      <c r="FOI139" s="23"/>
      <c r="FOJ139" s="23"/>
      <c r="FOK139" s="23"/>
      <c r="FOL139" s="23"/>
      <c r="FOM139" s="23"/>
      <c r="FON139" s="23"/>
      <c r="FOO139" s="23"/>
      <c r="FOP139" s="23"/>
      <c r="FOQ139" s="23"/>
      <c r="FOR139" s="23"/>
      <c r="FOS139" s="23"/>
      <c r="FOT139" s="23"/>
      <c r="FOU139" s="23"/>
      <c r="FOV139" s="23"/>
      <c r="FOW139" s="23"/>
      <c r="FOX139" s="23"/>
      <c r="FOY139" s="23"/>
      <c r="FOZ139" s="23"/>
      <c r="FPA139" s="23"/>
      <c r="FPB139" s="23"/>
      <c r="FPC139" s="23"/>
      <c r="FPD139" s="23"/>
      <c r="FPE139" s="23"/>
      <c r="FPF139" s="23"/>
      <c r="FPG139" s="23"/>
      <c r="FPH139" s="23"/>
      <c r="FPI139" s="23"/>
      <c r="FPJ139" s="23"/>
      <c r="FPK139" s="23"/>
      <c r="FPL139" s="23"/>
      <c r="FPM139" s="23"/>
      <c r="FPN139" s="23"/>
      <c r="FPO139" s="23"/>
      <c r="FPP139" s="23"/>
      <c r="FPQ139" s="23"/>
      <c r="FPR139" s="23"/>
      <c r="FPS139" s="23"/>
      <c r="FPT139" s="23"/>
      <c r="FPU139" s="23"/>
      <c r="FPV139" s="23"/>
      <c r="FPW139" s="23"/>
      <c r="FPX139" s="23"/>
      <c r="FPY139" s="23"/>
      <c r="FPZ139" s="23"/>
      <c r="FQA139" s="23"/>
      <c r="FQB139" s="23"/>
      <c r="FQC139" s="23"/>
      <c r="FQD139" s="23"/>
      <c r="FQE139" s="23"/>
      <c r="FQF139" s="23"/>
      <c r="FQG139" s="23"/>
      <c r="FQH139" s="23"/>
      <c r="FQI139" s="23"/>
      <c r="FQJ139" s="23"/>
      <c r="FQK139" s="23"/>
      <c r="FQL139" s="23"/>
      <c r="FQM139" s="23"/>
      <c r="FQN139" s="23"/>
      <c r="FQO139" s="23"/>
      <c r="FQP139" s="23"/>
      <c r="FQQ139" s="23"/>
      <c r="FQR139" s="23"/>
      <c r="FQS139" s="23"/>
      <c r="FQT139" s="23"/>
      <c r="FQU139" s="23"/>
      <c r="FQV139" s="23"/>
      <c r="FQW139" s="23"/>
      <c r="FQX139" s="23"/>
      <c r="FQY139" s="23"/>
      <c r="FQZ139" s="23"/>
      <c r="FRA139" s="23"/>
      <c r="FRB139" s="23"/>
      <c r="FRC139" s="23"/>
      <c r="FRD139" s="23"/>
      <c r="FRE139" s="23"/>
      <c r="FRF139" s="23"/>
      <c r="FRG139" s="23"/>
      <c r="FRH139" s="23"/>
      <c r="FRI139" s="23"/>
      <c r="FRJ139" s="23"/>
      <c r="FRK139" s="23"/>
      <c r="FRL139" s="23"/>
      <c r="FRM139" s="23"/>
      <c r="FRN139" s="23"/>
      <c r="FRO139" s="23"/>
      <c r="FRP139" s="23"/>
      <c r="FRQ139" s="23"/>
      <c r="FRR139" s="23"/>
      <c r="FRS139" s="23"/>
      <c r="FRT139" s="23"/>
      <c r="FRU139" s="23"/>
      <c r="FRV139" s="23"/>
      <c r="FRW139" s="23"/>
      <c r="FRX139" s="23"/>
      <c r="FRY139" s="23"/>
      <c r="FRZ139" s="23"/>
      <c r="FSA139" s="23"/>
      <c r="FSB139" s="23"/>
      <c r="FSC139" s="23"/>
      <c r="FSD139" s="23"/>
      <c r="FSE139" s="23"/>
      <c r="FSF139" s="23"/>
      <c r="FSG139" s="23"/>
      <c r="FSH139" s="23"/>
      <c r="FSI139" s="23"/>
      <c r="FSJ139" s="23"/>
      <c r="FSK139" s="23"/>
      <c r="FSL139" s="23"/>
      <c r="FSM139" s="23"/>
      <c r="FSN139" s="23"/>
      <c r="FSO139" s="23"/>
      <c r="FSP139" s="23"/>
      <c r="FSQ139" s="23"/>
      <c r="FSR139" s="23"/>
      <c r="FSS139" s="23"/>
      <c r="FST139" s="23"/>
      <c r="FSU139" s="23"/>
      <c r="FSV139" s="23"/>
      <c r="FSW139" s="23"/>
      <c r="FSX139" s="23"/>
      <c r="FSY139" s="23"/>
      <c r="FSZ139" s="23"/>
      <c r="FTA139" s="23"/>
      <c r="FTB139" s="23"/>
      <c r="FTC139" s="23"/>
      <c r="FTD139" s="23"/>
      <c r="FTE139" s="23"/>
      <c r="FTF139" s="23"/>
      <c r="FTG139" s="23"/>
      <c r="FTH139" s="23"/>
      <c r="FTI139" s="23"/>
      <c r="FTJ139" s="23"/>
      <c r="FTK139" s="23"/>
      <c r="FTL139" s="23"/>
      <c r="FTM139" s="23"/>
      <c r="FTN139" s="23"/>
      <c r="FTO139" s="23"/>
      <c r="FTP139" s="23"/>
      <c r="FTQ139" s="23"/>
      <c r="FTR139" s="23"/>
      <c r="FTS139" s="23"/>
      <c r="FTT139" s="23"/>
      <c r="FTU139" s="23"/>
      <c r="FTV139" s="23"/>
      <c r="FTW139" s="23"/>
      <c r="FTX139" s="23"/>
      <c r="FTY139" s="23"/>
      <c r="FTZ139" s="23"/>
      <c r="FUA139" s="23"/>
      <c r="FUB139" s="23"/>
      <c r="FUC139" s="23"/>
      <c r="FUD139" s="23"/>
      <c r="FUE139" s="23"/>
      <c r="FUF139" s="23"/>
      <c r="FUG139" s="23"/>
      <c r="FUH139" s="23"/>
      <c r="FUI139" s="23"/>
      <c r="FUJ139" s="23"/>
      <c r="FUK139" s="23"/>
      <c r="FUL139" s="23"/>
      <c r="FUM139" s="23"/>
      <c r="FUN139" s="23"/>
      <c r="FUO139" s="23"/>
      <c r="FUP139" s="23"/>
      <c r="FUQ139" s="23"/>
      <c r="FUR139" s="23"/>
      <c r="FUS139" s="23"/>
      <c r="FUT139" s="23"/>
      <c r="FUU139" s="23"/>
      <c r="FUV139" s="23"/>
      <c r="FUW139" s="23"/>
      <c r="FUX139" s="23"/>
      <c r="FUY139" s="23"/>
      <c r="FUZ139" s="23"/>
      <c r="FVA139" s="23"/>
      <c r="FVB139" s="23"/>
      <c r="FVC139" s="23"/>
      <c r="FVD139" s="23"/>
      <c r="FVE139" s="23"/>
      <c r="FVF139" s="23"/>
      <c r="FVG139" s="23"/>
      <c r="FVH139" s="23"/>
      <c r="FVI139" s="23"/>
      <c r="FVJ139" s="23"/>
      <c r="FVK139" s="23"/>
      <c r="FVL139" s="23"/>
      <c r="FVM139" s="23"/>
      <c r="FVN139" s="23"/>
      <c r="FVO139" s="23"/>
      <c r="FVP139" s="23"/>
      <c r="FVQ139" s="23"/>
      <c r="FVR139" s="23"/>
      <c r="FVS139" s="23"/>
      <c r="FVT139" s="23"/>
      <c r="FVU139" s="23"/>
      <c r="FVV139" s="23"/>
      <c r="FVW139" s="23"/>
      <c r="FVX139" s="23"/>
      <c r="FVY139" s="23"/>
      <c r="FVZ139" s="23"/>
      <c r="FWA139" s="23"/>
      <c r="FWB139" s="23"/>
      <c r="FWC139" s="23"/>
      <c r="FWD139" s="23"/>
      <c r="FWE139" s="23"/>
      <c r="FWF139" s="23"/>
      <c r="FWG139" s="23"/>
      <c r="FWH139" s="23"/>
      <c r="FWI139" s="23"/>
      <c r="FWJ139" s="23"/>
      <c r="FWK139" s="23"/>
      <c r="FWL139" s="23"/>
      <c r="FWM139" s="23"/>
      <c r="FWN139" s="23"/>
      <c r="FWO139" s="23"/>
      <c r="FWP139" s="23"/>
      <c r="FWQ139" s="23"/>
      <c r="FWR139" s="23"/>
      <c r="FWS139" s="23"/>
      <c r="FWT139" s="23"/>
      <c r="FWU139" s="23"/>
      <c r="FWV139" s="23"/>
      <c r="FWW139" s="23"/>
      <c r="FWX139" s="23"/>
      <c r="FWY139" s="23"/>
      <c r="FWZ139" s="23"/>
      <c r="FXA139" s="23"/>
      <c r="FXB139" s="23"/>
      <c r="FXC139" s="23"/>
      <c r="FXD139" s="23"/>
      <c r="FXE139" s="23"/>
      <c r="FXF139" s="23"/>
      <c r="FXG139" s="23"/>
      <c r="FXH139" s="23"/>
      <c r="FXI139" s="23"/>
      <c r="FXJ139" s="23"/>
      <c r="FXK139" s="23"/>
      <c r="FXL139" s="23"/>
      <c r="FXM139" s="23"/>
      <c r="FXN139" s="23"/>
      <c r="FXO139" s="23"/>
      <c r="FXP139" s="23"/>
      <c r="FXQ139" s="23"/>
      <c r="FXR139" s="23"/>
      <c r="FXS139" s="23"/>
      <c r="FXT139" s="23"/>
      <c r="FXU139" s="23"/>
      <c r="FXV139" s="23"/>
      <c r="FXW139" s="23"/>
      <c r="FXX139" s="23"/>
      <c r="FXY139" s="23"/>
      <c r="FXZ139" s="23"/>
      <c r="FYA139" s="23"/>
      <c r="FYB139" s="23"/>
      <c r="FYC139" s="23"/>
      <c r="FYD139" s="23"/>
      <c r="FYE139" s="23"/>
      <c r="FYF139" s="23"/>
      <c r="FYG139" s="23"/>
      <c r="FYH139" s="23"/>
      <c r="FYI139" s="23"/>
      <c r="FYJ139" s="23"/>
      <c r="FYK139" s="23"/>
      <c r="FYL139" s="23"/>
      <c r="FYM139" s="23"/>
      <c r="FYN139" s="23"/>
      <c r="FYO139" s="23"/>
      <c r="FYP139" s="23"/>
      <c r="FYQ139" s="23"/>
      <c r="FYR139" s="23"/>
      <c r="FYS139" s="23"/>
      <c r="FYT139" s="23"/>
      <c r="FYU139" s="23"/>
      <c r="FYV139" s="23"/>
      <c r="FYW139" s="23"/>
      <c r="FYX139" s="23"/>
      <c r="FYY139" s="23"/>
      <c r="FYZ139" s="23"/>
      <c r="FZA139" s="23"/>
      <c r="FZB139" s="23"/>
      <c r="FZC139" s="23"/>
      <c r="FZD139" s="23"/>
      <c r="FZE139" s="23"/>
      <c r="FZF139" s="23"/>
      <c r="FZG139" s="23"/>
      <c r="FZH139" s="23"/>
      <c r="FZI139" s="23"/>
      <c r="FZJ139" s="23"/>
      <c r="FZK139" s="23"/>
      <c r="FZL139" s="23"/>
      <c r="FZM139" s="23"/>
      <c r="FZN139" s="23"/>
      <c r="FZO139" s="23"/>
      <c r="FZP139" s="23"/>
      <c r="FZQ139" s="23"/>
      <c r="FZR139" s="23"/>
      <c r="FZS139" s="23"/>
      <c r="FZT139" s="23"/>
      <c r="FZU139" s="23"/>
      <c r="FZV139" s="23"/>
      <c r="FZW139" s="23"/>
      <c r="FZX139" s="23"/>
      <c r="FZY139" s="23"/>
      <c r="FZZ139" s="23"/>
      <c r="GAA139" s="23"/>
      <c r="GAB139" s="23"/>
      <c r="GAC139" s="23"/>
      <c r="GAD139" s="23"/>
      <c r="GAE139" s="23"/>
      <c r="GAF139" s="23"/>
      <c r="GAG139" s="23"/>
      <c r="GAH139" s="23"/>
      <c r="GAI139" s="23"/>
      <c r="GAJ139" s="23"/>
      <c r="GAK139" s="23"/>
      <c r="GAL139" s="23"/>
      <c r="GAM139" s="23"/>
      <c r="GAN139" s="23"/>
      <c r="GAO139" s="23"/>
      <c r="GAP139" s="23"/>
      <c r="GAQ139" s="23"/>
      <c r="GAR139" s="23"/>
      <c r="GAS139" s="23"/>
      <c r="GAT139" s="23"/>
      <c r="GAU139" s="23"/>
      <c r="GAV139" s="23"/>
      <c r="GAW139" s="23"/>
      <c r="GAX139" s="23"/>
      <c r="GAY139" s="23"/>
      <c r="GAZ139" s="23"/>
      <c r="GBA139" s="23"/>
      <c r="GBB139" s="23"/>
      <c r="GBC139" s="23"/>
      <c r="GBD139" s="23"/>
      <c r="GBE139" s="23"/>
      <c r="GBF139" s="23"/>
      <c r="GBG139" s="23"/>
      <c r="GBH139" s="23"/>
      <c r="GBI139" s="23"/>
      <c r="GBJ139" s="23"/>
      <c r="GBK139" s="23"/>
      <c r="GBL139" s="23"/>
      <c r="GBM139" s="23"/>
      <c r="GBN139" s="23"/>
      <c r="GBO139" s="23"/>
      <c r="GBP139" s="23"/>
      <c r="GBQ139" s="23"/>
      <c r="GBR139" s="23"/>
      <c r="GBS139" s="23"/>
      <c r="GBT139" s="23"/>
      <c r="GBU139" s="23"/>
      <c r="GBV139" s="23"/>
      <c r="GBW139" s="23"/>
      <c r="GBX139" s="23"/>
      <c r="GBY139" s="23"/>
      <c r="GBZ139" s="23"/>
      <c r="GCA139" s="23"/>
      <c r="GCB139" s="23"/>
      <c r="GCC139" s="23"/>
      <c r="GCD139" s="23"/>
      <c r="GCE139" s="23"/>
      <c r="GCF139" s="23"/>
      <c r="GCG139" s="23"/>
      <c r="GCH139" s="23"/>
      <c r="GCI139" s="23"/>
      <c r="GCJ139" s="23"/>
      <c r="GCK139" s="23"/>
      <c r="GCL139" s="23"/>
      <c r="GCM139" s="23"/>
      <c r="GCN139" s="23"/>
      <c r="GCO139" s="23"/>
      <c r="GCP139" s="23"/>
      <c r="GCQ139" s="23"/>
      <c r="GCR139" s="23"/>
      <c r="GCS139" s="23"/>
      <c r="GCT139" s="23"/>
      <c r="GCU139" s="23"/>
      <c r="GCV139" s="23"/>
      <c r="GCW139" s="23"/>
      <c r="GCX139" s="23"/>
      <c r="GCY139" s="23"/>
      <c r="GCZ139" s="23"/>
      <c r="GDA139" s="23"/>
      <c r="GDB139" s="23"/>
      <c r="GDC139" s="23"/>
      <c r="GDD139" s="23"/>
      <c r="GDE139" s="23"/>
      <c r="GDF139" s="23"/>
      <c r="GDG139" s="23"/>
      <c r="GDH139" s="23"/>
      <c r="GDI139" s="23"/>
      <c r="GDJ139" s="23"/>
      <c r="GDK139" s="23"/>
      <c r="GDL139" s="23"/>
      <c r="GDM139" s="23"/>
      <c r="GDN139" s="23"/>
      <c r="GDO139" s="23"/>
      <c r="GDP139" s="23"/>
      <c r="GDQ139" s="23"/>
      <c r="GDR139" s="23"/>
      <c r="GDS139" s="23"/>
      <c r="GDT139" s="23"/>
      <c r="GDU139" s="23"/>
      <c r="GDV139" s="23"/>
      <c r="GDW139" s="23"/>
      <c r="GDX139" s="23"/>
      <c r="GDY139" s="23"/>
      <c r="GDZ139" s="23"/>
      <c r="GEA139" s="23"/>
      <c r="GEB139" s="23"/>
      <c r="GEC139" s="23"/>
      <c r="GED139" s="23"/>
      <c r="GEE139" s="23"/>
      <c r="GEF139" s="23"/>
      <c r="GEG139" s="23"/>
      <c r="GEH139" s="23"/>
      <c r="GEI139" s="23"/>
      <c r="GEJ139" s="23"/>
      <c r="GEK139" s="23"/>
      <c r="GEL139" s="23"/>
      <c r="GEM139" s="23"/>
      <c r="GEN139" s="23"/>
      <c r="GEO139" s="23"/>
      <c r="GEP139" s="23"/>
      <c r="GEQ139" s="23"/>
      <c r="GER139" s="23"/>
      <c r="GES139" s="23"/>
      <c r="GET139" s="23"/>
      <c r="GEU139" s="23"/>
      <c r="GEV139" s="23"/>
      <c r="GEW139" s="23"/>
      <c r="GEX139" s="23"/>
      <c r="GEY139" s="23"/>
      <c r="GEZ139" s="23"/>
      <c r="GFA139" s="23"/>
      <c r="GFB139" s="23"/>
      <c r="GFC139" s="23"/>
      <c r="GFD139" s="23"/>
      <c r="GFE139" s="23"/>
      <c r="GFF139" s="23"/>
      <c r="GFG139" s="23"/>
      <c r="GFH139" s="23"/>
      <c r="GFI139" s="23"/>
      <c r="GFJ139" s="23"/>
      <c r="GFK139" s="23"/>
      <c r="GFL139" s="23"/>
      <c r="GFM139" s="23"/>
      <c r="GFN139" s="23"/>
      <c r="GFO139" s="23"/>
      <c r="GFP139" s="23"/>
      <c r="GFQ139" s="23"/>
      <c r="GFR139" s="23"/>
      <c r="GFS139" s="23"/>
      <c r="GFT139" s="23"/>
      <c r="GFU139" s="23"/>
      <c r="GFV139" s="23"/>
      <c r="GFW139" s="23"/>
      <c r="GFX139" s="23"/>
      <c r="GFY139" s="23"/>
      <c r="GFZ139" s="23"/>
      <c r="GGA139" s="23"/>
      <c r="GGB139" s="23"/>
      <c r="GGC139" s="23"/>
      <c r="GGD139" s="23"/>
      <c r="GGE139" s="23"/>
      <c r="GGF139" s="23"/>
      <c r="GGG139" s="23"/>
      <c r="GGH139" s="23"/>
      <c r="GGI139" s="23"/>
      <c r="GGJ139" s="23"/>
      <c r="GGK139" s="23"/>
      <c r="GGL139" s="23"/>
      <c r="GGM139" s="23"/>
      <c r="GGN139" s="23"/>
      <c r="GGO139" s="23"/>
      <c r="GGP139" s="23"/>
      <c r="GGQ139" s="23"/>
      <c r="GGR139" s="23"/>
      <c r="GGS139" s="23"/>
      <c r="GGT139" s="23"/>
      <c r="GGU139" s="23"/>
      <c r="GGV139" s="23"/>
      <c r="GGW139" s="23"/>
      <c r="GGX139" s="23"/>
      <c r="GGY139" s="23"/>
      <c r="GGZ139" s="23"/>
      <c r="GHA139" s="23"/>
      <c r="GHB139" s="23"/>
      <c r="GHC139" s="23"/>
      <c r="GHD139" s="23"/>
      <c r="GHE139" s="23"/>
      <c r="GHF139" s="23"/>
      <c r="GHG139" s="23"/>
      <c r="GHH139" s="23"/>
      <c r="GHI139" s="23"/>
      <c r="GHJ139" s="23"/>
      <c r="GHK139" s="23"/>
      <c r="GHL139" s="23"/>
      <c r="GHM139" s="23"/>
      <c r="GHN139" s="23"/>
      <c r="GHO139" s="23"/>
      <c r="GHP139" s="23"/>
      <c r="GHQ139" s="23"/>
      <c r="GHR139" s="23"/>
      <c r="GHS139" s="23"/>
      <c r="GHT139" s="23"/>
      <c r="GHU139" s="23"/>
      <c r="GHV139" s="23"/>
      <c r="GHW139" s="23"/>
      <c r="GHX139" s="23"/>
      <c r="GHY139" s="23"/>
      <c r="GHZ139" s="23"/>
      <c r="GIA139" s="23"/>
      <c r="GIB139" s="23"/>
      <c r="GIC139" s="23"/>
      <c r="GID139" s="23"/>
      <c r="GIE139" s="23"/>
      <c r="GIF139" s="23"/>
      <c r="GIG139" s="23"/>
      <c r="GIH139" s="23"/>
      <c r="GII139" s="23"/>
      <c r="GIJ139" s="23"/>
      <c r="GIK139" s="23"/>
      <c r="GIL139" s="23"/>
      <c r="GIM139" s="23"/>
      <c r="GIN139" s="23"/>
      <c r="GIO139" s="23"/>
      <c r="GIP139" s="23"/>
      <c r="GIQ139" s="23"/>
      <c r="GIR139" s="23"/>
      <c r="GIS139" s="23"/>
      <c r="GIT139" s="23"/>
      <c r="GIU139" s="23"/>
      <c r="GIV139" s="23"/>
      <c r="GIW139" s="23"/>
      <c r="GIX139" s="23"/>
      <c r="GIY139" s="23"/>
      <c r="GIZ139" s="23"/>
      <c r="GJA139" s="23"/>
      <c r="GJB139" s="23"/>
      <c r="GJC139" s="23"/>
      <c r="GJD139" s="23"/>
      <c r="GJE139" s="23"/>
      <c r="GJF139" s="23"/>
      <c r="GJG139" s="23"/>
      <c r="GJH139" s="23"/>
      <c r="GJI139" s="23"/>
      <c r="GJJ139" s="23"/>
      <c r="GJK139" s="23"/>
      <c r="GJL139" s="23"/>
      <c r="GJM139" s="23"/>
      <c r="GJN139" s="23"/>
      <c r="GJO139" s="23"/>
      <c r="GJP139" s="23"/>
      <c r="GJQ139" s="23"/>
      <c r="GJR139" s="23"/>
      <c r="GJS139" s="23"/>
      <c r="GJT139" s="23"/>
      <c r="GJU139" s="23"/>
      <c r="GJV139" s="23"/>
      <c r="GJW139" s="23"/>
      <c r="GJX139" s="23"/>
      <c r="GJY139" s="23"/>
      <c r="GJZ139" s="23"/>
      <c r="GKA139" s="23"/>
      <c r="GKB139" s="23"/>
      <c r="GKC139" s="23"/>
      <c r="GKD139" s="23"/>
      <c r="GKE139" s="23"/>
      <c r="GKF139" s="23"/>
      <c r="GKG139" s="23"/>
      <c r="GKH139" s="23"/>
      <c r="GKI139" s="23"/>
      <c r="GKJ139" s="23"/>
      <c r="GKK139" s="23"/>
      <c r="GKL139" s="23"/>
      <c r="GKM139" s="23"/>
      <c r="GKN139" s="23"/>
      <c r="GKO139" s="23"/>
      <c r="GKP139" s="23"/>
      <c r="GKQ139" s="23"/>
      <c r="GKR139" s="23"/>
      <c r="GKS139" s="23"/>
      <c r="GKT139" s="23"/>
      <c r="GKU139" s="23"/>
      <c r="GKV139" s="23"/>
      <c r="GKW139" s="23"/>
      <c r="GKX139" s="23"/>
      <c r="GKY139" s="23"/>
      <c r="GKZ139" s="23"/>
      <c r="GLA139" s="23"/>
      <c r="GLB139" s="23"/>
      <c r="GLC139" s="23"/>
      <c r="GLD139" s="23"/>
      <c r="GLE139" s="23"/>
      <c r="GLF139" s="23"/>
      <c r="GLG139" s="23"/>
      <c r="GLH139" s="23"/>
      <c r="GLI139" s="23"/>
      <c r="GLJ139" s="23"/>
      <c r="GLK139" s="23"/>
      <c r="GLL139" s="23"/>
      <c r="GLM139" s="23"/>
      <c r="GLN139" s="23"/>
      <c r="GLO139" s="23"/>
      <c r="GLP139" s="23"/>
      <c r="GLQ139" s="23"/>
      <c r="GLR139" s="23"/>
      <c r="GLS139" s="23"/>
      <c r="GLT139" s="23"/>
      <c r="GLU139" s="23"/>
      <c r="GLV139" s="23"/>
      <c r="GLW139" s="23"/>
      <c r="GLX139" s="23"/>
      <c r="GLY139" s="23"/>
      <c r="GLZ139" s="23"/>
      <c r="GMA139" s="23"/>
      <c r="GMB139" s="23"/>
      <c r="GMC139" s="23"/>
      <c r="GMD139" s="23"/>
      <c r="GME139" s="23"/>
      <c r="GMF139" s="23"/>
      <c r="GMG139" s="23"/>
      <c r="GMH139" s="23"/>
      <c r="GMI139" s="23"/>
      <c r="GMJ139" s="23"/>
      <c r="GMK139" s="23"/>
      <c r="GML139" s="23"/>
      <c r="GMM139" s="23"/>
      <c r="GMN139" s="23"/>
      <c r="GMO139" s="23"/>
      <c r="GMP139" s="23"/>
      <c r="GMQ139" s="23"/>
      <c r="GMR139" s="23"/>
      <c r="GMS139" s="23"/>
      <c r="GMT139" s="23"/>
      <c r="GMU139" s="23"/>
      <c r="GMV139" s="23"/>
      <c r="GMW139" s="23"/>
      <c r="GMX139" s="23"/>
      <c r="GMY139" s="23"/>
      <c r="GMZ139" s="23"/>
      <c r="GNA139" s="23"/>
      <c r="GNB139" s="23"/>
      <c r="GNC139" s="23"/>
      <c r="GND139" s="23"/>
      <c r="GNE139" s="23"/>
      <c r="GNF139" s="23"/>
      <c r="GNG139" s="23"/>
      <c r="GNH139" s="23"/>
      <c r="GNI139" s="23"/>
      <c r="GNJ139" s="23"/>
      <c r="GNK139" s="23"/>
      <c r="GNL139" s="23"/>
      <c r="GNM139" s="23"/>
      <c r="GNN139" s="23"/>
      <c r="GNO139" s="23"/>
      <c r="GNP139" s="23"/>
      <c r="GNQ139" s="23"/>
      <c r="GNR139" s="23"/>
      <c r="GNS139" s="23"/>
      <c r="GNT139" s="23"/>
      <c r="GNU139" s="23"/>
      <c r="GNV139" s="23"/>
      <c r="GNW139" s="23"/>
      <c r="GNX139" s="23"/>
      <c r="GNY139" s="23"/>
      <c r="GNZ139" s="23"/>
      <c r="GOA139" s="23"/>
      <c r="GOB139" s="23"/>
      <c r="GOC139" s="23"/>
      <c r="GOD139" s="23"/>
      <c r="GOE139" s="23"/>
      <c r="GOF139" s="23"/>
      <c r="GOG139" s="23"/>
      <c r="GOH139" s="23"/>
      <c r="GOI139" s="23"/>
      <c r="GOJ139" s="23"/>
      <c r="GOK139" s="23"/>
      <c r="GOL139" s="23"/>
      <c r="GOM139" s="23"/>
      <c r="GON139" s="23"/>
      <c r="GOO139" s="23"/>
      <c r="GOP139" s="23"/>
      <c r="GOQ139" s="23"/>
      <c r="GOR139" s="23"/>
      <c r="GOS139" s="23"/>
      <c r="GOT139" s="23"/>
      <c r="GOU139" s="23"/>
      <c r="GOV139" s="23"/>
      <c r="GOW139" s="23"/>
      <c r="GOX139" s="23"/>
      <c r="GOY139" s="23"/>
      <c r="GOZ139" s="23"/>
      <c r="GPA139" s="23"/>
      <c r="GPB139" s="23"/>
      <c r="GPC139" s="23"/>
      <c r="GPD139" s="23"/>
      <c r="GPE139" s="23"/>
      <c r="GPF139" s="23"/>
      <c r="GPG139" s="23"/>
      <c r="GPH139" s="23"/>
      <c r="GPI139" s="23"/>
      <c r="GPJ139" s="23"/>
      <c r="GPK139" s="23"/>
      <c r="GPL139" s="23"/>
      <c r="GPM139" s="23"/>
      <c r="GPN139" s="23"/>
      <c r="GPO139" s="23"/>
      <c r="GPP139" s="23"/>
      <c r="GPQ139" s="23"/>
      <c r="GPR139" s="23"/>
      <c r="GPS139" s="23"/>
      <c r="GPT139" s="23"/>
      <c r="GPU139" s="23"/>
      <c r="GPV139" s="23"/>
      <c r="GPW139" s="23"/>
      <c r="GPX139" s="23"/>
      <c r="GPY139" s="23"/>
      <c r="GPZ139" s="23"/>
      <c r="GQA139" s="23"/>
      <c r="GQB139" s="23"/>
      <c r="GQC139" s="23"/>
      <c r="GQD139" s="23"/>
      <c r="GQE139" s="23"/>
      <c r="GQF139" s="23"/>
      <c r="GQG139" s="23"/>
      <c r="GQH139" s="23"/>
      <c r="GQI139" s="23"/>
      <c r="GQJ139" s="23"/>
      <c r="GQK139" s="23"/>
      <c r="GQL139" s="23"/>
      <c r="GQM139" s="23"/>
      <c r="GQN139" s="23"/>
      <c r="GQO139" s="23"/>
      <c r="GQP139" s="23"/>
      <c r="GQQ139" s="23"/>
      <c r="GQR139" s="23"/>
      <c r="GQS139" s="23"/>
      <c r="GQT139" s="23"/>
      <c r="GQU139" s="23"/>
      <c r="GQV139" s="23"/>
      <c r="GQW139" s="23"/>
      <c r="GQX139" s="23"/>
      <c r="GQY139" s="23"/>
      <c r="GQZ139" s="23"/>
      <c r="GRA139" s="23"/>
      <c r="GRB139" s="23"/>
      <c r="GRC139" s="23"/>
      <c r="GRD139" s="23"/>
      <c r="GRE139" s="23"/>
      <c r="GRF139" s="23"/>
      <c r="GRG139" s="23"/>
      <c r="GRH139" s="23"/>
      <c r="GRI139" s="23"/>
      <c r="GRJ139" s="23"/>
      <c r="GRK139" s="23"/>
      <c r="GRL139" s="23"/>
      <c r="GRM139" s="23"/>
      <c r="GRN139" s="23"/>
      <c r="GRO139" s="23"/>
      <c r="GRP139" s="23"/>
      <c r="GRQ139" s="23"/>
      <c r="GRR139" s="23"/>
      <c r="GRS139" s="23"/>
      <c r="GRT139" s="23"/>
      <c r="GRU139" s="23"/>
      <c r="GRV139" s="23"/>
      <c r="GRW139" s="23"/>
      <c r="GRX139" s="23"/>
      <c r="GRY139" s="23"/>
      <c r="GRZ139" s="23"/>
      <c r="GSA139" s="23"/>
      <c r="GSB139" s="23"/>
      <c r="GSC139" s="23"/>
      <c r="GSD139" s="23"/>
      <c r="GSE139" s="23"/>
      <c r="GSF139" s="23"/>
      <c r="GSG139" s="23"/>
      <c r="GSH139" s="23"/>
      <c r="GSI139" s="23"/>
      <c r="GSJ139" s="23"/>
      <c r="GSK139" s="23"/>
      <c r="GSL139" s="23"/>
      <c r="GSM139" s="23"/>
      <c r="GSN139" s="23"/>
      <c r="GSO139" s="23"/>
      <c r="GSP139" s="23"/>
      <c r="GSQ139" s="23"/>
      <c r="GSR139" s="23"/>
      <c r="GSS139" s="23"/>
      <c r="GST139" s="23"/>
      <c r="GSU139" s="23"/>
      <c r="GSV139" s="23"/>
      <c r="GSW139" s="23"/>
      <c r="GSX139" s="23"/>
      <c r="GSY139" s="23"/>
      <c r="GSZ139" s="23"/>
      <c r="GTA139" s="23"/>
      <c r="GTB139" s="23"/>
      <c r="GTC139" s="23"/>
      <c r="GTD139" s="23"/>
      <c r="GTE139" s="23"/>
      <c r="GTF139" s="23"/>
      <c r="GTG139" s="23"/>
      <c r="GTH139" s="23"/>
      <c r="GTI139" s="23"/>
      <c r="GTJ139" s="23"/>
      <c r="GTK139" s="23"/>
      <c r="GTL139" s="23"/>
      <c r="GTM139" s="23"/>
      <c r="GTN139" s="23"/>
      <c r="GTO139" s="23"/>
      <c r="GTP139" s="23"/>
      <c r="GTQ139" s="23"/>
      <c r="GTR139" s="23"/>
      <c r="GTS139" s="23"/>
      <c r="GTT139" s="23"/>
      <c r="GTU139" s="23"/>
      <c r="GTV139" s="23"/>
      <c r="GTW139" s="23"/>
      <c r="GTX139" s="23"/>
      <c r="GTY139" s="23"/>
      <c r="GTZ139" s="23"/>
      <c r="GUA139" s="23"/>
      <c r="GUB139" s="23"/>
      <c r="GUC139" s="23"/>
      <c r="GUD139" s="23"/>
      <c r="GUE139" s="23"/>
      <c r="GUF139" s="23"/>
      <c r="GUG139" s="23"/>
      <c r="GUH139" s="23"/>
      <c r="GUI139" s="23"/>
      <c r="GUJ139" s="23"/>
      <c r="GUK139" s="23"/>
      <c r="GUL139" s="23"/>
      <c r="GUM139" s="23"/>
      <c r="GUN139" s="23"/>
      <c r="GUO139" s="23"/>
      <c r="GUP139" s="23"/>
      <c r="GUQ139" s="23"/>
      <c r="GUR139" s="23"/>
      <c r="GUS139" s="23"/>
      <c r="GUT139" s="23"/>
      <c r="GUU139" s="23"/>
      <c r="GUV139" s="23"/>
      <c r="GUW139" s="23"/>
      <c r="GUX139" s="23"/>
      <c r="GUY139" s="23"/>
      <c r="GUZ139" s="23"/>
      <c r="GVA139" s="23"/>
      <c r="GVB139" s="23"/>
      <c r="GVC139" s="23"/>
      <c r="GVD139" s="23"/>
      <c r="GVE139" s="23"/>
      <c r="GVF139" s="23"/>
      <c r="GVG139" s="23"/>
      <c r="GVH139" s="23"/>
      <c r="GVI139" s="23"/>
      <c r="GVJ139" s="23"/>
      <c r="GVK139" s="23"/>
      <c r="GVL139" s="23"/>
      <c r="GVM139" s="23"/>
      <c r="GVN139" s="23"/>
      <c r="GVO139" s="23"/>
      <c r="GVP139" s="23"/>
      <c r="GVQ139" s="23"/>
      <c r="GVR139" s="23"/>
      <c r="GVS139" s="23"/>
      <c r="GVT139" s="23"/>
      <c r="GVU139" s="23"/>
      <c r="GVV139" s="23"/>
      <c r="GVW139" s="23"/>
      <c r="GVX139" s="23"/>
      <c r="GVY139" s="23"/>
      <c r="GVZ139" s="23"/>
      <c r="GWA139" s="23"/>
      <c r="GWB139" s="23"/>
      <c r="GWC139" s="23"/>
      <c r="GWD139" s="23"/>
      <c r="GWE139" s="23"/>
      <c r="GWF139" s="23"/>
      <c r="GWG139" s="23"/>
      <c r="GWH139" s="23"/>
      <c r="GWI139" s="23"/>
      <c r="GWJ139" s="23"/>
      <c r="GWK139" s="23"/>
      <c r="GWL139" s="23"/>
      <c r="GWM139" s="23"/>
      <c r="GWN139" s="23"/>
      <c r="GWO139" s="23"/>
      <c r="GWP139" s="23"/>
      <c r="GWQ139" s="23"/>
      <c r="GWR139" s="23"/>
      <c r="GWS139" s="23"/>
      <c r="GWT139" s="23"/>
      <c r="GWU139" s="23"/>
      <c r="GWV139" s="23"/>
      <c r="GWW139" s="23"/>
      <c r="GWX139" s="23"/>
      <c r="GWY139" s="23"/>
      <c r="GWZ139" s="23"/>
      <c r="GXA139" s="23"/>
      <c r="GXB139" s="23"/>
      <c r="GXC139" s="23"/>
      <c r="GXD139" s="23"/>
      <c r="GXE139" s="23"/>
      <c r="GXF139" s="23"/>
      <c r="GXG139" s="23"/>
      <c r="GXH139" s="23"/>
      <c r="GXI139" s="23"/>
      <c r="GXJ139" s="23"/>
      <c r="GXK139" s="23"/>
      <c r="GXL139" s="23"/>
      <c r="GXM139" s="23"/>
      <c r="GXN139" s="23"/>
      <c r="GXO139" s="23"/>
      <c r="GXP139" s="23"/>
      <c r="GXQ139" s="23"/>
      <c r="GXR139" s="23"/>
      <c r="GXS139" s="23"/>
      <c r="GXT139" s="23"/>
      <c r="GXU139" s="23"/>
      <c r="GXV139" s="23"/>
      <c r="GXW139" s="23"/>
      <c r="GXX139" s="23"/>
      <c r="GXY139" s="23"/>
      <c r="GXZ139" s="23"/>
      <c r="GYA139" s="23"/>
      <c r="GYB139" s="23"/>
      <c r="GYC139" s="23"/>
      <c r="GYD139" s="23"/>
      <c r="GYE139" s="23"/>
      <c r="GYF139" s="23"/>
      <c r="GYG139" s="23"/>
      <c r="GYH139" s="23"/>
      <c r="GYI139" s="23"/>
      <c r="GYJ139" s="23"/>
      <c r="GYK139" s="23"/>
      <c r="GYL139" s="23"/>
      <c r="GYM139" s="23"/>
      <c r="GYN139" s="23"/>
      <c r="GYO139" s="23"/>
      <c r="GYP139" s="23"/>
      <c r="GYQ139" s="23"/>
      <c r="GYR139" s="23"/>
      <c r="GYS139" s="23"/>
      <c r="GYT139" s="23"/>
      <c r="GYU139" s="23"/>
      <c r="GYV139" s="23"/>
      <c r="GYW139" s="23"/>
      <c r="GYX139" s="23"/>
      <c r="GYY139" s="23"/>
      <c r="GYZ139" s="23"/>
      <c r="GZA139" s="23"/>
      <c r="GZB139" s="23"/>
      <c r="GZC139" s="23"/>
      <c r="GZD139" s="23"/>
      <c r="GZE139" s="23"/>
      <c r="GZF139" s="23"/>
      <c r="GZG139" s="23"/>
      <c r="GZH139" s="23"/>
      <c r="GZI139" s="23"/>
      <c r="GZJ139" s="23"/>
      <c r="GZK139" s="23"/>
      <c r="GZL139" s="23"/>
      <c r="GZM139" s="23"/>
      <c r="GZN139" s="23"/>
      <c r="GZO139" s="23"/>
      <c r="GZP139" s="23"/>
      <c r="GZQ139" s="23"/>
      <c r="GZR139" s="23"/>
      <c r="GZS139" s="23"/>
      <c r="GZT139" s="23"/>
      <c r="GZU139" s="23"/>
      <c r="GZV139" s="23"/>
      <c r="GZW139" s="23"/>
      <c r="GZX139" s="23"/>
      <c r="GZY139" s="23"/>
      <c r="GZZ139" s="23"/>
      <c r="HAA139" s="23"/>
      <c r="HAB139" s="23"/>
      <c r="HAC139" s="23"/>
      <c r="HAD139" s="23"/>
      <c r="HAE139" s="23"/>
      <c r="HAF139" s="23"/>
      <c r="HAG139" s="23"/>
      <c r="HAH139" s="23"/>
      <c r="HAI139" s="23"/>
      <c r="HAJ139" s="23"/>
      <c r="HAK139" s="23"/>
      <c r="HAL139" s="23"/>
      <c r="HAM139" s="23"/>
      <c r="HAN139" s="23"/>
      <c r="HAO139" s="23"/>
      <c r="HAP139" s="23"/>
      <c r="HAQ139" s="23"/>
      <c r="HAR139" s="23"/>
      <c r="HAS139" s="23"/>
      <c r="HAT139" s="23"/>
      <c r="HAU139" s="23"/>
      <c r="HAV139" s="23"/>
      <c r="HAW139" s="23"/>
      <c r="HAX139" s="23"/>
      <c r="HAY139" s="23"/>
      <c r="HAZ139" s="23"/>
      <c r="HBA139" s="23"/>
      <c r="HBB139" s="23"/>
      <c r="HBC139" s="23"/>
      <c r="HBD139" s="23"/>
      <c r="HBE139" s="23"/>
      <c r="HBF139" s="23"/>
      <c r="HBG139" s="23"/>
      <c r="HBH139" s="23"/>
      <c r="HBI139" s="23"/>
      <c r="HBJ139" s="23"/>
      <c r="HBK139" s="23"/>
      <c r="HBL139" s="23"/>
      <c r="HBM139" s="23"/>
      <c r="HBN139" s="23"/>
      <c r="HBO139" s="23"/>
      <c r="HBP139" s="23"/>
      <c r="HBQ139" s="23"/>
      <c r="HBR139" s="23"/>
      <c r="HBS139" s="23"/>
      <c r="HBT139" s="23"/>
      <c r="HBU139" s="23"/>
      <c r="HBV139" s="23"/>
      <c r="HBW139" s="23"/>
      <c r="HBX139" s="23"/>
      <c r="HBY139" s="23"/>
      <c r="HBZ139" s="23"/>
      <c r="HCA139" s="23"/>
      <c r="HCB139" s="23"/>
      <c r="HCC139" s="23"/>
      <c r="HCD139" s="23"/>
      <c r="HCE139" s="23"/>
      <c r="HCF139" s="23"/>
      <c r="HCG139" s="23"/>
      <c r="HCH139" s="23"/>
      <c r="HCI139" s="23"/>
      <c r="HCJ139" s="23"/>
      <c r="HCK139" s="23"/>
      <c r="HCL139" s="23"/>
      <c r="HCM139" s="23"/>
      <c r="HCN139" s="23"/>
      <c r="HCO139" s="23"/>
      <c r="HCP139" s="23"/>
      <c r="HCQ139" s="23"/>
      <c r="HCR139" s="23"/>
      <c r="HCS139" s="23"/>
      <c r="HCT139" s="23"/>
      <c r="HCU139" s="23"/>
      <c r="HCV139" s="23"/>
      <c r="HCW139" s="23"/>
      <c r="HCX139" s="23"/>
      <c r="HCY139" s="23"/>
      <c r="HCZ139" s="23"/>
      <c r="HDA139" s="23"/>
      <c r="HDB139" s="23"/>
      <c r="HDC139" s="23"/>
      <c r="HDD139" s="23"/>
      <c r="HDE139" s="23"/>
      <c r="HDF139" s="23"/>
      <c r="HDG139" s="23"/>
      <c r="HDH139" s="23"/>
      <c r="HDI139" s="23"/>
      <c r="HDJ139" s="23"/>
      <c r="HDK139" s="23"/>
      <c r="HDL139" s="23"/>
      <c r="HDM139" s="23"/>
      <c r="HDN139" s="23"/>
      <c r="HDO139" s="23"/>
      <c r="HDP139" s="23"/>
      <c r="HDQ139" s="23"/>
      <c r="HDR139" s="23"/>
      <c r="HDS139" s="23"/>
      <c r="HDT139" s="23"/>
      <c r="HDU139" s="23"/>
      <c r="HDV139" s="23"/>
      <c r="HDW139" s="23"/>
      <c r="HDX139" s="23"/>
      <c r="HDY139" s="23"/>
      <c r="HDZ139" s="23"/>
      <c r="HEA139" s="23"/>
      <c r="HEB139" s="23"/>
      <c r="HEC139" s="23"/>
      <c r="HED139" s="23"/>
      <c r="HEE139" s="23"/>
      <c r="HEF139" s="23"/>
      <c r="HEG139" s="23"/>
      <c r="HEH139" s="23"/>
      <c r="HEI139" s="23"/>
      <c r="HEJ139" s="23"/>
      <c r="HEK139" s="23"/>
      <c r="HEL139" s="23"/>
      <c r="HEM139" s="23"/>
      <c r="HEN139" s="23"/>
      <c r="HEO139" s="23"/>
      <c r="HEP139" s="23"/>
      <c r="HEQ139" s="23"/>
      <c r="HER139" s="23"/>
      <c r="HES139" s="23"/>
      <c r="HET139" s="23"/>
      <c r="HEU139" s="23"/>
      <c r="HEV139" s="23"/>
      <c r="HEW139" s="23"/>
      <c r="HEX139" s="23"/>
      <c r="HEY139" s="23"/>
      <c r="HEZ139" s="23"/>
      <c r="HFA139" s="23"/>
      <c r="HFB139" s="23"/>
      <c r="HFC139" s="23"/>
      <c r="HFD139" s="23"/>
      <c r="HFE139" s="23"/>
      <c r="HFF139" s="23"/>
      <c r="HFG139" s="23"/>
      <c r="HFH139" s="23"/>
      <c r="HFI139" s="23"/>
      <c r="HFJ139" s="23"/>
      <c r="HFK139" s="23"/>
      <c r="HFL139" s="23"/>
      <c r="HFM139" s="23"/>
      <c r="HFN139" s="23"/>
      <c r="HFO139" s="23"/>
      <c r="HFP139" s="23"/>
      <c r="HFQ139" s="23"/>
      <c r="HFR139" s="23"/>
      <c r="HFS139" s="23"/>
      <c r="HFT139" s="23"/>
      <c r="HFU139" s="23"/>
      <c r="HFV139" s="23"/>
      <c r="HFW139" s="23"/>
      <c r="HFX139" s="23"/>
      <c r="HFY139" s="23"/>
      <c r="HFZ139" s="23"/>
      <c r="HGA139" s="23"/>
      <c r="HGB139" s="23"/>
      <c r="HGC139" s="23"/>
      <c r="HGD139" s="23"/>
      <c r="HGE139" s="23"/>
      <c r="HGF139" s="23"/>
      <c r="HGG139" s="23"/>
      <c r="HGH139" s="23"/>
      <c r="HGI139" s="23"/>
      <c r="HGJ139" s="23"/>
      <c r="HGK139" s="23"/>
      <c r="HGL139" s="23"/>
      <c r="HGM139" s="23"/>
      <c r="HGN139" s="23"/>
      <c r="HGO139" s="23"/>
      <c r="HGP139" s="23"/>
      <c r="HGQ139" s="23"/>
      <c r="HGR139" s="23"/>
      <c r="HGS139" s="23"/>
      <c r="HGT139" s="23"/>
      <c r="HGU139" s="23"/>
      <c r="HGV139" s="23"/>
      <c r="HGW139" s="23"/>
      <c r="HGX139" s="23"/>
      <c r="HGY139" s="23"/>
      <c r="HGZ139" s="23"/>
      <c r="HHA139" s="23"/>
      <c r="HHB139" s="23"/>
      <c r="HHC139" s="23"/>
      <c r="HHD139" s="23"/>
      <c r="HHE139" s="23"/>
      <c r="HHF139" s="23"/>
      <c r="HHG139" s="23"/>
      <c r="HHH139" s="23"/>
      <c r="HHI139" s="23"/>
      <c r="HHJ139" s="23"/>
      <c r="HHK139" s="23"/>
      <c r="HHL139" s="23"/>
      <c r="HHM139" s="23"/>
      <c r="HHN139" s="23"/>
      <c r="HHO139" s="23"/>
      <c r="HHP139" s="23"/>
      <c r="HHQ139" s="23"/>
      <c r="HHR139" s="23"/>
      <c r="HHS139" s="23"/>
      <c r="HHT139" s="23"/>
      <c r="HHU139" s="23"/>
      <c r="HHV139" s="23"/>
      <c r="HHW139" s="23"/>
      <c r="HHX139" s="23"/>
      <c r="HHY139" s="23"/>
      <c r="HHZ139" s="23"/>
      <c r="HIA139" s="23"/>
      <c r="HIB139" s="23"/>
      <c r="HIC139" s="23"/>
      <c r="HID139" s="23"/>
      <c r="HIE139" s="23"/>
      <c r="HIF139" s="23"/>
      <c r="HIG139" s="23"/>
      <c r="HIH139" s="23"/>
      <c r="HII139" s="23"/>
      <c r="HIJ139" s="23"/>
      <c r="HIK139" s="23"/>
      <c r="HIL139" s="23"/>
      <c r="HIM139" s="23"/>
      <c r="HIN139" s="23"/>
      <c r="HIO139" s="23"/>
      <c r="HIP139" s="23"/>
      <c r="HIQ139" s="23"/>
      <c r="HIR139" s="23"/>
      <c r="HIS139" s="23"/>
      <c r="HIT139" s="23"/>
      <c r="HIU139" s="23"/>
      <c r="HIV139" s="23"/>
      <c r="HIW139" s="23"/>
      <c r="HIX139" s="23"/>
      <c r="HIY139" s="23"/>
      <c r="HIZ139" s="23"/>
      <c r="HJA139" s="23"/>
      <c r="HJB139" s="23"/>
      <c r="HJC139" s="23"/>
      <c r="HJD139" s="23"/>
      <c r="HJE139" s="23"/>
      <c r="HJF139" s="23"/>
      <c r="HJG139" s="23"/>
      <c r="HJH139" s="23"/>
      <c r="HJI139" s="23"/>
      <c r="HJJ139" s="23"/>
      <c r="HJK139" s="23"/>
      <c r="HJL139" s="23"/>
      <c r="HJM139" s="23"/>
      <c r="HJN139" s="23"/>
      <c r="HJO139" s="23"/>
      <c r="HJP139" s="23"/>
      <c r="HJQ139" s="23"/>
      <c r="HJR139" s="23"/>
      <c r="HJS139" s="23"/>
      <c r="HJT139" s="23"/>
      <c r="HJU139" s="23"/>
      <c r="HJV139" s="23"/>
      <c r="HJW139" s="23"/>
      <c r="HJX139" s="23"/>
      <c r="HJY139" s="23"/>
      <c r="HJZ139" s="23"/>
      <c r="HKA139" s="23"/>
      <c r="HKB139" s="23"/>
      <c r="HKC139" s="23"/>
      <c r="HKD139" s="23"/>
      <c r="HKE139" s="23"/>
      <c r="HKF139" s="23"/>
      <c r="HKG139" s="23"/>
      <c r="HKH139" s="23"/>
      <c r="HKI139" s="23"/>
      <c r="HKJ139" s="23"/>
      <c r="HKK139" s="23"/>
      <c r="HKL139" s="23"/>
      <c r="HKM139" s="23"/>
      <c r="HKN139" s="23"/>
      <c r="HKO139" s="23"/>
      <c r="HKP139" s="23"/>
      <c r="HKQ139" s="23"/>
      <c r="HKR139" s="23"/>
      <c r="HKS139" s="23"/>
      <c r="HKT139" s="23"/>
      <c r="HKU139" s="23"/>
      <c r="HKV139" s="23"/>
      <c r="HKW139" s="23"/>
      <c r="HKX139" s="23"/>
      <c r="HKY139" s="23"/>
      <c r="HKZ139" s="23"/>
      <c r="HLA139" s="23"/>
      <c r="HLB139" s="23"/>
      <c r="HLC139" s="23"/>
      <c r="HLD139" s="23"/>
      <c r="HLE139" s="23"/>
      <c r="HLF139" s="23"/>
      <c r="HLG139" s="23"/>
      <c r="HLH139" s="23"/>
      <c r="HLI139" s="23"/>
      <c r="HLJ139" s="23"/>
      <c r="HLK139" s="23"/>
      <c r="HLL139" s="23"/>
      <c r="HLM139" s="23"/>
      <c r="HLN139" s="23"/>
      <c r="HLO139" s="23"/>
      <c r="HLP139" s="23"/>
      <c r="HLQ139" s="23"/>
      <c r="HLR139" s="23"/>
      <c r="HLS139" s="23"/>
      <c r="HLT139" s="23"/>
      <c r="HLU139" s="23"/>
      <c r="HLV139" s="23"/>
      <c r="HLW139" s="23"/>
      <c r="HLX139" s="23"/>
      <c r="HLY139" s="23"/>
      <c r="HLZ139" s="23"/>
      <c r="HMA139" s="23"/>
      <c r="HMB139" s="23"/>
      <c r="HMC139" s="23"/>
      <c r="HMD139" s="23"/>
      <c r="HME139" s="23"/>
      <c r="HMF139" s="23"/>
      <c r="HMG139" s="23"/>
      <c r="HMH139" s="23"/>
      <c r="HMI139" s="23"/>
      <c r="HMJ139" s="23"/>
      <c r="HMK139" s="23"/>
      <c r="HML139" s="23"/>
      <c r="HMM139" s="23"/>
      <c r="HMN139" s="23"/>
      <c r="HMO139" s="23"/>
      <c r="HMP139" s="23"/>
      <c r="HMQ139" s="23"/>
      <c r="HMR139" s="23"/>
      <c r="HMS139" s="23"/>
      <c r="HMT139" s="23"/>
      <c r="HMU139" s="23"/>
      <c r="HMV139" s="23"/>
      <c r="HMW139" s="23"/>
      <c r="HMX139" s="23"/>
      <c r="HMY139" s="23"/>
      <c r="HMZ139" s="23"/>
      <c r="HNA139" s="23"/>
      <c r="HNB139" s="23"/>
      <c r="HNC139" s="23"/>
      <c r="HND139" s="23"/>
      <c r="HNE139" s="23"/>
      <c r="HNF139" s="23"/>
      <c r="HNG139" s="23"/>
      <c r="HNH139" s="23"/>
      <c r="HNI139" s="23"/>
      <c r="HNJ139" s="23"/>
      <c r="HNK139" s="23"/>
      <c r="HNL139" s="23"/>
      <c r="HNM139" s="23"/>
      <c r="HNN139" s="23"/>
      <c r="HNO139" s="23"/>
      <c r="HNP139" s="23"/>
      <c r="HNQ139" s="23"/>
      <c r="HNR139" s="23"/>
      <c r="HNS139" s="23"/>
      <c r="HNT139" s="23"/>
      <c r="HNU139" s="23"/>
      <c r="HNV139" s="23"/>
      <c r="HNW139" s="23"/>
      <c r="HNX139" s="23"/>
      <c r="HNY139" s="23"/>
      <c r="HNZ139" s="23"/>
      <c r="HOA139" s="23"/>
      <c r="HOB139" s="23"/>
      <c r="HOC139" s="23"/>
      <c r="HOD139" s="23"/>
      <c r="HOE139" s="23"/>
      <c r="HOF139" s="23"/>
      <c r="HOG139" s="23"/>
      <c r="HOH139" s="23"/>
      <c r="HOI139" s="23"/>
      <c r="HOJ139" s="23"/>
      <c r="HOK139" s="23"/>
      <c r="HOL139" s="23"/>
      <c r="HOM139" s="23"/>
      <c r="HON139" s="23"/>
      <c r="HOO139" s="23"/>
      <c r="HOP139" s="23"/>
      <c r="HOQ139" s="23"/>
      <c r="HOR139" s="23"/>
      <c r="HOS139" s="23"/>
      <c r="HOT139" s="23"/>
      <c r="HOU139" s="23"/>
      <c r="HOV139" s="23"/>
      <c r="HOW139" s="23"/>
      <c r="HOX139" s="23"/>
      <c r="HOY139" s="23"/>
      <c r="HOZ139" s="23"/>
      <c r="HPA139" s="23"/>
      <c r="HPB139" s="23"/>
      <c r="HPC139" s="23"/>
      <c r="HPD139" s="23"/>
      <c r="HPE139" s="23"/>
      <c r="HPF139" s="23"/>
      <c r="HPG139" s="23"/>
      <c r="HPH139" s="23"/>
      <c r="HPI139" s="23"/>
      <c r="HPJ139" s="23"/>
      <c r="HPK139" s="23"/>
      <c r="HPL139" s="23"/>
      <c r="HPM139" s="23"/>
      <c r="HPN139" s="23"/>
      <c r="HPO139" s="23"/>
      <c r="HPP139" s="23"/>
      <c r="HPQ139" s="23"/>
      <c r="HPR139" s="23"/>
      <c r="HPS139" s="23"/>
      <c r="HPT139" s="23"/>
      <c r="HPU139" s="23"/>
      <c r="HPV139" s="23"/>
      <c r="HPW139" s="23"/>
      <c r="HPX139" s="23"/>
      <c r="HPY139" s="23"/>
      <c r="HPZ139" s="23"/>
      <c r="HQA139" s="23"/>
      <c r="HQB139" s="23"/>
      <c r="HQC139" s="23"/>
      <c r="HQD139" s="23"/>
      <c r="HQE139" s="23"/>
      <c r="HQF139" s="23"/>
      <c r="HQG139" s="23"/>
      <c r="HQH139" s="23"/>
      <c r="HQI139" s="23"/>
      <c r="HQJ139" s="23"/>
      <c r="HQK139" s="23"/>
      <c r="HQL139" s="23"/>
      <c r="HQM139" s="23"/>
      <c r="HQN139" s="23"/>
      <c r="HQO139" s="23"/>
      <c r="HQP139" s="23"/>
      <c r="HQQ139" s="23"/>
      <c r="HQR139" s="23"/>
      <c r="HQS139" s="23"/>
      <c r="HQT139" s="23"/>
      <c r="HQU139" s="23"/>
      <c r="HQV139" s="23"/>
      <c r="HQW139" s="23"/>
      <c r="HQX139" s="23"/>
      <c r="HQY139" s="23"/>
      <c r="HQZ139" s="23"/>
      <c r="HRA139" s="23"/>
      <c r="HRB139" s="23"/>
      <c r="HRC139" s="23"/>
      <c r="HRD139" s="23"/>
      <c r="HRE139" s="23"/>
      <c r="HRF139" s="23"/>
      <c r="HRG139" s="23"/>
      <c r="HRH139" s="23"/>
      <c r="HRI139" s="23"/>
      <c r="HRJ139" s="23"/>
      <c r="HRK139" s="23"/>
      <c r="HRL139" s="23"/>
      <c r="HRM139" s="23"/>
      <c r="HRN139" s="23"/>
      <c r="HRO139" s="23"/>
      <c r="HRP139" s="23"/>
      <c r="HRQ139" s="23"/>
      <c r="HRR139" s="23"/>
      <c r="HRS139" s="23"/>
      <c r="HRT139" s="23"/>
      <c r="HRU139" s="23"/>
      <c r="HRV139" s="23"/>
      <c r="HRW139" s="23"/>
      <c r="HRX139" s="23"/>
      <c r="HRY139" s="23"/>
      <c r="HRZ139" s="23"/>
      <c r="HSA139" s="23"/>
      <c r="HSB139" s="23"/>
      <c r="HSC139" s="23"/>
      <c r="HSD139" s="23"/>
      <c r="HSE139" s="23"/>
      <c r="HSF139" s="23"/>
      <c r="HSG139" s="23"/>
      <c r="HSH139" s="23"/>
      <c r="HSI139" s="23"/>
      <c r="HSJ139" s="23"/>
      <c r="HSK139" s="23"/>
      <c r="HSL139" s="23"/>
      <c r="HSM139" s="23"/>
      <c r="HSN139" s="23"/>
      <c r="HSO139" s="23"/>
      <c r="HSP139" s="23"/>
      <c r="HSQ139" s="23"/>
      <c r="HSR139" s="23"/>
      <c r="HSS139" s="23"/>
      <c r="HST139" s="23"/>
      <c r="HSU139" s="23"/>
      <c r="HSV139" s="23"/>
      <c r="HSW139" s="23"/>
      <c r="HSX139" s="23"/>
      <c r="HSY139" s="23"/>
      <c r="HSZ139" s="23"/>
      <c r="HTA139" s="23"/>
      <c r="HTB139" s="23"/>
      <c r="HTC139" s="23"/>
      <c r="HTD139" s="23"/>
      <c r="HTE139" s="23"/>
      <c r="HTF139" s="23"/>
      <c r="HTG139" s="23"/>
      <c r="HTH139" s="23"/>
      <c r="HTI139" s="23"/>
      <c r="HTJ139" s="23"/>
      <c r="HTK139" s="23"/>
      <c r="HTL139" s="23"/>
      <c r="HTM139" s="23"/>
      <c r="HTN139" s="23"/>
      <c r="HTO139" s="23"/>
      <c r="HTP139" s="23"/>
      <c r="HTQ139" s="23"/>
      <c r="HTR139" s="23"/>
      <c r="HTS139" s="23"/>
      <c r="HTT139" s="23"/>
      <c r="HTU139" s="23"/>
      <c r="HTV139" s="23"/>
      <c r="HTW139" s="23"/>
      <c r="HTX139" s="23"/>
      <c r="HTY139" s="23"/>
      <c r="HTZ139" s="23"/>
      <c r="HUA139" s="23"/>
      <c r="HUB139" s="23"/>
      <c r="HUC139" s="23"/>
      <c r="HUD139" s="23"/>
      <c r="HUE139" s="23"/>
      <c r="HUF139" s="23"/>
      <c r="HUG139" s="23"/>
      <c r="HUH139" s="23"/>
      <c r="HUI139" s="23"/>
      <c r="HUJ139" s="23"/>
      <c r="HUK139" s="23"/>
      <c r="HUL139" s="23"/>
      <c r="HUM139" s="23"/>
      <c r="HUN139" s="23"/>
      <c r="HUO139" s="23"/>
      <c r="HUP139" s="23"/>
      <c r="HUQ139" s="23"/>
      <c r="HUR139" s="23"/>
      <c r="HUS139" s="23"/>
      <c r="HUT139" s="23"/>
      <c r="HUU139" s="23"/>
      <c r="HUV139" s="23"/>
      <c r="HUW139" s="23"/>
      <c r="HUX139" s="23"/>
      <c r="HUY139" s="23"/>
      <c r="HUZ139" s="23"/>
      <c r="HVA139" s="23"/>
      <c r="HVB139" s="23"/>
      <c r="HVC139" s="23"/>
      <c r="HVD139" s="23"/>
      <c r="HVE139" s="23"/>
      <c r="HVF139" s="23"/>
      <c r="HVG139" s="23"/>
      <c r="HVH139" s="23"/>
      <c r="HVI139" s="23"/>
      <c r="HVJ139" s="23"/>
      <c r="HVK139" s="23"/>
      <c r="HVL139" s="23"/>
      <c r="HVM139" s="23"/>
      <c r="HVN139" s="23"/>
      <c r="HVO139" s="23"/>
      <c r="HVP139" s="23"/>
      <c r="HVQ139" s="23"/>
      <c r="HVR139" s="23"/>
      <c r="HVS139" s="23"/>
      <c r="HVT139" s="23"/>
      <c r="HVU139" s="23"/>
      <c r="HVV139" s="23"/>
      <c r="HVW139" s="23"/>
      <c r="HVX139" s="23"/>
      <c r="HVY139" s="23"/>
      <c r="HVZ139" s="23"/>
      <c r="HWA139" s="23"/>
      <c r="HWB139" s="23"/>
      <c r="HWC139" s="23"/>
      <c r="HWD139" s="23"/>
      <c r="HWE139" s="23"/>
      <c r="HWF139" s="23"/>
      <c r="HWG139" s="23"/>
      <c r="HWH139" s="23"/>
      <c r="HWI139" s="23"/>
      <c r="HWJ139" s="23"/>
      <c r="HWK139" s="23"/>
      <c r="HWL139" s="23"/>
      <c r="HWM139" s="23"/>
      <c r="HWN139" s="23"/>
      <c r="HWO139" s="23"/>
      <c r="HWP139" s="23"/>
      <c r="HWQ139" s="23"/>
      <c r="HWR139" s="23"/>
      <c r="HWS139" s="23"/>
      <c r="HWT139" s="23"/>
      <c r="HWU139" s="23"/>
      <c r="HWV139" s="23"/>
      <c r="HWW139" s="23"/>
      <c r="HWX139" s="23"/>
      <c r="HWY139" s="23"/>
      <c r="HWZ139" s="23"/>
      <c r="HXA139" s="23"/>
      <c r="HXB139" s="23"/>
      <c r="HXC139" s="23"/>
      <c r="HXD139" s="23"/>
      <c r="HXE139" s="23"/>
      <c r="HXF139" s="23"/>
      <c r="HXG139" s="23"/>
      <c r="HXH139" s="23"/>
      <c r="HXI139" s="23"/>
      <c r="HXJ139" s="23"/>
      <c r="HXK139" s="23"/>
      <c r="HXL139" s="23"/>
      <c r="HXM139" s="23"/>
      <c r="HXN139" s="23"/>
      <c r="HXO139" s="23"/>
      <c r="HXP139" s="23"/>
      <c r="HXQ139" s="23"/>
      <c r="HXR139" s="23"/>
      <c r="HXS139" s="23"/>
      <c r="HXT139" s="23"/>
      <c r="HXU139" s="23"/>
      <c r="HXV139" s="23"/>
      <c r="HXW139" s="23"/>
      <c r="HXX139" s="23"/>
      <c r="HXY139" s="23"/>
      <c r="HXZ139" s="23"/>
      <c r="HYA139" s="23"/>
      <c r="HYB139" s="23"/>
      <c r="HYC139" s="23"/>
      <c r="HYD139" s="23"/>
      <c r="HYE139" s="23"/>
      <c r="HYF139" s="23"/>
      <c r="HYG139" s="23"/>
      <c r="HYH139" s="23"/>
      <c r="HYI139" s="23"/>
      <c r="HYJ139" s="23"/>
      <c r="HYK139" s="23"/>
      <c r="HYL139" s="23"/>
      <c r="HYM139" s="23"/>
      <c r="HYN139" s="23"/>
      <c r="HYO139" s="23"/>
      <c r="HYP139" s="23"/>
      <c r="HYQ139" s="23"/>
      <c r="HYR139" s="23"/>
      <c r="HYS139" s="23"/>
      <c r="HYT139" s="23"/>
      <c r="HYU139" s="23"/>
      <c r="HYV139" s="23"/>
      <c r="HYW139" s="23"/>
      <c r="HYX139" s="23"/>
      <c r="HYY139" s="23"/>
      <c r="HYZ139" s="23"/>
      <c r="HZA139" s="23"/>
      <c r="HZB139" s="23"/>
      <c r="HZC139" s="23"/>
      <c r="HZD139" s="23"/>
      <c r="HZE139" s="23"/>
      <c r="HZF139" s="23"/>
      <c r="HZG139" s="23"/>
      <c r="HZH139" s="23"/>
      <c r="HZI139" s="23"/>
      <c r="HZJ139" s="23"/>
      <c r="HZK139" s="23"/>
      <c r="HZL139" s="23"/>
      <c r="HZM139" s="23"/>
      <c r="HZN139" s="23"/>
      <c r="HZO139" s="23"/>
      <c r="HZP139" s="23"/>
      <c r="HZQ139" s="23"/>
      <c r="HZR139" s="23"/>
      <c r="HZS139" s="23"/>
      <c r="HZT139" s="23"/>
      <c r="HZU139" s="23"/>
      <c r="HZV139" s="23"/>
      <c r="HZW139" s="23"/>
      <c r="HZX139" s="23"/>
      <c r="HZY139" s="23"/>
      <c r="HZZ139" s="23"/>
      <c r="IAA139" s="23"/>
      <c r="IAB139" s="23"/>
      <c r="IAC139" s="23"/>
      <c r="IAD139" s="23"/>
      <c r="IAE139" s="23"/>
      <c r="IAF139" s="23"/>
      <c r="IAG139" s="23"/>
      <c r="IAH139" s="23"/>
      <c r="IAI139" s="23"/>
      <c r="IAJ139" s="23"/>
      <c r="IAK139" s="23"/>
      <c r="IAL139" s="23"/>
      <c r="IAM139" s="23"/>
      <c r="IAN139" s="23"/>
      <c r="IAO139" s="23"/>
      <c r="IAP139" s="23"/>
      <c r="IAQ139" s="23"/>
      <c r="IAR139" s="23"/>
      <c r="IAS139" s="23"/>
      <c r="IAT139" s="23"/>
      <c r="IAU139" s="23"/>
      <c r="IAV139" s="23"/>
      <c r="IAW139" s="23"/>
      <c r="IAX139" s="23"/>
      <c r="IAY139" s="23"/>
      <c r="IAZ139" s="23"/>
      <c r="IBA139" s="23"/>
      <c r="IBB139" s="23"/>
      <c r="IBC139" s="23"/>
      <c r="IBD139" s="23"/>
      <c r="IBE139" s="23"/>
      <c r="IBF139" s="23"/>
      <c r="IBG139" s="23"/>
      <c r="IBH139" s="23"/>
      <c r="IBI139" s="23"/>
      <c r="IBJ139" s="23"/>
      <c r="IBK139" s="23"/>
      <c r="IBL139" s="23"/>
      <c r="IBM139" s="23"/>
      <c r="IBN139" s="23"/>
      <c r="IBO139" s="23"/>
      <c r="IBP139" s="23"/>
      <c r="IBQ139" s="23"/>
      <c r="IBR139" s="23"/>
      <c r="IBS139" s="23"/>
      <c r="IBT139" s="23"/>
      <c r="IBU139" s="23"/>
      <c r="IBV139" s="23"/>
      <c r="IBW139" s="23"/>
      <c r="IBX139" s="23"/>
      <c r="IBY139" s="23"/>
      <c r="IBZ139" s="23"/>
      <c r="ICA139" s="23"/>
      <c r="ICB139" s="23"/>
      <c r="ICC139" s="23"/>
      <c r="ICD139" s="23"/>
      <c r="ICE139" s="23"/>
      <c r="ICF139" s="23"/>
      <c r="ICG139" s="23"/>
      <c r="ICH139" s="23"/>
      <c r="ICI139" s="23"/>
      <c r="ICJ139" s="23"/>
      <c r="ICK139" s="23"/>
      <c r="ICL139" s="23"/>
      <c r="ICM139" s="23"/>
      <c r="ICN139" s="23"/>
      <c r="ICO139" s="23"/>
      <c r="ICP139" s="23"/>
      <c r="ICQ139" s="23"/>
      <c r="ICR139" s="23"/>
      <c r="ICS139" s="23"/>
      <c r="ICT139" s="23"/>
      <c r="ICU139" s="23"/>
      <c r="ICV139" s="23"/>
      <c r="ICW139" s="23"/>
      <c r="ICX139" s="23"/>
      <c r="ICY139" s="23"/>
      <c r="ICZ139" s="23"/>
      <c r="IDA139" s="23"/>
      <c r="IDB139" s="23"/>
      <c r="IDC139" s="23"/>
      <c r="IDD139" s="23"/>
      <c r="IDE139" s="23"/>
      <c r="IDF139" s="23"/>
      <c r="IDG139" s="23"/>
      <c r="IDH139" s="23"/>
      <c r="IDI139" s="23"/>
      <c r="IDJ139" s="23"/>
      <c r="IDK139" s="23"/>
      <c r="IDL139" s="23"/>
      <c r="IDM139" s="23"/>
      <c r="IDN139" s="23"/>
      <c r="IDO139" s="23"/>
      <c r="IDP139" s="23"/>
      <c r="IDQ139" s="23"/>
      <c r="IDR139" s="23"/>
      <c r="IDS139" s="23"/>
      <c r="IDT139" s="23"/>
      <c r="IDU139" s="23"/>
      <c r="IDV139" s="23"/>
      <c r="IDW139" s="23"/>
      <c r="IDX139" s="23"/>
      <c r="IDY139" s="23"/>
      <c r="IDZ139" s="23"/>
      <c r="IEA139" s="23"/>
      <c r="IEB139" s="23"/>
      <c r="IEC139" s="23"/>
      <c r="IED139" s="23"/>
      <c r="IEE139" s="23"/>
      <c r="IEF139" s="23"/>
      <c r="IEG139" s="23"/>
      <c r="IEH139" s="23"/>
      <c r="IEI139" s="23"/>
      <c r="IEJ139" s="23"/>
      <c r="IEK139" s="23"/>
      <c r="IEL139" s="23"/>
      <c r="IEM139" s="23"/>
      <c r="IEN139" s="23"/>
      <c r="IEO139" s="23"/>
      <c r="IEP139" s="23"/>
      <c r="IEQ139" s="23"/>
      <c r="IER139" s="23"/>
      <c r="IES139" s="23"/>
      <c r="IET139" s="23"/>
      <c r="IEU139" s="23"/>
      <c r="IEV139" s="23"/>
      <c r="IEW139" s="23"/>
      <c r="IEX139" s="23"/>
      <c r="IEY139" s="23"/>
      <c r="IEZ139" s="23"/>
      <c r="IFA139" s="23"/>
      <c r="IFB139" s="23"/>
      <c r="IFC139" s="23"/>
      <c r="IFD139" s="23"/>
      <c r="IFE139" s="23"/>
      <c r="IFF139" s="23"/>
      <c r="IFG139" s="23"/>
      <c r="IFH139" s="23"/>
      <c r="IFI139" s="23"/>
      <c r="IFJ139" s="23"/>
      <c r="IFK139" s="23"/>
      <c r="IFL139" s="23"/>
      <c r="IFM139" s="23"/>
      <c r="IFN139" s="23"/>
      <c r="IFO139" s="23"/>
      <c r="IFP139" s="23"/>
      <c r="IFQ139" s="23"/>
      <c r="IFR139" s="23"/>
      <c r="IFS139" s="23"/>
      <c r="IFT139" s="23"/>
      <c r="IFU139" s="23"/>
      <c r="IFV139" s="23"/>
      <c r="IFW139" s="23"/>
      <c r="IFX139" s="23"/>
      <c r="IFY139" s="23"/>
      <c r="IFZ139" s="23"/>
      <c r="IGA139" s="23"/>
      <c r="IGB139" s="23"/>
      <c r="IGC139" s="23"/>
      <c r="IGD139" s="23"/>
      <c r="IGE139" s="23"/>
      <c r="IGF139" s="23"/>
      <c r="IGG139" s="23"/>
      <c r="IGH139" s="23"/>
      <c r="IGI139" s="23"/>
      <c r="IGJ139" s="23"/>
      <c r="IGK139" s="23"/>
      <c r="IGL139" s="23"/>
      <c r="IGM139" s="23"/>
      <c r="IGN139" s="23"/>
      <c r="IGO139" s="23"/>
      <c r="IGP139" s="23"/>
      <c r="IGQ139" s="23"/>
      <c r="IGR139" s="23"/>
      <c r="IGS139" s="23"/>
      <c r="IGT139" s="23"/>
      <c r="IGU139" s="23"/>
      <c r="IGV139" s="23"/>
      <c r="IGW139" s="23"/>
      <c r="IGX139" s="23"/>
      <c r="IGY139" s="23"/>
      <c r="IGZ139" s="23"/>
      <c r="IHA139" s="23"/>
      <c r="IHB139" s="23"/>
      <c r="IHC139" s="23"/>
      <c r="IHD139" s="23"/>
      <c r="IHE139" s="23"/>
      <c r="IHF139" s="23"/>
      <c r="IHG139" s="23"/>
      <c r="IHH139" s="23"/>
      <c r="IHI139" s="23"/>
      <c r="IHJ139" s="23"/>
      <c r="IHK139" s="23"/>
      <c r="IHL139" s="23"/>
      <c r="IHM139" s="23"/>
      <c r="IHN139" s="23"/>
      <c r="IHO139" s="23"/>
      <c r="IHP139" s="23"/>
      <c r="IHQ139" s="23"/>
      <c r="IHR139" s="23"/>
      <c r="IHS139" s="23"/>
      <c r="IHT139" s="23"/>
      <c r="IHU139" s="23"/>
      <c r="IHV139" s="23"/>
      <c r="IHW139" s="23"/>
      <c r="IHX139" s="23"/>
      <c r="IHY139" s="23"/>
      <c r="IHZ139" s="23"/>
      <c r="IIA139" s="23"/>
      <c r="IIB139" s="23"/>
      <c r="IIC139" s="23"/>
      <c r="IID139" s="23"/>
      <c r="IIE139" s="23"/>
      <c r="IIF139" s="23"/>
      <c r="IIG139" s="23"/>
      <c r="IIH139" s="23"/>
      <c r="III139" s="23"/>
      <c r="IIJ139" s="23"/>
      <c r="IIK139" s="23"/>
      <c r="IIL139" s="23"/>
      <c r="IIM139" s="23"/>
      <c r="IIN139" s="23"/>
      <c r="IIO139" s="23"/>
      <c r="IIP139" s="23"/>
      <c r="IIQ139" s="23"/>
      <c r="IIR139" s="23"/>
      <c r="IIS139" s="23"/>
      <c r="IIT139" s="23"/>
      <c r="IIU139" s="23"/>
      <c r="IIV139" s="23"/>
      <c r="IIW139" s="23"/>
      <c r="IIX139" s="23"/>
      <c r="IIY139" s="23"/>
      <c r="IIZ139" s="23"/>
      <c r="IJA139" s="23"/>
      <c r="IJB139" s="23"/>
      <c r="IJC139" s="23"/>
      <c r="IJD139" s="23"/>
      <c r="IJE139" s="23"/>
      <c r="IJF139" s="23"/>
      <c r="IJG139" s="23"/>
      <c r="IJH139" s="23"/>
      <c r="IJI139" s="23"/>
      <c r="IJJ139" s="23"/>
      <c r="IJK139" s="23"/>
      <c r="IJL139" s="23"/>
      <c r="IJM139" s="23"/>
      <c r="IJN139" s="23"/>
      <c r="IJO139" s="23"/>
      <c r="IJP139" s="23"/>
      <c r="IJQ139" s="23"/>
      <c r="IJR139" s="23"/>
      <c r="IJS139" s="23"/>
      <c r="IJT139" s="23"/>
      <c r="IJU139" s="23"/>
      <c r="IJV139" s="23"/>
      <c r="IJW139" s="23"/>
      <c r="IJX139" s="23"/>
      <c r="IJY139" s="23"/>
      <c r="IJZ139" s="23"/>
      <c r="IKA139" s="23"/>
      <c r="IKB139" s="23"/>
      <c r="IKC139" s="23"/>
      <c r="IKD139" s="23"/>
      <c r="IKE139" s="23"/>
      <c r="IKF139" s="23"/>
      <c r="IKG139" s="23"/>
      <c r="IKH139" s="23"/>
      <c r="IKI139" s="23"/>
      <c r="IKJ139" s="23"/>
      <c r="IKK139" s="23"/>
      <c r="IKL139" s="23"/>
      <c r="IKM139" s="23"/>
      <c r="IKN139" s="23"/>
      <c r="IKO139" s="23"/>
      <c r="IKP139" s="23"/>
      <c r="IKQ139" s="23"/>
      <c r="IKR139" s="23"/>
      <c r="IKS139" s="23"/>
      <c r="IKT139" s="23"/>
      <c r="IKU139" s="23"/>
      <c r="IKV139" s="23"/>
      <c r="IKW139" s="23"/>
      <c r="IKX139" s="23"/>
      <c r="IKY139" s="23"/>
      <c r="IKZ139" s="23"/>
      <c r="ILA139" s="23"/>
      <c r="ILB139" s="23"/>
      <c r="ILC139" s="23"/>
      <c r="ILD139" s="23"/>
      <c r="ILE139" s="23"/>
      <c r="ILF139" s="23"/>
      <c r="ILG139" s="23"/>
      <c r="ILH139" s="23"/>
      <c r="ILI139" s="23"/>
      <c r="ILJ139" s="23"/>
      <c r="ILK139" s="23"/>
      <c r="ILL139" s="23"/>
      <c r="ILM139" s="23"/>
      <c r="ILN139" s="23"/>
      <c r="ILO139" s="23"/>
      <c r="ILP139" s="23"/>
      <c r="ILQ139" s="23"/>
      <c r="ILR139" s="23"/>
      <c r="ILS139" s="23"/>
      <c r="ILT139" s="23"/>
      <c r="ILU139" s="23"/>
      <c r="ILV139" s="23"/>
      <c r="ILW139" s="23"/>
      <c r="ILX139" s="23"/>
      <c r="ILY139" s="23"/>
      <c r="ILZ139" s="23"/>
      <c r="IMA139" s="23"/>
      <c r="IMB139" s="23"/>
      <c r="IMC139" s="23"/>
      <c r="IMD139" s="23"/>
      <c r="IME139" s="23"/>
      <c r="IMF139" s="23"/>
      <c r="IMG139" s="23"/>
      <c r="IMH139" s="23"/>
      <c r="IMI139" s="23"/>
      <c r="IMJ139" s="23"/>
      <c r="IMK139" s="23"/>
      <c r="IML139" s="23"/>
      <c r="IMM139" s="23"/>
      <c r="IMN139" s="23"/>
      <c r="IMO139" s="23"/>
      <c r="IMP139" s="23"/>
      <c r="IMQ139" s="23"/>
      <c r="IMR139" s="23"/>
      <c r="IMS139" s="23"/>
      <c r="IMT139" s="23"/>
      <c r="IMU139" s="23"/>
      <c r="IMV139" s="23"/>
      <c r="IMW139" s="23"/>
      <c r="IMX139" s="23"/>
      <c r="IMY139" s="23"/>
      <c r="IMZ139" s="23"/>
      <c r="INA139" s="23"/>
      <c r="INB139" s="23"/>
      <c r="INC139" s="23"/>
      <c r="IND139" s="23"/>
      <c r="INE139" s="23"/>
      <c r="INF139" s="23"/>
      <c r="ING139" s="23"/>
      <c r="INH139" s="23"/>
      <c r="INI139" s="23"/>
      <c r="INJ139" s="23"/>
      <c r="INK139" s="23"/>
      <c r="INL139" s="23"/>
      <c r="INM139" s="23"/>
      <c r="INN139" s="23"/>
      <c r="INO139" s="23"/>
      <c r="INP139" s="23"/>
      <c r="INQ139" s="23"/>
      <c r="INR139" s="23"/>
      <c r="INS139" s="23"/>
      <c r="INT139" s="23"/>
      <c r="INU139" s="23"/>
      <c r="INV139" s="23"/>
      <c r="INW139" s="23"/>
      <c r="INX139" s="23"/>
      <c r="INY139" s="23"/>
      <c r="INZ139" s="23"/>
      <c r="IOA139" s="23"/>
      <c r="IOB139" s="23"/>
      <c r="IOC139" s="23"/>
      <c r="IOD139" s="23"/>
      <c r="IOE139" s="23"/>
      <c r="IOF139" s="23"/>
      <c r="IOG139" s="23"/>
      <c r="IOH139" s="23"/>
      <c r="IOI139" s="23"/>
      <c r="IOJ139" s="23"/>
      <c r="IOK139" s="23"/>
      <c r="IOL139" s="23"/>
      <c r="IOM139" s="23"/>
      <c r="ION139" s="23"/>
      <c r="IOO139" s="23"/>
      <c r="IOP139" s="23"/>
      <c r="IOQ139" s="23"/>
      <c r="IOR139" s="23"/>
      <c r="IOS139" s="23"/>
      <c r="IOT139" s="23"/>
      <c r="IOU139" s="23"/>
      <c r="IOV139" s="23"/>
      <c r="IOW139" s="23"/>
      <c r="IOX139" s="23"/>
      <c r="IOY139" s="23"/>
      <c r="IOZ139" s="23"/>
      <c r="IPA139" s="23"/>
      <c r="IPB139" s="23"/>
      <c r="IPC139" s="23"/>
      <c r="IPD139" s="23"/>
      <c r="IPE139" s="23"/>
      <c r="IPF139" s="23"/>
      <c r="IPG139" s="23"/>
      <c r="IPH139" s="23"/>
      <c r="IPI139" s="23"/>
      <c r="IPJ139" s="23"/>
      <c r="IPK139" s="23"/>
      <c r="IPL139" s="23"/>
      <c r="IPM139" s="23"/>
      <c r="IPN139" s="23"/>
      <c r="IPO139" s="23"/>
      <c r="IPP139" s="23"/>
      <c r="IPQ139" s="23"/>
      <c r="IPR139" s="23"/>
      <c r="IPS139" s="23"/>
      <c r="IPT139" s="23"/>
      <c r="IPU139" s="23"/>
      <c r="IPV139" s="23"/>
      <c r="IPW139" s="23"/>
      <c r="IPX139" s="23"/>
      <c r="IPY139" s="23"/>
      <c r="IPZ139" s="23"/>
      <c r="IQA139" s="23"/>
      <c r="IQB139" s="23"/>
      <c r="IQC139" s="23"/>
      <c r="IQD139" s="23"/>
      <c r="IQE139" s="23"/>
      <c r="IQF139" s="23"/>
      <c r="IQG139" s="23"/>
      <c r="IQH139" s="23"/>
      <c r="IQI139" s="23"/>
      <c r="IQJ139" s="23"/>
      <c r="IQK139" s="23"/>
      <c r="IQL139" s="23"/>
      <c r="IQM139" s="23"/>
      <c r="IQN139" s="23"/>
      <c r="IQO139" s="23"/>
      <c r="IQP139" s="23"/>
      <c r="IQQ139" s="23"/>
      <c r="IQR139" s="23"/>
      <c r="IQS139" s="23"/>
      <c r="IQT139" s="23"/>
      <c r="IQU139" s="23"/>
      <c r="IQV139" s="23"/>
      <c r="IQW139" s="23"/>
      <c r="IQX139" s="23"/>
      <c r="IQY139" s="23"/>
      <c r="IQZ139" s="23"/>
      <c r="IRA139" s="23"/>
      <c r="IRB139" s="23"/>
      <c r="IRC139" s="23"/>
      <c r="IRD139" s="23"/>
      <c r="IRE139" s="23"/>
      <c r="IRF139" s="23"/>
      <c r="IRG139" s="23"/>
      <c r="IRH139" s="23"/>
      <c r="IRI139" s="23"/>
      <c r="IRJ139" s="23"/>
      <c r="IRK139" s="23"/>
      <c r="IRL139" s="23"/>
      <c r="IRM139" s="23"/>
      <c r="IRN139" s="23"/>
      <c r="IRO139" s="23"/>
      <c r="IRP139" s="23"/>
      <c r="IRQ139" s="23"/>
      <c r="IRR139" s="23"/>
      <c r="IRS139" s="23"/>
      <c r="IRT139" s="23"/>
      <c r="IRU139" s="23"/>
      <c r="IRV139" s="23"/>
      <c r="IRW139" s="23"/>
      <c r="IRX139" s="23"/>
      <c r="IRY139" s="23"/>
      <c r="IRZ139" s="23"/>
      <c r="ISA139" s="23"/>
      <c r="ISB139" s="23"/>
      <c r="ISC139" s="23"/>
      <c r="ISD139" s="23"/>
      <c r="ISE139" s="23"/>
      <c r="ISF139" s="23"/>
      <c r="ISG139" s="23"/>
      <c r="ISH139" s="23"/>
      <c r="ISI139" s="23"/>
      <c r="ISJ139" s="23"/>
      <c r="ISK139" s="23"/>
      <c r="ISL139" s="23"/>
      <c r="ISM139" s="23"/>
      <c r="ISN139" s="23"/>
      <c r="ISO139" s="23"/>
      <c r="ISP139" s="23"/>
      <c r="ISQ139" s="23"/>
      <c r="ISR139" s="23"/>
      <c r="ISS139" s="23"/>
      <c r="IST139" s="23"/>
      <c r="ISU139" s="23"/>
      <c r="ISV139" s="23"/>
      <c r="ISW139" s="23"/>
      <c r="ISX139" s="23"/>
      <c r="ISY139" s="23"/>
      <c r="ISZ139" s="23"/>
      <c r="ITA139" s="23"/>
      <c r="ITB139" s="23"/>
      <c r="ITC139" s="23"/>
      <c r="ITD139" s="23"/>
      <c r="ITE139" s="23"/>
      <c r="ITF139" s="23"/>
      <c r="ITG139" s="23"/>
      <c r="ITH139" s="23"/>
      <c r="ITI139" s="23"/>
      <c r="ITJ139" s="23"/>
      <c r="ITK139" s="23"/>
      <c r="ITL139" s="23"/>
      <c r="ITM139" s="23"/>
      <c r="ITN139" s="23"/>
      <c r="ITO139" s="23"/>
      <c r="ITP139" s="23"/>
      <c r="ITQ139" s="23"/>
      <c r="ITR139" s="23"/>
      <c r="ITS139" s="23"/>
      <c r="ITT139" s="23"/>
      <c r="ITU139" s="23"/>
      <c r="ITV139" s="23"/>
      <c r="ITW139" s="23"/>
      <c r="ITX139" s="23"/>
      <c r="ITY139" s="23"/>
      <c r="ITZ139" s="23"/>
      <c r="IUA139" s="23"/>
      <c r="IUB139" s="23"/>
      <c r="IUC139" s="23"/>
      <c r="IUD139" s="23"/>
      <c r="IUE139" s="23"/>
      <c r="IUF139" s="23"/>
      <c r="IUG139" s="23"/>
      <c r="IUH139" s="23"/>
      <c r="IUI139" s="23"/>
      <c r="IUJ139" s="23"/>
      <c r="IUK139" s="23"/>
      <c r="IUL139" s="23"/>
      <c r="IUM139" s="23"/>
      <c r="IUN139" s="23"/>
      <c r="IUO139" s="23"/>
      <c r="IUP139" s="23"/>
      <c r="IUQ139" s="23"/>
      <c r="IUR139" s="23"/>
      <c r="IUS139" s="23"/>
      <c r="IUT139" s="23"/>
      <c r="IUU139" s="23"/>
      <c r="IUV139" s="23"/>
      <c r="IUW139" s="23"/>
      <c r="IUX139" s="23"/>
      <c r="IUY139" s="23"/>
      <c r="IUZ139" s="23"/>
      <c r="IVA139" s="23"/>
      <c r="IVB139" s="23"/>
      <c r="IVC139" s="23"/>
      <c r="IVD139" s="23"/>
      <c r="IVE139" s="23"/>
      <c r="IVF139" s="23"/>
      <c r="IVG139" s="23"/>
      <c r="IVH139" s="23"/>
      <c r="IVI139" s="23"/>
      <c r="IVJ139" s="23"/>
      <c r="IVK139" s="23"/>
      <c r="IVL139" s="23"/>
      <c r="IVM139" s="23"/>
      <c r="IVN139" s="23"/>
      <c r="IVO139" s="23"/>
      <c r="IVP139" s="23"/>
      <c r="IVQ139" s="23"/>
      <c r="IVR139" s="23"/>
      <c r="IVS139" s="23"/>
      <c r="IVT139" s="23"/>
      <c r="IVU139" s="23"/>
      <c r="IVV139" s="23"/>
      <c r="IVW139" s="23"/>
      <c r="IVX139" s="23"/>
      <c r="IVY139" s="23"/>
      <c r="IVZ139" s="23"/>
      <c r="IWA139" s="23"/>
      <c r="IWB139" s="23"/>
      <c r="IWC139" s="23"/>
      <c r="IWD139" s="23"/>
      <c r="IWE139" s="23"/>
      <c r="IWF139" s="23"/>
      <c r="IWG139" s="23"/>
      <c r="IWH139" s="23"/>
      <c r="IWI139" s="23"/>
      <c r="IWJ139" s="23"/>
      <c r="IWK139" s="23"/>
      <c r="IWL139" s="23"/>
      <c r="IWM139" s="23"/>
      <c r="IWN139" s="23"/>
      <c r="IWO139" s="23"/>
      <c r="IWP139" s="23"/>
      <c r="IWQ139" s="23"/>
      <c r="IWR139" s="23"/>
      <c r="IWS139" s="23"/>
      <c r="IWT139" s="23"/>
      <c r="IWU139" s="23"/>
      <c r="IWV139" s="23"/>
      <c r="IWW139" s="23"/>
      <c r="IWX139" s="23"/>
      <c r="IWY139" s="23"/>
      <c r="IWZ139" s="23"/>
      <c r="IXA139" s="23"/>
      <c r="IXB139" s="23"/>
      <c r="IXC139" s="23"/>
      <c r="IXD139" s="23"/>
      <c r="IXE139" s="23"/>
      <c r="IXF139" s="23"/>
      <c r="IXG139" s="23"/>
      <c r="IXH139" s="23"/>
      <c r="IXI139" s="23"/>
      <c r="IXJ139" s="23"/>
      <c r="IXK139" s="23"/>
      <c r="IXL139" s="23"/>
      <c r="IXM139" s="23"/>
      <c r="IXN139" s="23"/>
      <c r="IXO139" s="23"/>
      <c r="IXP139" s="23"/>
      <c r="IXQ139" s="23"/>
      <c r="IXR139" s="23"/>
      <c r="IXS139" s="23"/>
      <c r="IXT139" s="23"/>
      <c r="IXU139" s="23"/>
      <c r="IXV139" s="23"/>
      <c r="IXW139" s="23"/>
      <c r="IXX139" s="23"/>
      <c r="IXY139" s="23"/>
      <c r="IXZ139" s="23"/>
      <c r="IYA139" s="23"/>
      <c r="IYB139" s="23"/>
      <c r="IYC139" s="23"/>
      <c r="IYD139" s="23"/>
      <c r="IYE139" s="23"/>
      <c r="IYF139" s="23"/>
      <c r="IYG139" s="23"/>
      <c r="IYH139" s="23"/>
      <c r="IYI139" s="23"/>
      <c r="IYJ139" s="23"/>
      <c r="IYK139" s="23"/>
      <c r="IYL139" s="23"/>
      <c r="IYM139" s="23"/>
      <c r="IYN139" s="23"/>
      <c r="IYO139" s="23"/>
      <c r="IYP139" s="23"/>
      <c r="IYQ139" s="23"/>
      <c r="IYR139" s="23"/>
      <c r="IYS139" s="23"/>
      <c r="IYT139" s="23"/>
      <c r="IYU139" s="23"/>
      <c r="IYV139" s="23"/>
      <c r="IYW139" s="23"/>
      <c r="IYX139" s="23"/>
      <c r="IYY139" s="23"/>
      <c r="IYZ139" s="23"/>
      <c r="IZA139" s="23"/>
      <c r="IZB139" s="23"/>
      <c r="IZC139" s="23"/>
      <c r="IZD139" s="23"/>
      <c r="IZE139" s="23"/>
      <c r="IZF139" s="23"/>
      <c r="IZG139" s="23"/>
      <c r="IZH139" s="23"/>
      <c r="IZI139" s="23"/>
      <c r="IZJ139" s="23"/>
      <c r="IZK139" s="23"/>
      <c r="IZL139" s="23"/>
      <c r="IZM139" s="23"/>
      <c r="IZN139" s="23"/>
      <c r="IZO139" s="23"/>
      <c r="IZP139" s="23"/>
      <c r="IZQ139" s="23"/>
      <c r="IZR139" s="23"/>
      <c r="IZS139" s="23"/>
      <c r="IZT139" s="23"/>
      <c r="IZU139" s="23"/>
      <c r="IZV139" s="23"/>
      <c r="IZW139" s="23"/>
      <c r="IZX139" s="23"/>
      <c r="IZY139" s="23"/>
      <c r="IZZ139" s="23"/>
      <c r="JAA139" s="23"/>
      <c r="JAB139" s="23"/>
      <c r="JAC139" s="23"/>
      <c r="JAD139" s="23"/>
      <c r="JAE139" s="23"/>
      <c r="JAF139" s="23"/>
      <c r="JAG139" s="23"/>
      <c r="JAH139" s="23"/>
      <c r="JAI139" s="23"/>
      <c r="JAJ139" s="23"/>
      <c r="JAK139" s="23"/>
      <c r="JAL139" s="23"/>
      <c r="JAM139" s="23"/>
      <c r="JAN139" s="23"/>
      <c r="JAO139" s="23"/>
      <c r="JAP139" s="23"/>
      <c r="JAQ139" s="23"/>
      <c r="JAR139" s="23"/>
      <c r="JAS139" s="23"/>
      <c r="JAT139" s="23"/>
      <c r="JAU139" s="23"/>
      <c r="JAV139" s="23"/>
      <c r="JAW139" s="23"/>
      <c r="JAX139" s="23"/>
      <c r="JAY139" s="23"/>
      <c r="JAZ139" s="23"/>
      <c r="JBA139" s="23"/>
      <c r="JBB139" s="23"/>
      <c r="JBC139" s="23"/>
      <c r="JBD139" s="23"/>
      <c r="JBE139" s="23"/>
      <c r="JBF139" s="23"/>
      <c r="JBG139" s="23"/>
      <c r="JBH139" s="23"/>
      <c r="JBI139" s="23"/>
      <c r="JBJ139" s="23"/>
      <c r="JBK139" s="23"/>
      <c r="JBL139" s="23"/>
      <c r="JBM139" s="23"/>
      <c r="JBN139" s="23"/>
      <c r="JBO139" s="23"/>
      <c r="JBP139" s="23"/>
      <c r="JBQ139" s="23"/>
      <c r="JBR139" s="23"/>
      <c r="JBS139" s="23"/>
      <c r="JBT139" s="23"/>
      <c r="JBU139" s="23"/>
      <c r="JBV139" s="23"/>
      <c r="JBW139" s="23"/>
      <c r="JBX139" s="23"/>
      <c r="JBY139" s="23"/>
      <c r="JBZ139" s="23"/>
      <c r="JCA139" s="23"/>
      <c r="JCB139" s="23"/>
      <c r="JCC139" s="23"/>
      <c r="JCD139" s="23"/>
      <c r="JCE139" s="23"/>
      <c r="JCF139" s="23"/>
      <c r="JCG139" s="23"/>
      <c r="JCH139" s="23"/>
      <c r="JCI139" s="23"/>
      <c r="JCJ139" s="23"/>
      <c r="JCK139" s="23"/>
      <c r="JCL139" s="23"/>
      <c r="JCM139" s="23"/>
      <c r="JCN139" s="23"/>
      <c r="JCO139" s="23"/>
      <c r="JCP139" s="23"/>
      <c r="JCQ139" s="23"/>
      <c r="JCR139" s="23"/>
      <c r="JCS139" s="23"/>
      <c r="JCT139" s="23"/>
      <c r="JCU139" s="23"/>
      <c r="JCV139" s="23"/>
      <c r="JCW139" s="23"/>
      <c r="JCX139" s="23"/>
      <c r="JCY139" s="23"/>
      <c r="JCZ139" s="23"/>
      <c r="JDA139" s="23"/>
      <c r="JDB139" s="23"/>
      <c r="JDC139" s="23"/>
      <c r="JDD139" s="23"/>
      <c r="JDE139" s="23"/>
      <c r="JDF139" s="23"/>
      <c r="JDG139" s="23"/>
      <c r="JDH139" s="23"/>
      <c r="JDI139" s="23"/>
      <c r="JDJ139" s="23"/>
      <c r="JDK139" s="23"/>
      <c r="JDL139" s="23"/>
      <c r="JDM139" s="23"/>
      <c r="JDN139" s="23"/>
      <c r="JDO139" s="23"/>
      <c r="JDP139" s="23"/>
      <c r="JDQ139" s="23"/>
      <c r="JDR139" s="23"/>
      <c r="JDS139" s="23"/>
      <c r="JDT139" s="23"/>
      <c r="JDU139" s="23"/>
      <c r="JDV139" s="23"/>
      <c r="JDW139" s="23"/>
      <c r="JDX139" s="23"/>
      <c r="JDY139" s="23"/>
      <c r="JDZ139" s="23"/>
      <c r="JEA139" s="23"/>
      <c r="JEB139" s="23"/>
      <c r="JEC139" s="23"/>
      <c r="JED139" s="23"/>
      <c r="JEE139" s="23"/>
      <c r="JEF139" s="23"/>
      <c r="JEG139" s="23"/>
      <c r="JEH139" s="23"/>
      <c r="JEI139" s="23"/>
      <c r="JEJ139" s="23"/>
      <c r="JEK139" s="23"/>
      <c r="JEL139" s="23"/>
      <c r="JEM139" s="23"/>
      <c r="JEN139" s="23"/>
      <c r="JEO139" s="23"/>
      <c r="JEP139" s="23"/>
      <c r="JEQ139" s="23"/>
      <c r="JER139" s="23"/>
      <c r="JES139" s="23"/>
      <c r="JET139" s="23"/>
      <c r="JEU139" s="23"/>
      <c r="JEV139" s="23"/>
      <c r="JEW139" s="23"/>
      <c r="JEX139" s="23"/>
      <c r="JEY139" s="23"/>
      <c r="JEZ139" s="23"/>
      <c r="JFA139" s="23"/>
      <c r="JFB139" s="23"/>
      <c r="JFC139" s="23"/>
      <c r="JFD139" s="23"/>
      <c r="JFE139" s="23"/>
      <c r="JFF139" s="23"/>
      <c r="JFG139" s="23"/>
      <c r="JFH139" s="23"/>
      <c r="JFI139" s="23"/>
      <c r="JFJ139" s="23"/>
      <c r="JFK139" s="23"/>
      <c r="JFL139" s="23"/>
      <c r="JFM139" s="23"/>
      <c r="JFN139" s="23"/>
      <c r="JFO139" s="23"/>
      <c r="JFP139" s="23"/>
      <c r="JFQ139" s="23"/>
      <c r="JFR139" s="23"/>
      <c r="JFS139" s="23"/>
      <c r="JFT139" s="23"/>
      <c r="JFU139" s="23"/>
      <c r="JFV139" s="23"/>
      <c r="JFW139" s="23"/>
      <c r="JFX139" s="23"/>
      <c r="JFY139" s="23"/>
      <c r="JFZ139" s="23"/>
      <c r="JGA139" s="23"/>
      <c r="JGB139" s="23"/>
      <c r="JGC139" s="23"/>
      <c r="JGD139" s="23"/>
      <c r="JGE139" s="23"/>
      <c r="JGF139" s="23"/>
      <c r="JGG139" s="23"/>
      <c r="JGH139" s="23"/>
      <c r="JGI139" s="23"/>
      <c r="JGJ139" s="23"/>
      <c r="JGK139" s="23"/>
      <c r="JGL139" s="23"/>
      <c r="JGM139" s="23"/>
      <c r="JGN139" s="23"/>
      <c r="JGO139" s="23"/>
      <c r="JGP139" s="23"/>
      <c r="JGQ139" s="23"/>
      <c r="JGR139" s="23"/>
      <c r="JGS139" s="23"/>
      <c r="JGT139" s="23"/>
      <c r="JGU139" s="23"/>
      <c r="JGV139" s="23"/>
      <c r="JGW139" s="23"/>
      <c r="JGX139" s="23"/>
      <c r="JGY139" s="23"/>
      <c r="JGZ139" s="23"/>
      <c r="JHA139" s="23"/>
      <c r="JHB139" s="23"/>
      <c r="JHC139" s="23"/>
      <c r="JHD139" s="23"/>
      <c r="JHE139" s="23"/>
      <c r="JHF139" s="23"/>
      <c r="JHG139" s="23"/>
      <c r="JHH139" s="23"/>
      <c r="JHI139" s="23"/>
      <c r="JHJ139" s="23"/>
      <c r="JHK139" s="23"/>
      <c r="JHL139" s="23"/>
      <c r="JHM139" s="23"/>
      <c r="JHN139" s="23"/>
      <c r="JHO139" s="23"/>
      <c r="JHP139" s="23"/>
      <c r="JHQ139" s="23"/>
      <c r="JHR139" s="23"/>
      <c r="JHS139" s="23"/>
      <c r="JHT139" s="23"/>
      <c r="JHU139" s="23"/>
      <c r="JHV139" s="23"/>
      <c r="JHW139" s="23"/>
      <c r="JHX139" s="23"/>
      <c r="JHY139" s="23"/>
      <c r="JHZ139" s="23"/>
      <c r="JIA139" s="23"/>
      <c r="JIB139" s="23"/>
      <c r="JIC139" s="23"/>
      <c r="JID139" s="23"/>
      <c r="JIE139" s="23"/>
      <c r="JIF139" s="23"/>
      <c r="JIG139" s="23"/>
      <c r="JIH139" s="23"/>
      <c r="JII139" s="23"/>
      <c r="JIJ139" s="23"/>
      <c r="JIK139" s="23"/>
      <c r="JIL139" s="23"/>
      <c r="JIM139" s="23"/>
      <c r="JIN139" s="23"/>
      <c r="JIO139" s="23"/>
      <c r="JIP139" s="23"/>
      <c r="JIQ139" s="23"/>
      <c r="JIR139" s="23"/>
      <c r="JIS139" s="23"/>
      <c r="JIT139" s="23"/>
      <c r="JIU139" s="23"/>
      <c r="JIV139" s="23"/>
      <c r="JIW139" s="23"/>
      <c r="JIX139" s="23"/>
      <c r="JIY139" s="23"/>
      <c r="JIZ139" s="23"/>
      <c r="JJA139" s="23"/>
      <c r="JJB139" s="23"/>
      <c r="JJC139" s="23"/>
      <c r="JJD139" s="23"/>
      <c r="JJE139" s="23"/>
      <c r="JJF139" s="23"/>
      <c r="JJG139" s="23"/>
      <c r="JJH139" s="23"/>
      <c r="JJI139" s="23"/>
      <c r="JJJ139" s="23"/>
      <c r="JJK139" s="23"/>
      <c r="JJL139" s="23"/>
      <c r="JJM139" s="23"/>
      <c r="JJN139" s="23"/>
      <c r="JJO139" s="23"/>
      <c r="JJP139" s="23"/>
      <c r="JJQ139" s="23"/>
      <c r="JJR139" s="23"/>
      <c r="JJS139" s="23"/>
      <c r="JJT139" s="23"/>
      <c r="JJU139" s="23"/>
      <c r="JJV139" s="23"/>
      <c r="JJW139" s="23"/>
      <c r="JJX139" s="23"/>
      <c r="JJY139" s="23"/>
      <c r="JJZ139" s="23"/>
      <c r="JKA139" s="23"/>
      <c r="JKB139" s="23"/>
      <c r="JKC139" s="23"/>
      <c r="JKD139" s="23"/>
      <c r="JKE139" s="23"/>
      <c r="JKF139" s="23"/>
      <c r="JKG139" s="23"/>
      <c r="JKH139" s="23"/>
      <c r="JKI139" s="23"/>
      <c r="JKJ139" s="23"/>
      <c r="JKK139" s="23"/>
      <c r="JKL139" s="23"/>
      <c r="JKM139" s="23"/>
      <c r="JKN139" s="23"/>
      <c r="JKO139" s="23"/>
      <c r="JKP139" s="23"/>
      <c r="JKQ139" s="23"/>
      <c r="JKR139" s="23"/>
      <c r="JKS139" s="23"/>
      <c r="JKT139" s="23"/>
      <c r="JKU139" s="23"/>
      <c r="JKV139" s="23"/>
      <c r="JKW139" s="23"/>
      <c r="JKX139" s="23"/>
      <c r="JKY139" s="23"/>
      <c r="JKZ139" s="23"/>
      <c r="JLA139" s="23"/>
      <c r="JLB139" s="23"/>
      <c r="JLC139" s="23"/>
      <c r="JLD139" s="23"/>
      <c r="JLE139" s="23"/>
      <c r="JLF139" s="23"/>
      <c r="JLG139" s="23"/>
      <c r="JLH139" s="23"/>
      <c r="JLI139" s="23"/>
      <c r="JLJ139" s="23"/>
      <c r="JLK139" s="23"/>
      <c r="JLL139" s="23"/>
      <c r="JLM139" s="23"/>
      <c r="JLN139" s="23"/>
      <c r="JLO139" s="23"/>
      <c r="JLP139" s="23"/>
      <c r="JLQ139" s="23"/>
      <c r="JLR139" s="23"/>
      <c r="JLS139" s="23"/>
      <c r="JLT139" s="23"/>
      <c r="JLU139" s="23"/>
      <c r="JLV139" s="23"/>
      <c r="JLW139" s="23"/>
      <c r="JLX139" s="23"/>
      <c r="JLY139" s="23"/>
      <c r="JLZ139" s="23"/>
      <c r="JMA139" s="23"/>
      <c r="JMB139" s="23"/>
      <c r="JMC139" s="23"/>
      <c r="JMD139" s="23"/>
      <c r="JME139" s="23"/>
      <c r="JMF139" s="23"/>
      <c r="JMG139" s="23"/>
      <c r="JMH139" s="23"/>
      <c r="JMI139" s="23"/>
      <c r="JMJ139" s="23"/>
      <c r="JMK139" s="23"/>
      <c r="JML139" s="23"/>
      <c r="JMM139" s="23"/>
      <c r="JMN139" s="23"/>
      <c r="JMO139" s="23"/>
      <c r="JMP139" s="23"/>
      <c r="JMQ139" s="23"/>
      <c r="JMR139" s="23"/>
      <c r="JMS139" s="23"/>
      <c r="JMT139" s="23"/>
      <c r="JMU139" s="23"/>
      <c r="JMV139" s="23"/>
      <c r="JMW139" s="23"/>
      <c r="JMX139" s="23"/>
      <c r="JMY139" s="23"/>
      <c r="JMZ139" s="23"/>
      <c r="JNA139" s="23"/>
      <c r="JNB139" s="23"/>
      <c r="JNC139" s="23"/>
      <c r="JND139" s="23"/>
      <c r="JNE139" s="23"/>
      <c r="JNF139" s="23"/>
      <c r="JNG139" s="23"/>
      <c r="JNH139" s="23"/>
      <c r="JNI139" s="23"/>
      <c r="JNJ139" s="23"/>
      <c r="JNK139" s="23"/>
      <c r="JNL139" s="23"/>
      <c r="JNM139" s="23"/>
      <c r="JNN139" s="23"/>
      <c r="JNO139" s="23"/>
      <c r="JNP139" s="23"/>
      <c r="JNQ139" s="23"/>
      <c r="JNR139" s="23"/>
      <c r="JNS139" s="23"/>
      <c r="JNT139" s="23"/>
      <c r="JNU139" s="23"/>
      <c r="JNV139" s="23"/>
      <c r="JNW139" s="23"/>
      <c r="JNX139" s="23"/>
      <c r="JNY139" s="23"/>
      <c r="JNZ139" s="23"/>
      <c r="JOA139" s="23"/>
      <c r="JOB139" s="23"/>
      <c r="JOC139" s="23"/>
      <c r="JOD139" s="23"/>
      <c r="JOE139" s="23"/>
      <c r="JOF139" s="23"/>
      <c r="JOG139" s="23"/>
      <c r="JOH139" s="23"/>
      <c r="JOI139" s="23"/>
      <c r="JOJ139" s="23"/>
      <c r="JOK139" s="23"/>
      <c r="JOL139" s="23"/>
      <c r="JOM139" s="23"/>
      <c r="JON139" s="23"/>
      <c r="JOO139" s="23"/>
      <c r="JOP139" s="23"/>
      <c r="JOQ139" s="23"/>
      <c r="JOR139" s="23"/>
      <c r="JOS139" s="23"/>
      <c r="JOT139" s="23"/>
      <c r="JOU139" s="23"/>
      <c r="JOV139" s="23"/>
      <c r="JOW139" s="23"/>
      <c r="JOX139" s="23"/>
      <c r="JOY139" s="23"/>
      <c r="JOZ139" s="23"/>
      <c r="JPA139" s="23"/>
      <c r="JPB139" s="23"/>
      <c r="JPC139" s="23"/>
      <c r="JPD139" s="23"/>
      <c r="JPE139" s="23"/>
      <c r="JPF139" s="23"/>
      <c r="JPG139" s="23"/>
      <c r="JPH139" s="23"/>
      <c r="JPI139" s="23"/>
      <c r="JPJ139" s="23"/>
      <c r="JPK139" s="23"/>
      <c r="JPL139" s="23"/>
      <c r="JPM139" s="23"/>
      <c r="JPN139" s="23"/>
      <c r="JPO139" s="23"/>
      <c r="JPP139" s="23"/>
      <c r="JPQ139" s="23"/>
      <c r="JPR139" s="23"/>
      <c r="JPS139" s="23"/>
      <c r="JPT139" s="23"/>
      <c r="JPU139" s="23"/>
      <c r="JPV139" s="23"/>
      <c r="JPW139" s="23"/>
      <c r="JPX139" s="23"/>
      <c r="JPY139" s="23"/>
      <c r="JPZ139" s="23"/>
      <c r="JQA139" s="23"/>
      <c r="JQB139" s="23"/>
      <c r="JQC139" s="23"/>
      <c r="JQD139" s="23"/>
      <c r="JQE139" s="23"/>
      <c r="JQF139" s="23"/>
      <c r="JQG139" s="23"/>
      <c r="JQH139" s="23"/>
      <c r="JQI139" s="23"/>
      <c r="JQJ139" s="23"/>
      <c r="JQK139" s="23"/>
      <c r="JQL139" s="23"/>
      <c r="JQM139" s="23"/>
      <c r="JQN139" s="23"/>
      <c r="JQO139" s="23"/>
      <c r="JQP139" s="23"/>
      <c r="JQQ139" s="23"/>
      <c r="JQR139" s="23"/>
      <c r="JQS139" s="23"/>
      <c r="JQT139" s="23"/>
      <c r="JQU139" s="23"/>
      <c r="JQV139" s="23"/>
      <c r="JQW139" s="23"/>
      <c r="JQX139" s="23"/>
      <c r="JQY139" s="23"/>
      <c r="JQZ139" s="23"/>
      <c r="JRA139" s="23"/>
      <c r="JRB139" s="23"/>
      <c r="JRC139" s="23"/>
      <c r="JRD139" s="23"/>
      <c r="JRE139" s="23"/>
      <c r="JRF139" s="23"/>
      <c r="JRG139" s="23"/>
      <c r="JRH139" s="23"/>
      <c r="JRI139" s="23"/>
      <c r="JRJ139" s="23"/>
      <c r="JRK139" s="23"/>
      <c r="JRL139" s="23"/>
      <c r="JRM139" s="23"/>
      <c r="JRN139" s="23"/>
      <c r="JRO139" s="23"/>
      <c r="JRP139" s="23"/>
      <c r="JRQ139" s="23"/>
      <c r="JRR139" s="23"/>
      <c r="JRS139" s="23"/>
      <c r="JRT139" s="23"/>
      <c r="JRU139" s="23"/>
      <c r="JRV139" s="23"/>
      <c r="JRW139" s="23"/>
      <c r="JRX139" s="23"/>
      <c r="JRY139" s="23"/>
      <c r="JRZ139" s="23"/>
      <c r="JSA139" s="23"/>
      <c r="JSB139" s="23"/>
      <c r="JSC139" s="23"/>
      <c r="JSD139" s="23"/>
      <c r="JSE139" s="23"/>
      <c r="JSF139" s="23"/>
      <c r="JSG139" s="23"/>
      <c r="JSH139" s="23"/>
      <c r="JSI139" s="23"/>
      <c r="JSJ139" s="23"/>
      <c r="JSK139" s="23"/>
      <c r="JSL139" s="23"/>
      <c r="JSM139" s="23"/>
      <c r="JSN139" s="23"/>
      <c r="JSO139" s="23"/>
      <c r="JSP139" s="23"/>
      <c r="JSQ139" s="23"/>
      <c r="JSR139" s="23"/>
      <c r="JSS139" s="23"/>
      <c r="JST139" s="23"/>
      <c r="JSU139" s="23"/>
      <c r="JSV139" s="23"/>
      <c r="JSW139" s="23"/>
      <c r="JSX139" s="23"/>
      <c r="JSY139" s="23"/>
      <c r="JSZ139" s="23"/>
      <c r="JTA139" s="23"/>
      <c r="JTB139" s="23"/>
      <c r="JTC139" s="23"/>
      <c r="JTD139" s="23"/>
      <c r="JTE139" s="23"/>
      <c r="JTF139" s="23"/>
      <c r="JTG139" s="23"/>
      <c r="JTH139" s="23"/>
      <c r="JTI139" s="23"/>
      <c r="JTJ139" s="23"/>
      <c r="JTK139" s="23"/>
      <c r="JTL139" s="23"/>
      <c r="JTM139" s="23"/>
      <c r="JTN139" s="23"/>
      <c r="JTO139" s="23"/>
      <c r="JTP139" s="23"/>
      <c r="JTQ139" s="23"/>
      <c r="JTR139" s="23"/>
      <c r="JTS139" s="23"/>
      <c r="JTT139" s="23"/>
      <c r="JTU139" s="23"/>
      <c r="JTV139" s="23"/>
      <c r="JTW139" s="23"/>
      <c r="JTX139" s="23"/>
      <c r="JTY139" s="23"/>
      <c r="JTZ139" s="23"/>
      <c r="JUA139" s="23"/>
      <c r="JUB139" s="23"/>
      <c r="JUC139" s="23"/>
      <c r="JUD139" s="23"/>
      <c r="JUE139" s="23"/>
      <c r="JUF139" s="23"/>
      <c r="JUG139" s="23"/>
      <c r="JUH139" s="23"/>
      <c r="JUI139" s="23"/>
      <c r="JUJ139" s="23"/>
      <c r="JUK139" s="23"/>
      <c r="JUL139" s="23"/>
      <c r="JUM139" s="23"/>
      <c r="JUN139" s="23"/>
      <c r="JUO139" s="23"/>
      <c r="JUP139" s="23"/>
      <c r="JUQ139" s="23"/>
      <c r="JUR139" s="23"/>
      <c r="JUS139" s="23"/>
      <c r="JUT139" s="23"/>
      <c r="JUU139" s="23"/>
      <c r="JUV139" s="23"/>
      <c r="JUW139" s="23"/>
      <c r="JUX139" s="23"/>
      <c r="JUY139" s="23"/>
      <c r="JUZ139" s="23"/>
      <c r="JVA139" s="23"/>
      <c r="JVB139" s="23"/>
      <c r="JVC139" s="23"/>
      <c r="JVD139" s="23"/>
      <c r="JVE139" s="23"/>
      <c r="JVF139" s="23"/>
      <c r="JVG139" s="23"/>
      <c r="JVH139" s="23"/>
      <c r="JVI139" s="23"/>
      <c r="JVJ139" s="23"/>
      <c r="JVK139" s="23"/>
      <c r="JVL139" s="23"/>
      <c r="JVM139" s="23"/>
      <c r="JVN139" s="23"/>
      <c r="JVO139" s="23"/>
      <c r="JVP139" s="23"/>
      <c r="JVQ139" s="23"/>
      <c r="JVR139" s="23"/>
      <c r="JVS139" s="23"/>
      <c r="JVT139" s="23"/>
      <c r="JVU139" s="23"/>
      <c r="JVV139" s="23"/>
      <c r="JVW139" s="23"/>
      <c r="JVX139" s="23"/>
      <c r="JVY139" s="23"/>
      <c r="JVZ139" s="23"/>
      <c r="JWA139" s="23"/>
      <c r="JWB139" s="23"/>
      <c r="JWC139" s="23"/>
      <c r="JWD139" s="23"/>
      <c r="JWE139" s="23"/>
      <c r="JWF139" s="23"/>
      <c r="JWG139" s="23"/>
      <c r="JWH139" s="23"/>
      <c r="JWI139" s="23"/>
      <c r="JWJ139" s="23"/>
      <c r="JWK139" s="23"/>
      <c r="JWL139" s="23"/>
      <c r="JWM139" s="23"/>
      <c r="JWN139" s="23"/>
      <c r="JWO139" s="23"/>
      <c r="JWP139" s="23"/>
      <c r="JWQ139" s="23"/>
      <c r="JWR139" s="23"/>
      <c r="JWS139" s="23"/>
      <c r="JWT139" s="23"/>
      <c r="JWU139" s="23"/>
      <c r="JWV139" s="23"/>
      <c r="JWW139" s="23"/>
      <c r="JWX139" s="23"/>
      <c r="JWY139" s="23"/>
      <c r="JWZ139" s="23"/>
      <c r="JXA139" s="23"/>
      <c r="JXB139" s="23"/>
      <c r="JXC139" s="23"/>
      <c r="JXD139" s="23"/>
      <c r="JXE139" s="23"/>
      <c r="JXF139" s="23"/>
      <c r="JXG139" s="23"/>
      <c r="JXH139" s="23"/>
      <c r="JXI139" s="23"/>
      <c r="JXJ139" s="23"/>
      <c r="JXK139" s="23"/>
      <c r="JXL139" s="23"/>
      <c r="JXM139" s="23"/>
      <c r="JXN139" s="23"/>
      <c r="JXO139" s="23"/>
      <c r="JXP139" s="23"/>
      <c r="JXQ139" s="23"/>
      <c r="JXR139" s="23"/>
      <c r="JXS139" s="23"/>
      <c r="JXT139" s="23"/>
      <c r="JXU139" s="23"/>
      <c r="JXV139" s="23"/>
      <c r="JXW139" s="23"/>
      <c r="JXX139" s="23"/>
      <c r="JXY139" s="23"/>
      <c r="JXZ139" s="23"/>
      <c r="JYA139" s="23"/>
      <c r="JYB139" s="23"/>
      <c r="JYC139" s="23"/>
      <c r="JYD139" s="23"/>
      <c r="JYE139" s="23"/>
      <c r="JYF139" s="23"/>
      <c r="JYG139" s="23"/>
      <c r="JYH139" s="23"/>
      <c r="JYI139" s="23"/>
      <c r="JYJ139" s="23"/>
      <c r="JYK139" s="23"/>
      <c r="JYL139" s="23"/>
      <c r="JYM139" s="23"/>
      <c r="JYN139" s="23"/>
      <c r="JYO139" s="23"/>
      <c r="JYP139" s="23"/>
      <c r="JYQ139" s="23"/>
      <c r="JYR139" s="23"/>
      <c r="JYS139" s="23"/>
      <c r="JYT139" s="23"/>
      <c r="JYU139" s="23"/>
      <c r="JYV139" s="23"/>
      <c r="JYW139" s="23"/>
      <c r="JYX139" s="23"/>
      <c r="JYY139" s="23"/>
      <c r="JYZ139" s="23"/>
      <c r="JZA139" s="23"/>
      <c r="JZB139" s="23"/>
      <c r="JZC139" s="23"/>
      <c r="JZD139" s="23"/>
      <c r="JZE139" s="23"/>
      <c r="JZF139" s="23"/>
      <c r="JZG139" s="23"/>
      <c r="JZH139" s="23"/>
      <c r="JZI139" s="23"/>
      <c r="JZJ139" s="23"/>
      <c r="JZK139" s="23"/>
      <c r="JZL139" s="23"/>
      <c r="JZM139" s="23"/>
      <c r="JZN139" s="23"/>
      <c r="JZO139" s="23"/>
      <c r="JZP139" s="23"/>
      <c r="JZQ139" s="23"/>
      <c r="JZR139" s="23"/>
      <c r="JZS139" s="23"/>
      <c r="JZT139" s="23"/>
      <c r="JZU139" s="23"/>
      <c r="JZV139" s="23"/>
      <c r="JZW139" s="23"/>
      <c r="JZX139" s="23"/>
      <c r="JZY139" s="23"/>
      <c r="JZZ139" s="23"/>
      <c r="KAA139" s="23"/>
      <c r="KAB139" s="23"/>
      <c r="KAC139" s="23"/>
      <c r="KAD139" s="23"/>
      <c r="KAE139" s="23"/>
      <c r="KAF139" s="23"/>
      <c r="KAG139" s="23"/>
      <c r="KAH139" s="23"/>
      <c r="KAI139" s="23"/>
      <c r="KAJ139" s="23"/>
      <c r="KAK139" s="23"/>
      <c r="KAL139" s="23"/>
      <c r="KAM139" s="23"/>
      <c r="KAN139" s="23"/>
      <c r="KAO139" s="23"/>
      <c r="KAP139" s="23"/>
      <c r="KAQ139" s="23"/>
      <c r="KAR139" s="23"/>
      <c r="KAS139" s="23"/>
      <c r="KAT139" s="23"/>
      <c r="KAU139" s="23"/>
      <c r="KAV139" s="23"/>
      <c r="KAW139" s="23"/>
      <c r="KAX139" s="23"/>
      <c r="KAY139" s="23"/>
      <c r="KAZ139" s="23"/>
      <c r="KBA139" s="23"/>
      <c r="KBB139" s="23"/>
      <c r="KBC139" s="23"/>
      <c r="KBD139" s="23"/>
      <c r="KBE139" s="23"/>
      <c r="KBF139" s="23"/>
      <c r="KBG139" s="23"/>
      <c r="KBH139" s="23"/>
      <c r="KBI139" s="23"/>
      <c r="KBJ139" s="23"/>
      <c r="KBK139" s="23"/>
      <c r="KBL139" s="23"/>
      <c r="KBM139" s="23"/>
      <c r="KBN139" s="23"/>
      <c r="KBO139" s="23"/>
      <c r="KBP139" s="23"/>
      <c r="KBQ139" s="23"/>
      <c r="KBR139" s="23"/>
      <c r="KBS139" s="23"/>
      <c r="KBT139" s="23"/>
      <c r="KBU139" s="23"/>
      <c r="KBV139" s="23"/>
      <c r="KBW139" s="23"/>
      <c r="KBX139" s="23"/>
      <c r="KBY139" s="23"/>
      <c r="KBZ139" s="23"/>
      <c r="KCA139" s="23"/>
      <c r="KCB139" s="23"/>
      <c r="KCC139" s="23"/>
      <c r="KCD139" s="23"/>
      <c r="KCE139" s="23"/>
      <c r="KCF139" s="23"/>
      <c r="KCG139" s="23"/>
      <c r="KCH139" s="23"/>
      <c r="KCI139" s="23"/>
      <c r="KCJ139" s="23"/>
      <c r="KCK139" s="23"/>
      <c r="KCL139" s="23"/>
      <c r="KCM139" s="23"/>
      <c r="KCN139" s="23"/>
      <c r="KCO139" s="23"/>
      <c r="KCP139" s="23"/>
      <c r="KCQ139" s="23"/>
      <c r="KCR139" s="23"/>
      <c r="KCS139" s="23"/>
      <c r="KCT139" s="23"/>
      <c r="KCU139" s="23"/>
      <c r="KCV139" s="23"/>
      <c r="KCW139" s="23"/>
      <c r="KCX139" s="23"/>
      <c r="KCY139" s="23"/>
      <c r="KCZ139" s="23"/>
      <c r="KDA139" s="23"/>
      <c r="KDB139" s="23"/>
      <c r="KDC139" s="23"/>
      <c r="KDD139" s="23"/>
      <c r="KDE139" s="23"/>
      <c r="KDF139" s="23"/>
      <c r="KDG139" s="23"/>
      <c r="KDH139" s="23"/>
      <c r="KDI139" s="23"/>
      <c r="KDJ139" s="23"/>
      <c r="KDK139" s="23"/>
      <c r="KDL139" s="23"/>
      <c r="KDM139" s="23"/>
      <c r="KDN139" s="23"/>
      <c r="KDO139" s="23"/>
      <c r="KDP139" s="23"/>
      <c r="KDQ139" s="23"/>
      <c r="KDR139" s="23"/>
      <c r="KDS139" s="23"/>
      <c r="KDT139" s="23"/>
      <c r="KDU139" s="23"/>
      <c r="KDV139" s="23"/>
      <c r="KDW139" s="23"/>
      <c r="KDX139" s="23"/>
      <c r="KDY139" s="23"/>
      <c r="KDZ139" s="23"/>
      <c r="KEA139" s="23"/>
      <c r="KEB139" s="23"/>
      <c r="KEC139" s="23"/>
      <c r="KED139" s="23"/>
      <c r="KEE139" s="23"/>
      <c r="KEF139" s="23"/>
      <c r="KEG139" s="23"/>
      <c r="KEH139" s="23"/>
      <c r="KEI139" s="23"/>
      <c r="KEJ139" s="23"/>
      <c r="KEK139" s="23"/>
      <c r="KEL139" s="23"/>
      <c r="KEM139" s="23"/>
      <c r="KEN139" s="23"/>
      <c r="KEO139" s="23"/>
      <c r="KEP139" s="23"/>
      <c r="KEQ139" s="23"/>
      <c r="KER139" s="23"/>
      <c r="KES139" s="23"/>
      <c r="KET139" s="23"/>
      <c r="KEU139" s="23"/>
      <c r="KEV139" s="23"/>
      <c r="KEW139" s="23"/>
      <c r="KEX139" s="23"/>
      <c r="KEY139" s="23"/>
      <c r="KEZ139" s="23"/>
      <c r="KFA139" s="23"/>
      <c r="KFB139" s="23"/>
      <c r="KFC139" s="23"/>
      <c r="KFD139" s="23"/>
      <c r="KFE139" s="23"/>
      <c r="KFF139" s="23"/>
      <c r="KFG139" s="23"/>
      <c r="KFH139" s="23"/>
      <c r="KFI139" s="23"/>
      <c r="KFJ139" s="23"/>
      <c r="KFK139" s="23"/>
      <c r="KFL139" s="23"/>
      <c r="KFM139" s="23"/>
      <c r="KFN139" s="23"/>
      <c r="KFO139" s="23"/>
      <c r="KFP139" s="23"/>
      <c r="KFQ139" s="23"/>
      <c r="KFR139" s="23"/>
      <c r="KFS139" s="23"/>
      <c r="KFT139" s="23"/>
      <c r="KFU139" s="23"/>
      <c r="KFV139" s="23"/>
      <c r="KFW139" s="23"/>
      <c r="KFX139" s="23"/>
      <c r="KFY139" s="23"/>
      <c r="KFZ139" s="23"/>
      <c r="KGA139" s="23"/>
      <c r="KGB139" s="23"/>
      <c r="KGC139" s="23"/>
      <c r="KGD139" s="23"/>
      <c r="KGE139" s="23"/>
      <c r="KGF139" s="23"/>
      <c r="KGG139" s="23"/>
      <c r="KGH139" s="23"/>
      <c r="KGI139" s="23"/>
      <c r="KGJ139" s="23"/>
      <c r="KGK139" s="23"/>
      <c r="KGL139" s="23"/>
      <c r="KGM139" s="23"/>
      <c r="KGN139" s="23"/>
      <c r="KGO139" s="23"/>
      <c r="KGP139" s="23"/>
      <c r="KGQ139" s="23"/>
      <c r="KGR139" s="23"/>
      <c r="KGS139" s="23"/>
      <c r="KGT139" s="23"/>
      <c r="KGU139" s="23"/>
      <c r="KGV139" s="23"/>
      <c r="KGW139" s="23"/>
      <c r="KGX139" s="23"/>
      <c r="KGY139" s="23"/>
      <c r="KGZ139" s="23"/>
      <c r="KHA139" s="23"/>
      <c r="KHB139" s="23"/>
      <c r="KHC139" s="23"/>
      <c r="KHD139" s="23"/>
      <c r="KHE139" s="23"/>
      <c r="KHF139" s="23"/>
      <c r="KHG139" s="23"/>
      <c r="KHH139" s="23"/>
      <c r="KHI139" s="23"/>
      <c r="KHJ139" s="23"/>
      <c r="KHK139" s="23"/>
      <c r="KHL139" s="23"/>
      <c r="KHM139" s="23"/>
      <c r="KHN139" s="23"/>
      <c r="KHO139" s="23"/>
      <c r="KHP139" s="23"/>
      <c r="KHQ139" s="23"/>
      <c r="KHR139" s="23"/>
      <c r="KHS139" s="23"/>
      <c r="KHT139" s="23"/>
      <c r="KHU139" s="23"/>
      <c r="KHV139" s="23"/>
      <c r="KHW139" s="23"/>
      <c r="KHX139" s="23"/>
      <c r="KHY139" s="23"/>
      <c r="KHZ139" s="23"/>
      <c r="KIA139" s="23"/>
      <c r="KIB139" s="23"/>
      <c r="KIC139" s="23"/>
      <c r="KID139" s="23"/>
      <c r="KIE139" s="23"/>
      <c r="KIF139" s="23"/>
      <c r="KIG139" s="23"/>
      <c r="KIH139" s="23"/>
      <c r="KII139" s="23"/>
      <c r="KIJ139" s="23"/>
      <c r="KIK139" s="23"/>
      <c r="KIL139" s="23"/>
      <c r="KIM139" s="23"/>
      <c r="KIN139" s="23"/>
      <c r="KIO139" s="23"/>
      <c r="KIP139" s="23"/>
      <c r="KIQ139" s="23"/>
      <c r="KIR139" s="23"/>
      <c r="KIS139" s="23"/>
      <c r="KIT139" s="23"/>
      <c r="KIU139" s="23"/>
      <c r="KIV139" s="23"/>
      <c r="KIW139" s="23"/>
      <c r="KIX139" s="23"/>
      <c r="KIY139" s="23"/>
      <c r="KIZ139" s="23"/>
      <c r="KJA139" s="23"/>
      <c r="KJB139" s="23"/>
      <c r="KJC139" s="23"/>
      <c r="KJD139" s="23"/>
      <c r="KJE139" s="23"/>
      <c r="KJF139" s="23"/>
      <c r="KJG139" s="23"/>
      <c r="KJH139" s="23"/>
      <c r="KJI139" s="23"/>
      <c r="KJJ139" s="23"/>
      <c r="KJK139" s="23"/>
      <c r="KJL139" s="23"/>
      <c r="KJM139" s="23"/>
      <c r="KJN139" s="23"/>
      <c r="KJO139" s="23"/>
      <c r="KJP139" s="23"/>
      <c r="KJQ139" s="23"/>
      <c r="KJR139" s="23"/>
      <c r="KJS139" s="23"/>
      <c r="KJT139" s="23"/>
      <c r="KJU139" s="23"/>
      <c r="KJV139" s="23"/>
      <c r="KJW139" s="23"/>
      <c r="KJX139" s="23"/>
      <c r="KJY139" s="23"/>
      <c r="KJZ139" s="23"/>
      <c r="KKA139" s="23"/>
      <c r="KKB139" s="23"/>
      <c r="KKC139" s="23"/>
      <c r="KKD139" s="23"/>
      <c r="KKE139" s="23"/>
      <c r="KKF139" s="23"/>
      <c r="KKG139" s="23"/>
      <c r="KKH139" s="23"/>
      <c r="KKI139" s="23"/>
      <c r="KKJ139" s="23"/>
      <c r="KKK139" s="23"/>
      <c r="KKL139" s="23"/>
      <c r="KKM139" s="23"/>
      <c r="KKN139" s="23"/>
      <c r="KKO139" s="23"/>
      <c r="KKP139" s="23"/>
      <c r="KKQ139" s="23"/>
      <c r="KKR139" s="23"/>
      <c r="KKS139" s="23"/>
      <c r="KKT139" s="23"/>
      <c r="KKU139" s="23"/>
      <c r="KKV139" s="23"/>
      <c r="KKW139" s="23"/>
      <c r="KKX139" s="23"/>
      <c r="KKY139" s="23"/>
      <c r="KKZ139" s="23"/>
      <c r="KLA139" s="23"/>
      <c r="KLB139" s="23"/>
      <c r="KLC139" s="23"/>
      <c r="KLD139" s="23"/>
      <c r="KLE139" s="23"/>
      <c r="KLF139" s="23"/>
      <c r="KLG139" s="23"/>
      <c r="KLH139" s="23"/>
      <c r="KLI139" s="23"/>
      <c r="KLJ139" s="23"/>
      <c r="KLK139" s="23"/>
      <c r="KLL139" s="23"/>
      <c r="KLM139" s="23"/>
      <c r="KLN139" s="23"/>
      <c r="KLO139" s="23"/>
      <c r="KLP139" s="23"/>
      <c r="KLQ139" s="23"/>
      <c r="KLR139" s="23"/>
      <c r="KLS139" s="23"/>
      <c r="KLT139" s="23"/>
      <c r="KLU139" s="23"/>
      <c r="KLV139" s="23"/>
      <c r="KLW139" s="23"/>
      <c r="KLX139" s="23"/>
      <c r="KLY139" s="23"/>
      <c r="KLZ139" s="23"/>
      <c r="KMA139" s="23"/>
      <c r="KMB139" s="23"/>
      <c r="KMC139" s="23"/>
      <c r="KMD139" s="23"/>
      <c r="KME139" s="23"/>
      <c r="KMF139" s="23"/>
      <c r="KMG139" s="23"/>
      <c r="KMH139" s="23"/>
      <c r="KMI139" s="23"/>
      <c r="KMJ139" s="23"/>
      <c r="KMK139" s="23"/>
      <c r="KML139" s="23"/>
      <c r="KMM139" s="23"/>
      <c r="KMN139" s="23"/>
      <c r="KMO139" s="23"/>
      <c r="KMP139" s="23"/>
      <c r="KMQ139" s="23"/>
      <c r="KMR139" s="23"/>
      <c r="KMS139" s="23"/>
      <c r="KMT139" s="23"/>
      <c r="KMU139" s="23"/>
      <c r="KMV139" s="23"/>
      <c r="KMW139" s="23"/>
      <c r="KMX139" s="23"/>
      <c r="KMY139" s="23"/>
      <c r="KMZ139" s="23"/>
      <c r="KNA139" s="23"/>
      <c r="KNB139" s="23"/>
      <c r="KNC139" s="23"/>
      <c r="KND139" s="23"/>
      <c r="KNE139" s="23"/>
      <c r="KNF139" s="23"/>
      <c r="KNG139" s="23"/>
      <c r="KNH139" s="23"/>
      <c r="KNI139" s="23"/>
      <c r="KNJ139" s="23"/>
      <c r="KNK139" s="23"/>
      <c r="KNL139" s="23"/>
      <c r="KNM139" s="23"/>
      <c r="KNN139" s="23"/>
      <c r="KNO139" s="23"/>
      <c r="KNP139" s="23"/>
      <c r="KNQ139" s="23"/>
      <c r="KNR139" s="23"/>
      <c r="KNS139" s="23"/>
      <c r="KNT139" s="23"/>
      <c r="KNU139" s="23"/>
      <c r="KNV139" s="23"/>
      <c r="KNW139" s="23"/>
      <c r="KNX139" s="23"/>
      <c r="KNY139" s="23"/>
      <c r="KNZ139" s="23"/>
      <c r="KOA139" s="23"/>
      <c r="KOB139" s="23"/>
      <c r="KOC139" s="23"/>
      <c r="KOD139" s="23"/>
      <c r="KOE139" s="23"/>
      <c r="KOF139" s="23"/>
      <c r="KOG139" s="23"/>
      <c r="KOH139" s="23"/>
      <c r="KOI139" s="23"/>
      <c r="KOJ139" s="23"/>
      <c r="KOK139" s="23"/>
      <c r="KOL139" s="23"/>
      <c r="KOM139" s="23"/>
      <c r="KON139" s="23"/>
      <c r="KOO139" s="23"/>
      <c r="KOP139" s="23"/>
      <c r="KOQ139" s="23"/>
      <c r="KOR139" s="23"/>
      <c r="KOS139" s="23"/>
      <c r="KOT139" s="23"/>
      <c r="KOU139" s="23"/>
      <c r="KOV139" s="23"/>
      <c r="KOW139" s="23"/>
      <c r="KOX139" s="23"/>
      <c r="KOY139" s="23"/>
      <c r="KOZ139" s="23"/>
      <c r="KPA139" s="23"/>
      <c r="KPB139" s="23"/>
      <c r="KPC139" s="23"/>
      <c r="KPD139" s="23"/>
      <c r="KPE139" s="23"/>
      <c r="KPF139" s="23"/>
      <c r="KPG139" s="23"/>
      <c r="KPH139" s="23"/>
      <c r="KPI139" s="23"/>
      <c r="KPJ139" s="23"/>
      <c r="KPK139" s="23"/>
      <c r="KPL139" s="23"/>
      <c r="KPM139" s="23"/>
      <c r="KPN139" s="23"/>
      <c r="KPO139" s="23"/>
      <c r="KPP139" s="23"/>
      <c r="KPQ139" s="23"/>
      <c r="KPR139" s="23"/>
      <c r="KPS139" s="23"/>
      <c r="KPT139" s="23"/>
      <c r="KPU139" s="23"/>
      <c r="KPV139" s="23"/>
      <c r="KPW139" s="23"/>
      <c r="KPX139" s="23"/>
      <c r="KPY139" s="23"/>
      <c r="KPZ139" s="23"/>
      <c r="KQA139" s="23"/>
      <c r="KQB139" s="23"/>
      <c r="KQC139" s="23"/>
      <c r="KQD139" s="23"/>
      <c r="KQE139" s="23"/>
      <c r="KQF139" s="23"/>
      <c r="KQG139" s="23"/>
      <c r="KQH139" s="23"/>
      <c r="KQI139" s="23"/>
      <c r="KQJ139" s="23"/>
      <c r="KQK139" s="23"/>
      <c r="KQL139" s="23"/>
      <c r="KQM139" s="23"/>
      <c r="KQN139" s="23"/>
      <c r="KQO139" s="23"/>
      <c r="KQP139" s="23"/>
      <c r="KQQ139" s="23"/>
      <c r="KQR139" s="23"/>
      <c r="KQS139" s="23"/>
      <c r="KQT139" s="23"/>
      <c r="KQU139" s="23"/>
      <c r="KQV139" s="23"/>
      <c r="KQW139" s="23"/>
      <c r="KQX139" s="23"/>
      <c r="KQY139" s="23"/>
      <c r="KQZ139" s="23"/>
      <c r="KRA139" s="23"/>
      <c r="KRB139" s="23"/>
      <c r="KRC139" s="23"/>
      <c r="KRD139" s="23"/>
      <c r="KRE139" s="23"/>
      <c r="KRF139" s="23"/>
      <c r="KRG139" s="23"/>
      <c r="KRH139" s="23"/>
      <c r="KRI139" s="23"/>
      <c r="KRJ139" s="23"/>
      <c r="KRK139" s="23"/>
      <c r="KRL139" s="23"/>
      <c r="KRM139" s="23"/>
      <c r="KRN139" s="23"/>
      <c r="KRO139" s="23"/>
      <c r="KRP139" s="23"/>
      <c r="KRQ139" s="23"/>
      <c r="KRR139" s="23"/>
      <c r="KRS139" s="23"/>
      <c r="KRT139" s="23"/>
      <c r="KRU139" s="23"/>
      <c r="KRV139" s="23"/>
      <c r="KRW139" s="23"/>
      <c r="KRX139" s="23"/>
      <c r="KRY139" s="23"/>
      <c r="KRZ139" s="23"/>
      <c r="KSA139" s="23"/>
      <c r="KSB139" s="23"/>
      <c r="KSC139" s="23"/>
      <c r="KSD139" s="23"/>
      <c r="KSE139" s="23"/>
      <c r="KSF139" s="23"/>
      <c r="KSG139" s="23"/>
      <c r="KSH139" s="23"/>
      <c r="KSI139" s="23"/>
      <c r="KSJ139" s="23"/>
      <c r="KSK139" s="23"/>
      <c r="KSL139" s="23"/>
      <c r="KSM139" s="23"/>
      <c r="KSN139" s="23"/>
      <c r="KSO139" s="23"/>
      <c r="KSP139" s="23"/>
      <c r="KSQ139" s="23"/>
      <c r="KSR139" s="23"/>
      <c r="KSS139" s="23"/>
      <c r="KST139" s="23"/>
      <c r="KSU139" s="23"/>
      <c r="KSV139" s="23"/>
      <c r="KSW139" s="23"/>
      <c r="KSX139" s="23"/>
      <c r="KSY139" s="23"/>
      <c r="KSZ139" s="23"/>
      <c r="KTA139" s="23"/>
      <c r="KTB139" s="23"/>
      <c r="KTC139" s="23"/>
      <c r="KTD139" s="23"/>
      <c r="KTE139" s="23"/>
      <c r="KTF139" s="23"/>
      <c r="KTG139" s="23"/>
      <c r="KTH139" s="23"/>
      <c r="KTI139" s="23"/>
      <c r="KTJ139" s="23"/>
      <c r="KTK139" s="23"/>
      <c r="KTL139" s="23"/>
      <c r="KTM139" s="23"/>
      <c r="KTN139" s="23"/>
      <c r="KTO139" s="23"/>
      <c r="KTP139" s="23"/>
      <c r="KTQ139" s="23"/>
      <c r="KTR139" s="23"/>
      <c r="KTS139" s="23"/>
      <c r="KTT139" s="23"/>
      <c r="KTU139" s="23"/>
      <c r="KTV139" s="23"/>
      <c r="KTW139" s="23"/>
      <c r="KTX139" s="23"/>
      <c r="KTY139" s="23"/>
      <c r="KTZ139" s="23"/>
      <c r="KUA139" s="23"/>
      <c r="KUB139" s="23"/>
      <c r="KUC139" s="23"/>
      <c r="KUD139" s="23"/>
      <c r="KUE139" s="23"/>
      <c r="KUF139" s="23"/>
      <c r="KUG139" s="23"/>
      <c r="KUH139" s="23"/>
      <c r="KUI139" s="23"/>
      <c r="KUJ139" s="23"/>
      <c r="KUK139" s="23"/>
      <c r="KUL139" s="23"/>
      <c r="KUM139" s="23"/>
      <c r="KUN139" s="23"/>
      <c r="KUO139" s="23"/>
      <c r="KUP139" s="23"/>
      <c r="KUQ139" s="23"/>
      <c r="KUR139" s="23"/>
      <c r="KUS139" s="23"/>
      <c r="KUT139" s="23"/>
      <c r="KUU139" s="23"/>
      <c r="KUV139" s="23"/>
      <c r="KUW139" s="23"/>
      <c r="KUX139" s="23"/>
      <c r="KUY139" s="23"/>
      <c r="KUZ139" s="23"/>
      <c r="KVA139" s="23"/>
      <c r="KVB139" s="23"/>
      <c r="KVC139" s="23"/>
      <c r="KVD139" s="23"/>
      <c r="KVE139" s="23"/>
      <c r="KVF139" s="23"/>
      <c r="KVG139" s="23"/>
      <c r="KVH139" s="23"/>
      <c r="KVI139" s="23"/>
      <c r="KVJ139" s="23"/>
      <c r="KVK139" s="23"/>
      <c r="KVL139" s="23"/>
      <c r="KVM139" s="23"/>
      <c r="KVN139" s="23"/>
      <c r="KVO139" s="23"/>
      <c r="KVP139" s="23"/>
      <c r="KVQ139" s="23"/>
      <c r="KVR139" s="23"/>
      <c r="KVS139" s="23"/>
      <c r="KVT139" s="23"/>
      <c r="KVU139" s="23"/>
      <c r="KVV139" s="23"/>
      <c r="KVW139" s="23"/>
      <c r="KVX139" s="23"/>
      <c r="KVY139" s="23"/>
      <c r="KVZ139" s="23"/>
      <c r="KWA139" s="23"/>
      <c r="KWB139" s="23"/>
      <c r="KWC139" s="23"/>
      <c r="KWD139" s="23"/>
      <c r="KWE139" s="23"/>
      <c r="KWF139" s="23"/>
      <c r="KWG139" s="23"/>
      <c r="KWH139" s="23"/>
      <c r="KWI139" s="23"/>
      <c r="KWJ139" s="23"/>
      <c r="KWK139" s="23"/>
      <c r="KWL139" s="23"/>
      <c r="KWM139" s="23"/>
      <c r="KWN139" s="23"/>
      <c r="KWO139" s="23"/>
      <c r="KWP139" s="23"/>
      <c r="KWQ139" s="23"/>
      <c r="KWR139" s="23"/>
      <c r="KWS139" s="23"/>
      <c r="KWT139" s="23"/>
      <c r="KWU139" s="23"/>
      <c r="KWV139" s="23"/>
      <c r="KWW139" s="23"/>
      <c r="KWX139" s="23"/>
      <c r="KWY139" s="23"/>
      <c r="KWZ139" s="23"/>
      <c r="KXA139" s="23"/>
      <c r="KXB139" s="23"/>
      <c r="KXC139" s="23"/>
      <c r="KXD139" s="23"/>
      <c r="KXE139" s="23"/>
      <c r="KXF139" s="23"/>
      <c r="KXG139" s="23"/>
      <c r="KXH139" s="23"/>
      <c r="KXI139" s="23"/>
      <c r="KXJ139" s="23"/>
      <c r="KXK139" s="23"/>
      <c r="KXL139" s="23"/>
      <c r="KXM139" s="23"/>
      <c r="KXN139" s="23"/>
      <c r="KXO139" s="23"/>
      <c r="KXP139" s="23"/>
      <c r="KXQ139" s="23"/>
      <c r="KXR139" s="23"/>
      <c r="KXS139" s="23"/>
      <c r="KXT139" s="23"/>
      <c r="KXU139" s="23"/>
      <c r="KXV139" s="23"/>
      <c r="KXW139" s="23"/>
      <c r="KXX139" s="23"/>
      <c r="KXY139" s="23"/>
      <c r="KXZ139" s="23"/>
      <c r="KYA139" s="23"/>
      <c r="KYB139" s="23"/>
      <c r="KYC139" s="23"/>
      <c r="KYD139" s="23"/>
      <c r="KYE139" s="23"/>
      <c r="KYF139" s="23"/>
      <c r="KYG139" s="23"/>
      <c r="KYH139" s="23"/>
      <c r="KYI139" s="23"/>
      <c r="KYJ139" s="23"/>
      <c r="KYK139" s="23"/>
      <c r="KYL139" s="23"/>
      <c r="KYM139" s="23"/>
      <c r="KYN139" s="23"/>
      <c r="KYO139" s="23"/>
      <c r="KYP139" s="23"/>
      <c r="KYQ139" s="23"/>
      <c r="KYR139" s="23"/>
      <c r="KYS139" s="23"/>
      <c r="KYT139" s="23"/>
      <c r="KYU139" s="23"/>
      <c r="KYV139" s="23"/>
      <c r="KYW139" s="23"/>
      <c r="KYX139" s="23"/>
      <c r="KYY139" s="23"/>
      <c r="KYZ139" s="23"/>
      <c r="KZA139" s="23"/>
      <c r="KZB139" s="23"/>
      <c r="KZC139" s="23"/>
      <c r="KZD139" s="23"/>
      <c r="KZE139" s="23"/>
      <c r="KZF139" s="23"/>
      <c r="KZG139" s="23"/>
      <c r="KZH139" s="23"/>
      <c r="KZI139" s="23"/>
      <c r="KZJ139" s="23"/>
      <c r="KZK139" s="23"/>
      <c r="KZL139" s="23"/>
      <c r="KZM139" s="23"/>
      <c r="KZN139" s="23"/>
      <c r="KZO139" s="23"/>
      <c r="KZP139" s="23"/>
      <c r="KZQ139" s="23"/>
      <c r="KZR139" s="23"/>
      <c r="KZS139" s="23"/>
      <c r="KZT139" s="23"/>
      <c r="KZU139" s="23"/>
      <c r="KZV139" s="23"/>
      <c r="KZW139" s="23"/>
      <c r="KZX139" s="23"/>
      <c r="KZY139" s="23"/>
      <c r="KZZ139" s="23"/>
      <c r="LAA139" s="23"/>
      <c r="LAB139" s="23"/>
      <c r="LAC139" s="23"/>
      <c r="LAD139" s="23"/>
      <c r="LAE139" s="23"/>
      <c r="LAF139" s="23"/>
      <c r="LAG139" s="23"/>
      <c r="LAH139" s="23"/>
      <c r="LAI139" s="23"/>
      <c r="LAJ139" s="23"/>
      <c r="LAK139" s="23"/>
      <c r="LAL139" s="23"/>
      <c r="LAM139" s="23"/>
      <c r="LAN139" s="23"/>
      <c r="LAO139" s="23"/>
      <c r="LAP139" s="23"/>
      <c r="LAQ139" s="23"/>
      <c r="LAR139" s="23"/>
      <c r="LAS139" s="23"/>
      <c r="LAT139" s="23"/>
      <c r="LAU139" s="23"/>
      <c r="LAV139" s="23"/>
      <c r="LAW139" s="23"/>
      <c r="LAX139" s="23"/>
      <c r="LAY139" s="23"/>
      <c r="LAZ139" s="23"/>
      <c r="LBA139" s="23"/>
      <c r="LBB139" s="23"/>
      <c r="LBC139" s="23"/>
      <c r="LBD139" s="23"/>
      <c r="LBE139" s="23"/>
      <c r="LBF139" s="23"/>
      <c r="LBG139" s="23"/>
      <c r="LBH139" s="23"/>
      <c r="LBI139" s="23"/>
      <c r="LBJ139" s="23"/>
      <c r="LBK139" s="23"/>
      <c r="LBL139" s="23"/>
      <c r="LBM139" s="23"/>
      <c r="LBN139" s="23"/>
      <c r="LBO139" s="23"/>
      <c r="LBP139" s="23"/>
      <c r="LBQ139" s="23"/>
      <c r="LBR139" s="23"/>
      <c r="LBS139" s="23"/>
      <c r="LBT139" s="23"/>
      <c r="LBU139" s="23"/>
      <c r="LBV139" s="23"/>
      <c r="LBW139" s="23"/>
      <c r="LBX139" s="23"/>
      <c r="LBY139" s="23"/>
      <c r="LBZ139" s="23"/>
      <c r="LCA139" s="23"/>
      <c r="LCB139" s="23"/>
      <c r="LCC139" s="23"/>
      <c r="LCD139" s="23"/>
      <c r="LCE139" s="23"/>
      <c r="LCF139" s="23"/>
      <c r="LCG139" s="23"/>
      <c r="LCH139" s="23"/>
      <c r="LCI139" s="23"/>
      <c r="LCJ139" s="23"/>
      <c r="LCK139" s="23"/>
      <c r="LCL139" s="23"/>
      <c r="LCM139" s="23"/>
      <c r="LCN139" s="23"/>
      <c r="LCO139" s="23"/>
      <c r="LCP139" s="23"/>
      <c r="LCQ139" s="23"/>
      <c r="LCR139" s="23"/>
      <c r="LCS139" s="23"/>
      <c r="LCT139" s="23"/>
      <c r="LCU139" s="23"/>
      <c r="LCV139" s="23"/>
      <c r="LCW139" s="23"/>
      <c r="LCX139" s="23"/>
      <c r="LCY139" s="23"/>
      <c r="LCZ139" s="23"/>
      <c r="LDA139" s="23"/>
      <c r="LDB139" s="23"/>
      <c r="LDC139" s="23"/>
      <c r="LDD139" s="23"/>
      <c r="LDE139" s="23"/>
      <c r="LDF139" s="23"/>
      <c r="LDG139" s="23"/>
      <c r="LDH139" s="23"/>
      <c r="LDI139" s="23"/>
      <c r="LDJ139" s="23"/>
      <c r="LDK139" s="23"/>
      <c r="LDL139" s="23"/>
      <c r="LDM139" s="23"/>
      <c r="LDN139" s="23"/>
      <c r="LDO139" s="23"/>
      <c r="LDP139" s="23"/>
      <c r="LDQ139" s="23"/>
      <c r="LDR139" s="23"/>
      <c r="LDS139" s="23"/>
      <c r="LDT139" s="23"/>
      <c r="LDU139" s="23"/>
      <c r="LDV139" s="23"/>
      <c r="LDW139" s="23"/>
      <c r="LDX139" s="23"/>
      <c r="LDY139" s="23"/>
      <c r="LDZ139" s="23"/>
      <c r="LEA139" s="23"/>
      <c r="LEB139" s="23"/>
      <c r="LEC139" s="23"/>
      <c r="LED139" s="23"/>
      <c r="LEE139" s="23"/>
      <c r="LEF139" s="23"/>
      <c r="LEG139" s="23"/>
      <c r="LEH139" s="23"/>
      <c r="LEI139" s="23"/>
      <c r="LEJ139" s="23"/>
      <c r="LEK139" s="23"/>
      <c r="LEL139" s="23"/>
      <c r="LEM139" s="23"/>
      <c r="LEN139" s="23"/>
      <c r="LEO139" s="23"/>
      <c r="LEP139" s="23"/>
      <c r="LEQ139" s="23"/>
      <c r="LER139" s="23"/>
      <c r="LES139" s="23"/>
      <c r="LET139" s="23"/>
      <c r="LEU139" s="23"/>
      <c r="LEV139" s="23"/>
      <c r="LEW139" s="23"/>
      <c r="LEX139" s="23"/>
      <c r="LEY139" s="23"/>
      <c r="LEZ139" s="23"/>
      <c r="LFA139" s="23"/>
      <c r="LFB139" s="23"/>
      <c r="LFC139" s="23"/>
      <c r="LFD139" s="23"/>
      <c r="LFE139" s="23"/>
      <c r="LFF139" s="23"/>
      <c r="LFG139" s="23"/>
      <c r="LFH139" s="23"/>
      <c r="LFI139" s="23"/>
      <c r="LFJ139" s="23"/>
      <c r="LFK139" s="23"/>
      <c r="LFL139" s="23"/>
      <c r="LFM139" s="23"/>
      <c r="LFN139" s="23"/>
      <c r="LFO139" s="23"/>
      <c r="LFP139" s="23"/>
      <c r="LFQ139" s="23"/>
      <c r="LFR139" s="23"/>
      <c r="LFS139" s="23"/>
      <c r="LFT139" s="23"/>
      <c r="LFU139" s="23"/>
      <c r="LFV139" s="23"/>
      <c r="LFW139" s="23"/>
      <c r="LFX139" s="23"/>
      <c r="LFY139" s="23"/>
      <c r="LFZ139" s="23"/>
      <c r="LGA139" s="23"/>
      <c r="LGB139" s="23"/>
      <c r="LGC139" s="23"/>
      <c r="LGD139" s="23"/>
      <c r="LGE139" s="23"/>
      <c r="LGF139" s="23"/>
      <c r="LGG139" s="23"/>
      <c r="LGH139" s="23"/>
      <c r="LGI139" s="23"/>
      <c r="LGJ139" s="23"/>
      <c r="LGK139" s="23"/>
      <c r="LGL139" s="23"/>
      <c r="LGM139" s="23"/>
      <c r="LGN139" s="23"/>
      <c r="LGO139" s="23"/>
      <c r="LGP139" s="23"/>
      <c r="LGQ139" s="23"/>
      <c r="LGR139" s="23"/>
      <c r="LGS139" s="23"/>
      <c r="LGT139" s="23"/>
      <c r="LGU139" s="23"/>
      <c r="LGV139" s="23"/>
      <c r="LGW139" s="23"/>
      <c r="LGX139" s="23"/>
      <c r="LGY139" s="23"/>
      <c r="LGZ139" s="23"/>
      <c r="LHA139" s="23"/>
      <c r="LHB139" s="23"/>
      <c r="LHC139" s="23"/>
      <c r="LHD139" s="23"/>
      <c r="LHE139" s="23"/>
      <c r="LHF139" s="23"/>
      <c r="LHG139" s="23"/>
      <c r="LHH139" s="23"/>
      <c r="LHI139" s="23"/>
      <c r="LHJ139" s="23"/>
      <c r="LHK139" s="23"/>
      <c r="LHL139" s="23"/>
      <c r="LHM139" s="23"/>
      <c r="LHN139" s="23"/>
      <c r="LHO139" s="23"/>
      <c r="LHP139" s="23"/>
      <c r="LHQ139" s="23"/>
      <c r="LHR139" s="23"/>
      <c r="LHS139" s="23"/>
      <c r="LHT139" s="23"/>
      <c r="LHU139" s="23"/>
      <c r="LHV139" s="23"/>
      <c r="LHW139" s="23"/>
      <c r="LHX139" s="23"/>
      <c r="LHY139" s="23"/>
      <c r="LHZ139" s="23"/>
      <c r="LIA139" s="23"/>
      <c r="LIB139" s="23"/>
      <c r="LIC139" s="23"/>
      <c r="LID139" s="23"/>
      <c r="LIE139" s="23"/>
      <c r="LIF139" s="23"/>
      <c r="LIG139" s="23"/>
      <c r="LIH139" s="23"/>
      <c r="LII139" s="23"/>
      <c r="LIJ139" s="23"/>
      <c r="LIK139" s="23"/>
      <c r="LIL139" s="23"/>
      <c r="LIM139" s="23"/>
      <c r="LIN139" s="23"/>
      <c r="LIO139" s="23"/>
      <c r="LIP139" s="23"/>
      <c r="LIQ139" s="23"/>
      <c r="LIR139" s="23"/>
      <c r="LIS139" s="23"/>
      <c r="LIT139" s="23"/>
      <c r="LIU139" s="23"/>
      <c r="LIV139" s="23"/>
      <c r="LIW139" s="23"/>
      <c r="LIX139" s="23"/>
      <c r="LIY139" s="23"/>
      <c r="LIZ139" s="23"/>
      <c r="LJA139" s="23"/>
      <c r="LJB139" s="23"/>
      <c r="LJC139" s="23"/>
      <c r="LJD139" s="23"/>
      <c r="LJE139" s="23"/>
      <c r="LJF139" s="23"/>
      <c r="LJG139" s="23"/>
      <c r="LJH139" s="23"/>
      <c r="LJI139" s="23"/>
      <c r="LJJ139" s="23"/>
      <c r="LJK139" s="23"/>
      <c r="LJL139" s="23"/>
      <c r="LJM139" s="23"/>
      <c r="LJN139" s="23"/>
      <c r="LJO139" s="23"/>
      <c r="LJP139" s="23"/>
      <c r="LJQ139" s="23"/>
      <c r="LJR139" s="23"/>
      <c r="LJS139" s="23"/>
      <c r="LJT139" s="23"/>
      <c r="LJU139" s="23"/>
      <c r="LJV139" s="23"/>
      <c r="LJW139" s="23"/>
      <c r="LJX139" s="23"/>
      <c r="LJY139" s="23"/>
      <c r="LJZ139" s="23"/>
      <c r="LKA139" s="23"/>
      <c r="LKB139" s="23"/>
      <c r="LKC139" s="23"/>
      <c r="LKD139" s="23"/>
      <c r="LKE139" s="23"/>
      <c r="LKF139" s="23"/>
      <c r="LKG139" s="23"/>
      <c r="LKH139" s="23"/>
      <c r="LKI139" s="23"/>
      <c r="LKJ139" s="23"/>
      <c r="LKK139" s="23"/>
      <c r="LKL139" s="23"/>
      <c r="LKM139" s="23"/>
      <c r="LKN139" s="23"/>
      <c r="LKO139" s="23"/>
      <c r="LKP139" s="23"/>
      <c r="LKQ139" s="23"/>
      <c r="LKR139" s="23"/>
      <c r="LKS139" s="23"/>
      <c r="LKT139" s="23"/>
      <c r="LKU139" s="23"/>
      <c r="LKV139" s="23"/>
      <c r="LKW139" s="23"/>
      <c r="LKX139" s="23"/>
      <c r="LKY139" s="23"/>
      <c r="LKZ139" s="23"/>
      <c r="LLA139" s="23"/>
      <c r="LLB139" s="23"/>
      <c r="LLC139" s="23"/>
      <c r="LLD139" s="23"/>
      <c r="LLE139" s="23"/>
      <c r="LLF139" s="23"/>
      <c r="LLG139" s="23"/>
      <c r="LLH139" s="23"/>
      <c r="LLI139" s="23"/>
      <c r="LLJ139" s="23"/>
      <c r="LLK139" s="23"/>
      <c r="LLL139" s="23"/>
      <c r="LLM139" s="23"/>
      <c r="LLN139" s="23"/>
      <c r="LLO139" s="23"/>
      <c r="LLP139" s="23"/>
      <c r="LLQ139" s="23"/>
      <c r="LLR139" s="23"/>
      <c r="LLS139" s="23"/>
      <c r="LLT139" s="23"/>
      <c r="LLU139" s="23"/>
      <c r="LLV139" s="23"/>
      <c r="LLW139" s="23"/>
      <c r="LLX139" s="23"/>
      <c r="LLY139" s="23"/>
      <c r="LLZ139" s="23"/>
      <c r="LMA139" s="23"/>
      <c r="LMB139" s="23"/>
      <c r="LMC139" s="23"/>
      <c r="LMD139" s="23"/>
      <c r="LME139" s="23"/>
      <c r="LMF139" s="23"/>
      <c r="LMG139" s="23"/>
      <c r="LMH139" s="23"/>
      <c r="LMI139" s="23"/>
      <c r="LMJ139" s="23"/>
      <c r="LMK139" s="23"/>
      <c r="LML139" s="23"/>
      <c r="LMM139" s="23"/>
      <c r="LMN139" s="23"/>
      <c r="LMO139" s="23"/>
      <c r="LMP139" s="23"/>
      <c r="LMQ139" s="23"/>
      <c r="LMR139" s="23"/>
      <c r="LMS139" s="23"/>
      <c r="LMT139" s="23"/>
      <c r="LMU139" s="23"/>
      <c r="LMV139" s="23"/>
      <c r="LMW139" s="23"/>
      <c r="LMX139" s="23"/>
      <c r="LMY139" s="23"/>
      <c r="LMZ139" s="23"/>
      <c r="LNA139" s="23"/>
      <c r="LNB139" s="23"/>
      <c r="LNC139" s="23"/>
      <c r="LND139" s="23"/>
      <c r="LNE139" s="23"/>
      <c r="LNF139" s="23"/>
      <c r="LNG139" s="23"/>
      <c r="LNH139" s="23"/>
      <c r="LNI139" s="23"/>
      <c r="LNJ139" s="23"/>
      <c r="LNK139" s="23"/>
      <c r="LNL139" s="23"/>
      <c r="LNM139" s="23"/>
      <c r="LNN139" s="23"/>
      <c r="LNO139" s="23"/>
      <c r="LNP139" s="23"/>
      <c r="LNQ139" s="23"/>
      <c r="LNR139" s="23"/>
      <c r="LNS139" s="23"/>
      <c r="LNT139" s="23"/>
      <c r="LNU139" s="23"/>
      <c r="LNV139" s="23"/>
      <c r="LNW139" s="23"/>
      <c r="LNX139" s="23"/>
      <c r="LNY139" s="23"/>
      <c r="LNZ139" s="23"/>
      <c r="LOA139" s="23"/>
      <c r="LOB139" s="23"/>
      <c r="LOC139" s="23"/>
      <c r="LOD139" s="23"/>
      <c r="LOE139" s="23"/>
      <c r="LOF139" s="23"/>
      <c r="LOG139" s="23"/>
      <c r="LOH139" s="23"/>
      <c r="LOI139" s="23"/>
      <c r="LOJ139" s="23"/>
      <c r="LOK139" s="23"/>
      <c r="LOL139" s="23"/>
      <c r="LOM139" s="23"/>
      <c r="LON139" s="23"/>
      <c r="LOO139" s="23"/>
      <c r="LOP139" s="23"/>
      <c r="LOQ139" s="23"/>
      <c r="LOR139" s="23"/>
      <c r="LOS139" s="23"/>
      <c r="LOT139" s="23"/>
      <c r="LOU139" s="23"/>
      <c r="LOV139" s="23"/>
      <c r="LOW139" s="23"/>
      <c r="LOX139" s="23"/>
      <c r="LOY139" s="23"/>
      <c r="LOZ139" s="23"/>
      <c r="LPA139" s="23"/>
      <c r="LPB139" s="23"/>
      <c r="LPC139" s="23"/>
      <c r="LPD139" s="23"/>
      <c r="LPE139" s="23"/>
      <c r="LPF139" s="23"/>
      <c r="LPG139" s="23"/>
      <c r="LPH139" s="23"/>
      <c r="LPI139" s="23"/>
      <c r="LPJ139" s="23"/>
      <c r="LPK139" s="23"/>
      <c r="LPL139" s="23"/>
      <c r="LPM139" s="23"/>
      <c r="LPN139" s="23"/>
      <c r="LPO139" s="23"/>
      <c r="LPP139" s="23"/>
      <c r="LPQ139" s="23"/>
      <c r="LPR139" s="23"/>
      <c r="LPS139" s="23"/>
      <c r="LPT139" s="23"/>
      <c r="LPU139" s="23"/>
      <c r="LPV139" s="23"/>
      <c r="LPW139" s="23"/>
      <c r="LPX139" s="23"/>
      <c r="LPY139" s="23"/>
      <c r="LPZ139" s="23"/>
      <c r="LQA139" s="23"/>
      <c r="LQB139" s="23"/>
      <c r="LQC139" s="23"/>
      <c r="LQD139" s="23"/>
      <c r="LQE139" s="23"/>
      <c r="LQF139" s="23"/>
      <c r="LQG139" s="23"/>
      <c r="LQH139" s="23"/>
      <c r="LQI139" s="23"/>
      <c r="LQJ139" s="23"/>
      <c r="LQK139" s="23"/>
      <c r="LQL139" s="23"/>
      <c r="LQM139" s="23"/>
      <c r="LQN139" s="23"/>
      <c r="LQO139" s="23"/>
      <c r="LQP139" s="23"/>
      <c r="LQQ139" s="23"/>
      <c r="LQR139" s="23"/>
      <c r="LQS139" s="23"/>
      <c r="LQT139" s="23"/>
      <c r="LQU139" s="23"/>
      <c r="LQV139" s="23"/>
      <c r="LQW139" s="23"/>
      <c r="LQX139" s="23"/>
      <c r="LQY139" s="23"/>
      <c r="LQZ139" s="23"/>
      <c r="LRA139" s="23"/>
      <c r="LRB139" s="23"/>
      <c r="LRC139" s="23"/>
      <c r="LRD139" s="23"/>
      <c r="LRE139" s="23"/>
      <c r="LRF139" s="23"/>
      <c r="LRG139" s="23"/>
      <c r="LRH139" s="23"/>
      <c r="LRI139" s="23"/>
      <c r="LRJ139" s="23"/>
      <c r="LRK139" s="23"/>
      <c r="LRL139" s="23"/>
      <c r="LRM139" s="23"/>
      <c r="LRN139" s="23"/>
      <c r="LRO139" s="23"/>
      <c r="LRP139" s="23"/>
      <c r="LRQ139" s="23"/>
      <c r="LRR139" s="23"/>
      <c r="LRS139" s="23"/>
      <c r="LRT139" s="23"/>
      <c r="LRU139" s="23"/>
      <c r="LRV139" s="23"/>
      <c r="LRW139" s="23"/>
      <c r="LRX139" s="23"/>
      <c r="LRY139" s="23"/>
      <c r="LRZ139" s="23"/>
      <c r="LSA139" s="23"/>
      <c r="LSB139" s="23"/>
      <c r="LSC139" s="23"/>
      <c r="LSD139" s="23"/>
      <c r="LSE139" s="23"/>
      <c r="LSF139" s="23"/>
      <c r="LSG139" s="23"/>
      <c r="LSH139" s="23"/>
      <c r="LSI139" s="23"/>
      <c r="LSJ139" s="23"/>
      <c r="LSK139" s="23"/>
      <c r="LSL139" s="23"/>
      <c r="LSM139" s="23"/>
      <c r="LSN139" s="23"/>
      <c r="LSO139" s="23"/>
      <c r="LSP139" s="23"/>
      <c r="LSQ139" s="23"/>
      <c r="LSR139" s="23"/>
      <c r="LSS139" s="23"/>
      <c r="LST139" s="23"/>
      <c r="LSU139" s="23"/>
      <c r="LSV139" s="23"/>
      <c r="LSW139" s="23"/>
      <c r="LSX139" s="23"/>
      <c r="LSY139" s="23"/>
      <c r="LSZ139" s="23"/>
      <c r="LTA139" s="23"/>
      <c r="LTB139" s="23"/>
      <c r="LTC139" s="23"/>
      <c r="LTD139" s="23"/>
      <c r="LTE139" s="23"/>
      <c r="LTF139" s="23"/>
      <c r="LTG139" s="23"/>
      <c r="LTH139" s="23"/>
      <c r="LTI139" s="23"/>
      <c r="LTJ139" s="23"/>
      <c r="LTK139" s="23"/>
      <c r="LTL139" s="23"/>
      <c r="LTM139" s="23"/>
      <c r="LTN139" s="23"/>
      <c r="LTO139" s="23"/>
      <c r="LTP139" s="23"/>
      <c r="LTQ139" s="23"/>
      <c r="LTR139" s="23"/>
      <c r="LTS139" s="23"/>
      <c r="LTT139" s="23"/>
      <c r="LTU139" s="23"/>
      <c r="LTV139" s="23"/>
      <c r="LTW139" s="23"/>
      <c r="LTX139" s="23"/>
      <c r="LTY139" s="23"/>
      <c r="LTZ139" s="23"/>
      <c r="LUA139" s="23"/>
      <c r="LUB139" s="23"/>
      <c r="LUC139" s="23"/>
      <c r="LUD139" s="23"/>
      <c r="LUE139" s="23"/>
      <c r="LUF139" s="23"/>
      <c r="LUG139" s="23"/>
      <c r="LUH139" s="23"/>
      <c r="LUI139" s="23"/>
      <c r="LUJ139" s="23"/>
      <c r="LUK139" s="23"/>
      <c r="LUL139" s="23"/>
      <c r="LUM139" s="23"/>
      <c r="LUN139" s="23"/>
      <c r="LUO139" s="23"/>
      <c r="LUP139" s="23"/>
      <c r="LUQ139" s="23"/>
      <c r="LUR139" s="23"/>
      <c r="LUS139" s="23"/>
      <c r="LUT139" s="23"/>
      <c r="LUU139" s="23"/>
      <c r="LUV139" s="23"/>
      <c r="LUW139" s="23"/>
      <c r="LUX139" s="23"/>
      <c r="LUY139" s="23"/>
      <c r="LUZ139" s="23"/>
      <c r="LVA139" s="23"/>
      <c r="LVB139" s="23"/>
      <c r="LVC139" s="23"/>
      <c r="LVD139" s="23"/>
      <c r="LVE139" s="23"/>
      <c r="LVF139" s="23"/>
      <c r="LVG139" s="23"/>
      <c r="LVH139" s="23"/>
      <c r="LVI139" s="23"/>
      <c r="LVJ139" s="23"/>
      <c r="LVK139" s="23"/>
      <c r="LVL139" s="23"/>
      <c r="LVM139" s="23"/>
      <c r="LVN139" s="23"/>
      <c r="LVO139" s="23"/>
      <c r="LVP139" s="23"/>
      <c r="LVQ139" s="23"/>
      <c r="LVR139" s="23"/>
      <c r="LVS139" s="23"/>
      <c r="LVT139" s="23"/>
      <c r="LVU139" s="23"/>
      <c r="LVV139" s="23"/>
      <c r="LVW139" s="23"/>
      <c r="LVX139" s="23"/>
      <c r="LVY139" s="23"/>
      <c r="LVZ139" s="23"/>
      <c r="LWA139" s="23"/>
      <c r="LWB139" s="23"/>
      <c r="LWC139" s="23"/>
      <c r="LWD139" s="23"/>
      <c r="LWE139" s="23"/>
      <c r="LWF139" s="23"/>
      <c r="LWG139" s="23"/>
      <c r="LWH139" s="23"/>
      <c r="LWI139" s="23"/>
      <c r="LWJ139" s="23"/>
      <c r="LWK139" s="23"/>
      <c r="LWL139" s="23"/>
      <c r="LWM139" s="23"/>
      <c r="LWN139" s="23"/>
      <c r="LWO139" s="23"/>
      <c r="LWP139" s="23"/>
      <c r="LWQ139" s="23"/>
      <c r="LWR139" s="23"/>
      <c r="LWS139" s="23"/>
      <c r="LWT139" s="23"/>
      <c r="LWU139" s="23"/>
      <c r="LWV139" s="23"/>
      <c r="LWW139" s="23"/>
      <c r="LWX139" s="23"/>
      <c r="LWY139" s="23"/>
      <c r="LWZ139" s="23"/>
      <c r="LXA139" s="23"/>
      <c r="LXB139" s="23"/>
      <c r="LXC139" s="23"/>
      <c r="LXD139" s="23"/>
      <c r="LXE139" s="23"/>
      <c r="LXF139" s="23"/>
      <c r="LXG139" s="23"/>
      <c r="LXH139" s="23"/>
      <c r="LXI139" s="23"/>
      <c r="LXJ139" s="23"/>
      <c r="LXK139" s="23"/>
      <c r="LXL139" s="23"/>
      <c r="LXM139" s="23"/>
      <c r="LXN139" s="23"/>
      <c r="LXO139" s="23"/>
      <c r="LXP139" s="23"/>
      <c r="LXQ139" s="23"/>
      <c r="LXR139" s="23"/>
      <c r="LXS139" s="23"/>
      <c r="LXT139" s="23"/>
      <c r="LXU139" s="23"/>
      <c r="LXV139" s="23"/>
      <c r="LXW139" s="23"/>
      <c r="LXX139" s="23"/>
      <c r="LXY139" s="23"/>
      <c r="LXZ139" s="23"/>
      <c r="LYA139" s="23"/>
      <c r="LYB139" s="23"/>
      <c r="LYC139" s="23"/>
      <c r="LYD139" s="23"/>
      <c r="LYE139" s="23"/>
      <c r="LYF139" s="23"/>
      <c r="LYG139" s="23"/>
      <c r="LYH139" s="23"/>
      <c r="LYI139" s="23"/>
      <c r="LYJ139" s="23"/>
      <c r="LYK139" s="23"/>
      <c r="LYL139" s="23"/>
      <c r="LYM139" s="23"/>
      <c r="LYN139" s="23"/>
      <c r="LYO139" s="23"/>
      <c r="LYP139" s="23"/>
      <c r="LYQ139" s="23"/>
      <c r="LYR139" s="23"/>
      <c r="LYS139" s="23"/>
      <c r="LYT139" s="23"/>
      <c r="LYU139" s="23"/>
      <c r="LYV139" s="23"/>
      <c r="LYW139" s="23"/>
      <c r="LYX139" s="23"/>
      <c r="LYY139" s="23"/>
      <c r="LYZ139" s="23"/>
      <c r="LZA139" s="23"/>
      <c r="LZB139" s="23"/>
      <c r="LZC139" s="23"/>
      <c r="LZD139" s="23"/>
      <c r="LZE139" s="23"/>
      <c r="LZF139" s="23"/>
      <c r="LZG139" s="23"/>
      <c r="LZH139" s="23"/>
      <c r="LZI139" s="23"/>
      <c r="LZJ139" s="23"/>
      <c r="LZK139" s="23"/>
      <c r="LZL139" s="23"/>
      <c r="LZM139" s="23"/>
      <c r="LZN139" s="23"/>
      <c r="LZO139" s="23"/>
      <c r="LZP139" s="23"/>
      <c r="LZQ139" s="23"/>
      <c r="LZR139" s="23"/>
      <c r="LZS139" s="23"/>
      <c r="LZT139" s="23"/>
      <c r="LZU139" s="23"/>
      <c r="LZV139" s="23"/>
      <c r="LZW139" s="23"/>
      <c r="LZX139" s="23"/>
      <c r="LZY139" s="23"/>
      <c r="LZZ139" s="23"/>
      <c r="MAA139" s="23"/>
      <c r="MAB139" s="23"/>
      <c r="MAC139" s="23"/>
      <c r="MAD139" s="23"/>
      <c r="MAE139" s="23"/>
      <c r="MAF139" s="23"/>
      <c r="MAG139" s="23"/>
      <c r="MAH139" s="23"/>
      <c r="MAI139" s="23"/>
      <c r="MAJ139" s="23"/>
      <c r="MAK139" s="23"/>
      <c r="MAL139" s="23"/>
      <c r="MAM139" s="23"/>
      <c r="MAN139" s="23"/>
      <c r="MAO139" s="23"/>
      <c r="MAP139" s="23"/>
      <c r="MAQ139" s="23"/>
      <c r="MAR139" s="23"/>
      <c r="MAS139" s="23"/>
      <c r="MAT139" s="23"/>
      <c r="MAU139" s="23"/>
      <c r="MAV139" s="23"/>
      <c r="MAW139" s="23"/>
      <c r="MAX139" s="23"/>
      <c r="MAY139" s="23"/>
      <c r="MAZ139" s="23"/>
      <c r="MBA139" s="23"/>
      <c r="MBB139" s="23"/>
      <c r="MBC139" s="23"/>
      <c r="MBD139" s="23"/>
      <c r="MBE139" s="23"/>
      <c r="MBF139" s="23"/>
      <c r="MBG139" s="23"/>
      <c r="MBH139" s="23"/>
      <c r="MBI139" s="23"/>
      <c r="MBJ139" s="23"/>
      <c r="MBK139" s="23"/>
      <c r="MBL139" s="23"/>
      <c r="MBM139" s="23"/>
      <c r="MBN139" s="23"/>
      <c r="MBO139" s="23"/>
      <c r="MBP139" s="23"/>
      <c r="MBQ139" s="23"/>
      <c r="MBR139" s="23"/>
      <c r="MBS139" s="23"/>
      <c r="MBT139" s="23"/>
      <c r="MBU139" s="23"/>
      <c r="MBV139" s="23"/>
      <c r="MBW139" s="23"/>
      <c r="MBX139" s="23"/>
      <c r="MBY139" s="23"/>
      <c r="MBZ139" s="23"/>
      <c r="MCA139" s="23"/>
      <c r="MCB139" s="23"/>
      <c r="MCC139" s="23"/>
      <c r="MCD139" s="23"/>
      <c r="MCE139" s="23"/>
      <c r="MCF139" s="23"/>
      <c r="MCG139" s="23"/>
      <c r="MCH139" s="23"/>
      <c r="MCI139" s="23"/>
      <c r="MCJ139" s="23"/>
      <c r="MCK139" s="23"/>
      <c r="MCL139" s="23"/>
      <c r="MCM139" s="23"/>
      <c r="MCN139" s="23"/>
      <c r="MCO139" s="23"/>
      <c r="MCP139" s="23"/>
      <c r="MCQ139" s="23"/>
      <c r="MCR139" s="23"/>
      <c r="MCS139" s="23"/>
      <c r="MCT139" s="23"/>
      <c r="MCU139" s="23"/>
      <c r="MCV139" s="23"/>
      <c r="MCW139" s="23"/>
      <c r="MCX139" s="23"/>
      <c r="MCY139" s="23"/>
      <c r="MCZ139" s="23"/>
      <c r="MDA139" s="23"/>
      <c r="MDB139" s="23"/>
      <c r="MDC139" s="23"/>
      <c r="MDD139" s="23"/>
      <c r="MDE139" s="23"/>
      <c r="MDF139" s="23"/>
      <c r="MDG139" s="23"/>
      <c r="MDH139" s="23"/>
      <c r="MDI139" s="23"/>
      <c r="MDJ139" s="23"/>
      <c r="MDK139" s="23"/>
      <c r="MDL139" s="23"/>
      <c r="MDM139" s="23"/>
      <c r="MDN139" s="23"/>
      <c r="MDO139" s="23"/>
      <c r="MDP139" s="23"/>
      <c r="MDQ139" s="23"/>
      <c r="MDR139" s="23"/>
      <c r="MDS139" s="23"/>
      <c r="MDT139" s="23"/>
      <c r="MDU139" s="23"/>
      <c r="MDV139" s="23"/>
      <c r="MDW139" s="23"/>
      <c r="MDX139" s="23"/>
      <c r="MDY139" s="23"/>
      <c r="MDZ139" s="23"/>
      <c r="MEA139" s="23"/>
      <c r="MEB139" s="23"/>
      <c r="MEC139" s="23"/>
      <c r="MED139" s="23"/>
      <c r="MEE139" s="23"/>
      <c r="MEF139" s="23"/>
      <c r="MEG139" s="23"/>
      <c r="MEH139" s="23"/>
      <c r="MEI139" s="23"/>
      <c r="MEJ139" s="23"/>
      <c r="MEK139" s="23"/>
      <c r="MEL139" s="23"/>
      <c r="MEM139" s="23"/>
      <c r="MEN139" s="23"/>
      <c r="MEO139" s="23"/>
      <c r="MEP139" s="23"/>
      <c r="MEQ139" s="23"/>
      <c r="MER139" s="23"/>
      <c r="MES139" s="23"/>
      <c r="MET139" s="23"/>
      <c r="MEU139" s="23"/>
      <c r="MEV139" s="23"/>
      <c r="MEW139" s="23"/>
      <c r="MEX139" s="23"/>
      <c r="MEY139" s="23"/>
      <c r="MEZ139" s="23"/>
      <c r="MFA139" s="23"/>
      <c r="MFB139" s="23"/>
      <c r="MFC139" s="23"/>
      <c r="MFD139" s="23"/>
      <c r="MFE139" s="23"/>
      <c r="MFF139" s="23"/>
      <c r="MFG139" s="23"/>
      <c r="MFH139" s="23"/>
      <c r="MFI139" s="23"/>
      <c r="MFJ139" s="23"/>
      <c r="MFK139" s="23"/>
      <c r="MFL139" s="23"/>
      <c r="MFM139" s="23"/>
      <c r="MFN139" s="23"/>
      <c r="MFO139" s="23"/>
      <c r="MFP139" s="23"/>
      <c r="MFQ139" s="23"/>
      <c r="MFR139" s="23"/>
      <c r="MFS139" s="23"/>
      <c r="MFT139" s="23"/>
      <c r="MFU139" s="23"/>
      <c r="MFV139" s="23"/>
      <c r="MFW139" s="23"/>
      <c r="MFX139" s="23"/>
      <c r="MFY139" s="23"/>
      <c r="MFZ139" s="23"/>
      <c r="MGA139" s="23"/>
      <c r="MGB139" s="23"/>
      <c r="MGC139" s="23"/>
      <c r="MGD139" s="23"/>
      <c r="MGE139" s="23"/>
      <c r="MGF139" s="23"/>
      <c r="MGG139" s="23"/>
      <c r="MGH139" s="23"/>
      <c r="MGI139" s="23"/>
      <c r="MGJ139" s="23"/>
      <c r="MGK139" s="23"/>
      <c r="MGL139" s="23"/>
      <c r="MGM139" s="23"/>
      <c r="MGN139" s="23"/>
      <c r="MGO139" s="23"/>
      <c r="MGP139" s="23"/>
      <c r="MGQ139" s="23"/>
      <c r="MGR139" s="23"/>
      <c r="MGS139" s="23"/>
      <c r="MGT139" s="23"/>
      <c r="MGU139" s="23"/>
      <c r="MGV139" s="23"/>
      <c r="MGW139" s="23"/>
      <c r="MGX139" s="23"/>
      <c r="MGY139" s="23"/>
      <c r="MGZ139" s="23"/>
      <c r="MHA139" s="23"/>
      <c r="MHB139" s="23"/>
      <c r="MHC139" s="23"/>
      <c r="MHD139" s="23"/>
      <c r="MHE139" s="23"/>
      <c r="MHF139" s="23"/>
      <c r="MHG139" s="23"/>
      <c r="MHH139" s="23"/>
      <c r="MHI139" s="23"/>
      <c r="MHJ139" s="23"/>
      <c r="MHK139" s="23"/>
      <c r="MHL139" s="23"/>
      <c r="MHM139" s="23"/>
      <c r="MHN139" s="23"/>
      <c r="MHO139" s="23"/>
      <c r="MHP139" s="23"/>
      <c r="MHQ139" s="23"/>
      <c r="MHR139" s="23"/>
      <c r="MHS139" s="23"/>
      <c r="MHT139" s="23"/>
      <c r="MHU139" s="23"/>
      <c r="MHV139" s="23"/>
      <c r="MHW139" s="23"/>
      <c r="MHX139" s="23"/>
      <c r="MHY139" s="23"/>
      <c r="MHZ139" s="23"/>
      <c r="MIA139" s="23"/>
      <c r="MIB139" s="23"/>
      <c r="MIC139" s="23"/>
      <c r="MID139" s="23"/>
      <c r="MIE139" s="23"/>
      <c r="MIF139" s="23"/>
      <c r="MIG139" s="23"/>
      <c r="MIH139" s="23"/>
      <c r="MII139" s="23"/>
      <c r="MIJ139" s="23"/>
      <c r="MIK139" s="23"/>
      <c r="MIL139" s="23"/>
      <c r="MIM139" s="23"/>
      <c r="MIN139" s="23"/>
      <c r="MIO139" s="23"/>
      <c r="MIP139" s="23"/>
      <c r="MIQ139" s="23"/>
      <c r="MIR139" s="23"/>
      <c r="MIS139" s="23"/>
      <c r="MIT139" s="23"/>
      <c r="MIU139" s="23"/>
      <c r="MIV139" s="23"/>
      <c r="MIW139" s="23"/>
      <c r="MIX139" s="23"/>
      <c r="MIY139" s="23"/>
      <c r="MIZ139" s="23"/>
      <c r="MJA139" s="23"/>
      <c r="MJB139" s="23"/>
      <c r="MJC139" s="23"/>
      <c r="MJD139" s="23"/>
      <c r="MJE139" s="23"/>
      <c r="MJF139" s="23"/>
      <c r="MJG139" s="23"/>
      <c r="MJH139" s="23"/>
      <c r="MJI139" s="23"/>
      <c r="MJJ139" s="23"/>
      <c r="MJK139" s="23"/>
      <c r="MJL139" s="23"/>
      <c r="MJM139" s="23"/>
      <c r="MJN139" s="23"/>
      <c r="MJO139" s="23"/>
      <c r="MJP139" s="23"/>
      <c r="MJQ139" s="23"/>
      <c r="MJR139" s="23"/>
      <c r="MJS139" s="23"/>
      <c r="MJT139" s="23"/>
      <c r="MJU139" s="23"/>
      <c r="MJV139" s="23"/>
      <c r="MJW139" s="23"/>
      <c r="MJX139" s="23"/>
      <c r="MJY139" s="23"/>
      <c r="MJZ139" s="23"/>
      <c r="MKA139" s="23"/>
      <c r="MKB139" s="23"/>
      <c r="MKC139" s="23"/>
      <c r="MKD139" s="23"/>
      <c r="MKE139" s="23"/>
      <c r="MKF139" s="23"/>
      <c r="MKG139" s="23"/>
      <c r="MKH139" s="23"/>
      <c r="MKI139" s="23"/>
      <c r="MKJ139" s="23"/>
      <c r="MKK139" s="23"/>
      <c r="MKL139" s="23"/>
      <c r="MKM139" s="23"/>
      <c r="MKN139" s="23"/>
      <c r="MKO139" s="23"/>
      <c r="MKP139" s="23"/>
      <c r="MKQ139" s="23"/>
      <c r="MKR139" s="23"/>
      <c r="MKS139" s="23"/>
      <c r="MKT139" s="23"/>
      <c r="MKU139" s="23"/>
      <c r="MKV139" s="23"/>
      <c r="MKW139" s="23"/>
      <c r="MKX139" s="23"/>
      <c r="MKY139" s="23"/>
      <c r="MKZ139" s="23"/>
      <c r="MLA139" s="23"/>
      <c r="MLB139" s="23"/>
      <c r="MLC139" s="23"/>
      <c r="MLD139" s="23"/>
      <c r="MLE139" s="23"/>
      <c r="MLF139" s="23"/>
      <c r="MLG139" s="23"/>
      <c r="MLH139" s="23"/>
      <c r="MLI139" s="23"/>
      <c r="MLJ139" s="23"/>
      <c r="MLK139" s="23"/>
      <c r="MLL139" s="23"/>
      <c r="MLM139" s="23"/>
      <c r="MLN139" s="23"/>
      <c r="MLO139" s="23"/>
      <c r="MLP139" s="23"/>
      <c r="MLQ139" s="23"/>
      <c r="MLR139" s="23"/>
      <c r="MLS139" s="23"/>
      <c r="MLT139" s="23"/>
      <c r="MLU139" s="23"/>
      <c r="MLV139" s="23"/>
      <c r="MLW139" s="23"/>
      <c r="MLX139" s="23"/>
      <c r="MLY139" s="23"/>
      <c r="MLZ139" s="23"/>
      <c r="MMA139" s="23"/>
      <c r="MMB139" s="23"/>
      <c r="MMC139" s="23"/>
      <c r="MMD139" s="23"/>
      <c r="MME139" s="23"/>
      <c r="MMF139" s="23"/>
      <c r="MMG139" s="23"/>
      <c r="MMH139" s="23"/>
      <c r="MMI139" s="23"/>
      <c r="MMJ139" s="23"/>
      <c r="MMK139" s="23"/>
      <c r="MML139" s="23"/>
      <c r="MMM139" s="23"/>
      <c r="MMN139" s="23"/>
      <c r="MMO139" s="23"/>
      <c r="MMP139" s="23"/>
      <c r="MMQ139" s="23"/>
      <c r="MMR139" s="23"/>
      <c r="MMS139" s="23"/>
      <c r="MMT139" s="23"/>
      <c r="MMU139" s="23"/>
      <c r="MMV139" s="23"/>
      <c r="MMW139" s="23"/>
      <c r="MMX139" s="23"/>
      <c r="MMY139" s="23"/>
      <c r="MMZ139" s="23"/>
      <c r="MNA139" s="23"/>
      <c r="MNB139" s="23"/>
      <c r="MNC139" s="23"/>
      <c r="MND139" s="23"/>
      <c r="MNE139" s="23"/>
      <c r="MNF139" s="23"/>
      <c r="MNG139" s="23"/>
      <c r="MNH139" s="23"/>
      <c r="MNI139" s="23"/>
      <c r="MNJ139" s="23"/>
      <c r="MNK139" s="23"/>
      <c r="MNL139" s="23"/>
      <c r="MNM139" s="23"/>
      <c r="MNN139" s="23"/>
      <c r="MNO139" s="23"/>
      <c r="MNP139" s="23"/>
      <c r="MNQ139" s="23"/>
      <c r="MNR139" s="23"/>
      <c r="MNS139" s="23"/>
      <c r="MNT139" s="23"/>
      <c r="MNU139" s="23"/>
      <c r="MNV139" s="23"/>
      <c r="MNW139" s="23"/>
      <c r="MNX139" s="23"/>
      <c r="MNY139" s="23"/>
      <c r="MNZ139" s="23"/>
      <c r="MOA139" s="23"/>
      <c r="MOB139" s="23"/>
      <c r="MOC139" s="23"/>
      <c r="MOD139" s="23"/>
      <c r="MOE139" s="23"/>
      <c r="MOF139" s="23"/>
      <c r="MOG139" s="23"/>
      <c r="MOH139" s="23"/>
      <c r="MOI139" s="23"/>
      <c r="MOJ139" s="23"/>
      <c r="MOK139" s="23"/>
      <c r="MOL139" s="23"/>
      <c r="MOM139" s="23"/>
      <c r="MON139" s="23"/>
      <c r="MOO139" s="23"/>
      <c r="MOP139" s="23"/>
      <c r="MOQ139" s="23"/>
      <c r="MOR139" s="23"/>
      <c r="MOS139" s="23"/>
      <c r="MOT139" s="23"/>
      <c r="MOU139" s="23"/>
      <c r="MOV139" s="23"/>
      <c r="MOW139" s="23"/>
      <c r="MOX139" s="23"/>
      <c r="MOY139" s="23"/>
      <c r="MOZ139" s="23"/>
      <c r="MPA139" s="23"/>
      <c r="MPB139" s="23"/>
      <c r="MPC139" s="23"/>
      <c r="MPD139" s="23"/>
      <c r="MPE139" s="23"/>
      <c r="MPF139" s="23"/>
      <c r="MPG139" s="23"/>
      <c r="MPH139" s="23"/>
      <c r="MPI139" s="23"/>
      <c r="MPJ139" s="23"/>
      <c r="MPK139" s="23"/>
      <c r="MPL139" s="23"/>
      <c r="MPM139" s="23"/>
      <c r="MPN139" s="23"/>
      <c r="MPO139" s="23"/>
      <c r="MPP139" s="23"/>
      <c r="MPQ139" s="23"/>
      <c r="MPR139" s="23"/>
      <c r="MPS139" s="23"/>
      <c r="MPT139" s="23"/>
      <c r="MPU139" s="23"/>
      <c r="MPV139" s="23"/>
      <c r="MPW139" s="23"/>
      <c r="MPX139" s="23"/>
      <c r="MPY139" s="23"/>
      <c r="MPZ139" s="23"/>
      <c r="MQA139" s="23"/>
      <c r="MQB139" s="23"/>
      <c r="MQC139" s="23"/>
      <c r="MQD139" s="23"/>
      <c r="MQE139" s="23"/>
      <c r="MQF139" s="23"/>
      <c r="MQG139" s="23"/>
      <c r="MQH139" s="23"/>
      <c r="MQI139" s="23"/>
      <c r="MQJ139" s="23"/>
      <c r="MQK139" s="23"/>
      <c r="MQL139" s="23"/>
      <c r="MQM139" s="23"/>
      <c r="MQN139" s="23"/>
      <c r="MQO139" s="23"/>
      <c r="MQP139" s="23"/>
      <c r="MQQ139" s="23"/>
      <c r="MQR139" s="23"/>
      <c r="MQS139" s="23"/>
      <c r="MQT139" s="23"/>
      <c r="MQU139" s="23"/>
      <c r="MQV139" s="23"/>
      <c r="MQW139" s="23"/>
      <c r="MQX139" s="23"/>
      <c r="MQY139" s="23"/>
      <c r="MQZ139" s="23"/>
      <c r="MRA139" s="23"/>
      <c r="MRB139" s="23"/>
      <c r="MRC139" s="23"/>
      <c r="MRD139" s="23"/>
      <c r="MRE139" s="23"/>
      <c r="MRF139" s="23"/>
      <c r="MRG139" s="23"/>
      <c r="MRH139" s="23"/>
      <c r="MRI139" s="23"/>
      <c r="MRJ139" s="23"/>
      <c r="MRK139" s="23"/>
      <c r="MRL139" s="23"/>
      <c r="MRM139" s="23"/>
      <c r="MRN139" s="23"/>
      <c r="MRO139" s="23"/>
      <c r="MRP139" s="23"/>
      <c r="MRQ139" s="23"/>
      <c r="MRR139" s="23"/>
      <c r="MRS139" s="23"/>
      <c r="MRT139" s="23"/>
      <c r="MRU139" s="23"/>
      <c r="MRV139" s="23"/>
      <c r="MRW139" s="23"/>
      <c r="MRX139" s="23"/>
      <c r="MRY139" s="23"/>
      <c r="MRZ139" s="23"/>
      <c r="MSA139" s="23"/>
      <c r="MSB139" s="23"/>
      <c r="MSC139" s="23"/>
      <c r="MSD139" s="23"/>
      <c r="MSE139" s="23"/>
      <c r="MSF139" s="23"/>
      <c r="MSG139" s="23"/>
      <c r="MSH139" s="23"/>
      <c r="MSI139" s="23"/>
      <c r="MSJ139" s="23"/>
      <c r="MSK139" s="23"/>
      <c r="MSL139" s="23"/>
      <c r="MSM139" s="23"/>
      <c r="MSN139" s="23"/>
      <c r="MSO139" s="23"/>
      <c r="MSP139" s="23"/>
      <c r="MSQ139" s="23"/>
      <c r="MSR139" s="23"/>
      <c r="MSS139" s="23"/>
      <c r="MST139" s="23"/>
      <c r="MSU139" s="23"/>
      <c r="MSV139" s="23"/>
      <c r="MSW139" s="23"/>
      <c r="MSX139" s="23"/>
      <c r="MSY139" s="23"/>
      <c r="MSZ139" s="23"/>
      <c r="MTA139" s="23"/>
      <c r="MTB139" s="23"/>
      <c r="MTC139" s="23"/>
      <c r="MTD139" s="23"/>
      <c r="MTE139" s="23"/>
      <c r="MTF139" s="23"/>
      <c r="MTG139" s="23"/>
      <c r="MTH139" s="23"/>
      <c r="MTI139" s="23"/>
      <c r="MTJ139" s="23"/>
      <c r="MTK139" s="23"/>
      <c r="MTL139" s="23"/>
      <c r="MTM139" s="23"/>
      <c r="MTN139" s="23"/>
      <c r="MTO139" s="23"/>
      <c r="MTP139" s="23"/>
      <c r="MTQ139" s="23"/>
      <c r="MTR139" s="23"/>
      <c r="MTS139" s="23"/>
      <c r="MTT139" s="23"/>
      <c r="MTU139" s="23"/>
      <c r="MTV139" s="23"/>
      <c r="MTW139" s="23"/>
      <c r="MTX139" s="23"/>
      <c r="MTY139" s="23"/>
      <c r="MTZ139" s="23"/>
      <c r="MUA139" s="23"/>
      <c r="MUB139" s="23"/>
      <c r="MUC139" s="23"/>
      <c r="MUD139" s="23"/>
      <c r="MUE139" s="23"/>
      <c r="MUF139" s="23"/>
      <c r="MUG139" s="23"/>
      <c r="MUH139" s="23"/>
      <c r="MUI139" s="23"/>
      <c r="MUJ139" s="23"/>
      <c r="MUK139" s="23"/>
      <c r="MUL139" s="23"/>
      <c r="MUM139" s="23"/>
      <c r="MUN139" s="23"/>
      <c r="MUO139" s="23"/>
      <c r="MUP139" s="23"/>
      <c r="MUQ139" s="23"/>
      <c r="MUR139" s="23"/>
      <c r="MUS139" s="23"/>
      <c r="MUT139" s="23"/>
      <c r="MUU139" s="23"/>
      <c r="MUV139" s="23"/>
      <c r="MUW139" s="23"/>
      <c r="MUX139" s="23"/>
      <c r="MUY139" s="23"/>
      <c r="MUZ139" s="23"/>
      <c r="MVA139" s="23"/>
      <c r="MVB139" s="23"/>
      <c r="MVC139" s="23"/>
      <c r="MVD139" s="23"/>
      <c r="MVE139" s="23"/>
      <c r="MVF139" s="23"/>
      <c r="MVG139" s="23"/>
      <c r="MVH139" s="23"/>
      <c r="MVI139" s="23"/>
      <c r="MVJ139" s="23"/>
      <c r="MVK139" s="23"/>
      <c r="MVL139" s="23"/>
      <c r="MVM139" s="23"/>
      <c r="MVN139" s="23"/>
      <c r="MVO139" s="23"/>
      <c r="MVP139" s="23"/>
      <c r="MVQ139" s="23"/>
      <c r="MVR139" s="23"/>
      <c r="MVS139" s="23"/>
      <c r="MVT139" s="23"/>
      <c r="MVU139" s="23"/>
      <c r="MVV139" s="23"/>
      <c r="MVW139" s="23"/>
      <c r="MVX139" s="23"/>
      <c r="MVY139" s="23"/>
      <c r="MVZ139" s="23"/>
      <c r="MWA139" s="23"/>
      <c r="MWB139" s="23"/>
      <c r="MWC139" s="23"/>
      <c r="MWD139" s="23"/>
      <c r="MWE139" s="23"/>
      <c r="MWF139" s="23"/>
      <c r="MWG139" s="23"/>
      <c r="MWH139" s="23"/>
      <c r="MWI139" s="23"/>
      <c r="MWJ139" s="23"/>
      <c r="MWK139" s="23"/>
      <c r="MWL139" s="23"/>
      <c r="MWM139" s="23"/>
      <c r="MWN139" s="23"/>
      <c r="MWO139" s="23"/>
      <c r="MWP139" s="23"/>
      <c r="MWQ139" s="23"/>
      <c r="MWR139" s="23"/>
      <c r="MWS139" s="23"/>
      <c r="MWT139" s="23"/>
      <c r="MWU139" s="23"/>
      <c r="MWV139" s="23"/>
      <c r="MWW139" s="23"/>
      <c r="MWX139" s="23"/>
      <c r="MWY139" s="23"/>
      <c r="MWZ139" s="23"/>
      <c r="MXA139" s="23"/>
      <c r="MXB139" s="23"/>
      <c r="MXC139" s="23"/>
      <c r="MXD139" s="23"/>
      <c r="MXE139" s="23"/>
      <c r="MXF139" s="23"/>
      <c r="MXG139" s="23"/>
      <c r="MXH139" s="23"/>
      <c r="MXI139" s="23"/>
      <c r="MXJ139" s="23"/>
      <c r="MXK139" s="23"/>
      <c r="MXL139" s="23"/>
      <c r="MXM139" s="23"/>
      <c r="MXN139" s="23"/>
      <c r="MXO139" s="23"/>
      <c r="MXP139" s="23"/>
      <c r="MXQ139" s="23"/>
      <c r="MXR139" s="23"/>
      <c r="MXS139" s="23"/>
      <c r="MXT139" s="23"/>
      <c r="MXU139" s="23"/>
      <c r="MXV139" s="23"/>
      <c r="MXW139" s="23"/>
      <c r="MXX139" s="23"/>
      <c r="MXY139" s="23"/>
      <c r="MXZ139" s="23"/>
      <c r="MYA139" s="23"/>
      <c r="MYB139" s="23"/>
      <c r="MYC139" s="23"/>
      <c r="MYD139" s="23"/>
      <c r="MYE139" s="23"/>
      <c r="MYF139" s="23"/>
      <c r="MYG139" s="23"/>
      <c r="MYH139" s="23"/>
      <c r="MYI139" s="23"/>
      <c r="MYJ139" s="23"/>
      <c r="MYK139" s="23"/>
      <c r="MYL139" s="23"/>
      <c r="MYM139" s="23"/>
      <c r="MYN139" s="23"/>
      <c r="MYO139" s="23"/>
      <c r="MYP139" s="23"/>
      <c r="MYQ139" s="23"/>
      <c r="MYR139" s="23"/>
      <c r="MYS139" s="23"/>
      <c r="MYT139" s="23"/>
      <c r="MYU139" s="23"/>
      <c r="MYV139" s="23"/>
      <c r="MYW139" s="23"/>
      <c r="MYX139" s="23"/>
      <c r="MYY139" s="23"/>
      <c r="MYZ139" s="23"/>
      <c r="MZA139" s="23"/>
      <c r="MZB139" s="23"/>
      <c r="MZC139" s="23"/>
      <c r="MZD139" s="23"/>
      <c r="MZE139" s="23"/>
      <c r="MZF139" s="23"/>
      <c r="MZG139" s="23"/>
      <c r="MZH139" s="23"/>
      <c r="MZI139" s="23"/>
      <c r="MZJ139" s="23"/>
      <c r="MZK139" s="23"/>
      <c r="MZL139" s="23"/>
      <c r="MZM139" s="23"/>
      <c r="MZN139" s="23"/>
      <c r="MZO139" s="23"/>
      <c r="MZP139" s="23"/>
      <c r="MZQ139" s="23"/>
      <c r="MZR139" s="23"/>
      <c r="MZS139" s="23"/>
      <c r="MZT139" s="23"/>
      <c r="MZU139" s="23"/>
      <c r="MZV139" s="23"/>
      <c r="MZW139" s="23"/>
      <c r="MZX139" s="23"/>
      <c r="MZY139" s="23"/>
      <c r="MZZ139" s="23"/>
      <c r="NAA139" s="23"/>
      <c r="NAB139" s="23"/>
      <c r="NAC139" s="23"/>
      <c r="NAD139" s="23"/>
      <c r="NAE139" s="23"/>
      <c r="NAF139" s="23"/>
      <c r="NAG139" s="23"/>
      <c r="NAH139" s="23"/>
      <c r="NAI139" s="23"/>
      <c r="NAJ139" s="23"/>
      <c r="NAK139" s="23"/>
      <c r="NAL139" s="23"/>
      <c r="NAM139" s="23"/>
      <c r="NAN139" s="23"/>
      <c r="NAO139" s="23"/>
      <c r="NAP139" s="23"/>
      <c r="NAQ139" s="23"/>
      <c r="NAR139" s="23"/>
      <c r="NAS139" s="23"/>
      <c r="NAT139" s="23"/>
      <c r="NAU139" s="23"/>
      <c r="NAV139" s="23"/>
      <c r="NAW139" s="23"/>
      <c r="NAX139" s="23"/>
      <c r="NAY139" s="23"/>
      <c r="NAZ139" s="23"/>
      <c r="NBA139" s="23"/>
      <c r="NBB139" s="23"/>
      <c r="NBC139" s="23"/>
      <c r="NBD139" s="23"/>
      <c r="NBE139" s="23"/>
      <c r="NBF139" s="23"/>
      <c r="NBG139" s="23"/>
      <c r="NBH139" s="23"/>
      <c r="NBI139" s="23"/>
      <c r="NBJ139" s="23"/>
      <c r="NBK139" s="23"/>
      <c r="NBL139" s="23"/>
      <c r="NBM139" s="23"/>
      <c r="NBN139" s="23"/>
      <c r="NBO139" s="23"/>
      <c r="NBP139" s="23"/>
      <c r="NBQ139" s="23"/>
      <c r="NBR139" s="23"/>
      <c r="NBS139" s="23"/>
      <c r="NBT139" s="23"/>
      <c r="NBU139" s="23"/>
      <c r="NBV139" s="23"/>
      <c r="NBW139" s="23"/>
      <c r="NBX139" s="23"/>
      <c r="NBY139" s="23"/>
      <c r="NBZ139" s="23"/>
      <c r="NCA139" s="23"/>
      <c r="NCB139" s="23"/>
      <c r="NCC139" s="23"/>
      <c r="NCD139" s="23"/>
      <c r="NCE139" s="23"/>
      <c r="NCF139" s="23"/>
      <c r="NCG139" s="23"/>
      <c r="NCH139" s="23"/>
      <c r="NCI139" s="23"/>
      <c r="NCJ139" s="23"/>
      <c r="NCK139" s="23"/>
      <c r="NCL139" s="23"/>
      <c r="NCM139" s="23"/>
      <c r="NCN139" s="23"/>
      <c r="NCO139" s="23"/>
      <c r="NCP139" s="23"/>
      <c r="NCQ139" s="23"/>
      <c r="NCR139" s="23"/>
      <c r="NCS139" s="23"/>
      <c r="NCT139" s="23"/>
      <c r="NCU139" s="23"/>
      <c r="NCV139" s="23"/>
      <c r="NCW139" s="23"/>
      <c r="NCX139" s="23"/>
      <c r="NCY139" s="23"/>
      <c r="NCZ139" s="23"/>
      <c r="NDA139" s="23"/>
      <c r="NDB139" s="23"/>
      <c r="NDC139" s="23"/>
      <c r="NDD139" s="23"/>
      <c r="NDE139" s="23"/>
      <c r="NDF139" s="23"/>
      <c r="NDG139" s="23"/>
      <c r="NDH139" s="23"/>
      <c r="NDI139" s="23"/>
      <c r="NDJ139" s="23"/>
      <c r="NDK139" s="23"/>
      <c r="NDL139" s="23"/>
      <c r="NDM139" s="23"/>
      <c r="NDN139" s="23"/>
      <c r="NDO139" s="23"/>
      <c r="NDP139" s="23"/>
      <c r="NDQ139" s="23"/>
      <c r="NDR139" s="23"/>
      <c r="NDS139" s="23"/>
      <c r="NDT139" s="23"/>
      <c r="NDU139" s="23"/>
      <c r="NDV139" s="23"/>
      <c r="NDW139" s="23"/>
      <c r="NDX139" s="23"/>
      <c r="NDY139" s="23"/>
      <c r="NDZ139" s="23"/>
      <c r="NEA139" s="23"/>
      <c r="NEB139" s="23"/>
      <c r="NEC139" s="23"/>
      <c r="NED139" s="23"/>
      <c r="NEE139" s="23"/>
      <c r="NEF139" s="23"/>
      <c r="NEG139" s="23"/>
      <c r="NEH139" s="23"/>
      <c r="NEI139" s="23"/>
      <c r="NEJ139" s="23"/>
      <c r="NEK139" s="23"/>
      <c r="NEL139" s="23"/>
      <c r="NEM139" s="23"/>
      <c r="NEN139" s="23"/>
      <c r="NEO139" s="23"/>
      <c r="NEP139" s="23"/>
      <c r="NEQ139" s="23"/>
      <c r="NER139" s="23"/>
      <c r="NES139" s="23"/>
      <c r="NET139" s="23"/>
      <c r="NEU139" s="23"/>
      <c r="NEV139" s="23"/>
      <c r="NEW139" s="23"/>
      <c r="NEX139" s="23"/>
      <c r="NEY139" s="23"/>
      <c r="NEZ139" s="23"/>
      <c r="NFA139" s="23"/>
      <c r="NFB139" s="23"/>
      <c r="NFC139" s="23"/>
      <c r="NFD139" s="23"/>
      <c r="NFE139" s="23"/>
      <c r="NFF139" s="23"/>
      <c r="NFG139" s="23"/>
      <c r="NFH139" s="23"/>
      <c r="NFI139" s="23"/>
      <c r="NFJ139" s="23"/>
      <c r="NFK139" s="23"/>
      <c r="NFL139" s="23"/>
      <c r="NFM139" s="23"/>
      <c r="NFN139" s="23"/>
      <c r="NFO139" s="23"/>
      <c r="NFP139" s="23"/>
      <c r="NFQ139" s="23"/>
      <c r="NFR139" s="23"/>
      <c r="NFS139" s="23"/>
      <c r="NFT139" s="23"/>
      <c r="NFU139" s="23"/>
      <c r="NFV139" s="23"/>
      <c r="NFW139" s="23"/>
      <c r="NFX139" s="23"/>
      <c r="NFY139" s="23"/>
      <c r="NFZ139" s="23"/>
      <c r="NGA139" s="23"/>
      <c r="NGB139" s="23"/>
      <c r="NGC139" s="23"/>
      <c r="NGD139" s="23"/>
      <c r="NGE139" s="23"/>
      <c r="NGF139" s="23"/>
      <c r="NGG139" s="23"/>
      <c r="NGH139" s="23"/>
      <c r="NGI139" s="23"/>
      <c r="NGJ139" s="23"/>
      <c r="NGK139" s="23"/>
      <c r="NGL139" s="23"/>
      <c r="NGM139" s="23"/>
      <c r="NGN139" s="23"/>
      <c r="NGO139" s="23"/>
      <c r="NGP139" s="23"/>
      <c r="NGQ139" s="23"/>
      <c r="NGR139" s="23"/>
      <c r="NGS139" s="23"/>
      <c r="NGT139" s="23"/>
      <c r="NGU139" s="23"/>
      <c r="NGV139" s="23"/>
      <c r="NGW139" s="23"/>
      <c r="NGX139" s="23"/>
      <c r="NGY139" s="23"/>
      <c r="NGZ139" s="23"/>
      <c r="NHA139" s="23"/>
      <c r="NHB139" s="23"/>
      <c r="NHC139" s="23"/>
      <c r="NHD139" s="23"/>
      <c r="NHE139" s="23"/>
      <c r="NHF139" s="23"/>
      <c r="NHG139" s="23"/>
      <c r="NHH139" s="23"/>
      <c r="NHI139" s="23"/>
      <c r="NHJ139" s="23"/>
      <c r="NHK139" s="23"/>
      <c r="NHL139" s="23"/>
      <c r="NHM139" s="23"/>
      <c r="NHN139" s="23"/>
      <c r="NHO139" s="23"/>
      <c r="NHP139" s="23"/>
      <c r="NHQ139" s="23"/>
      <c r="NHR139" s="23"/>
      <c r="NHS139" s="23"/>
      <c r="NHT139" s="23"/>
      <c r="NHU139" s="23"/>
      <c r="NHV139" s="23"/>
      <c r="NHW139" s="23"/>
      <c r="NHX139" s="23"/>
      <c r="NHY139" s="23"/>
      <c r="NHZ139" s="23"/>
      <c r="NIA139" s="23"/>
      <c r="NIB139" s="23"/>
      <c r="NIC139" s="23"/>
      <c r="NID139" s="23"/>
      <c r="NIE139" s="23"/>
      <c r="NIF139" s="23"/>
      <c r="NIG139" s="23"/>
      <c r="NIH139" s="23"/>
      <c r="NII139" s="23"/>
      <c r="NIJ139" s="23"/>
      <c r="NIK139" s="23"/>
      <c r="NIL139" s="23"/>
      <c r="NIM139" s="23"/>
      <c r="NIN139" s="23"/>
      <c r="NIO139" s="23"/>
      <c r="NIP139" s="23"/>
      <c r="NIQ139" s="23"/>
      <c r="NIR139" s="23"/>
      <c r="NIS139" s="23"/>
      <c r="NIT139" s="23"/>
      <c r="NIU139" s="23"/>
      <c r="NIV139" s="23"/>
      <c r="NIW139" s="23"/>
      <c r="NIX139" s="23"/>
      <c r="NIY139" s="23"/>
      <c r="NIZ139" s="23"/>
      <c r="NJA139" s="23"/>
      <c r="NJB139" s="23"/>
      <c r="NJC139" s="23"/>
      <c r="NJD139" s="23"/>
      <c r="NJE139" s="23"/>
      <c r="NJF139" s="23"/>
      <c r="NJG139" s="23"/>
      <c r="NJH139" s="23"/>
      <c r="NJI139" s="23"/>
      <c r="NJJ139" s="23"/>
      <c r="NJK139" s="23"/>
      <c r="NJL139" s="23"/>
      <c r="NJM139" s="23"/>
      <c r="NJN139" s="23"/>
      <c r="NJO139" s="23"/>
      <c r="NJP139" s="23"/>
      <c r="NJQ139" s="23"/>
      <c r="NJR139" s="23"/>
      <c r="NJS139" s="23"/>
      <c r="NJT139" s="23"/>
      <c r="NJU139" s="23"/>
      <c r="NJV139" s="23"/>
      <c r="NJW139" s="23"/>
      <c r="NJX139" s="23"/>
      <c r="NJY139" s="23"/>
      <c r="NJZ139" s="23"/>
      <c r="NKA139" s="23"/>
      <c r="NKB139" s="23"/>
      <c r="NKC139" s="23"/>
      <c r="NKD139" s="23"/>
      <c r="NKE139" s="23"/>
      <c r="NKF139" s="23"/>
      <c r="NKG139" s="23"/>
      <c r="NKH139" s="23"/>
      <c r="NKI139" s="23"/>
      <c r="NKJ139" s="23"/>
      <c r="NKK139" s="23"/>
      <c r="NKL139" s="23"/>
      <c r="NKM139" s="23"/>
      <c r="NKN139" s="23"/>
      <c r="NKO139" s="23"/>
      <c r="NKP139" s="23"/>
      <c r="NKQ139" s="23"/>
      <c r="NKR139" s="23"/>
      <c r="NKS139" s="23"/>
      <c r="NKT139" s="23"/>
      <c r="NKU139" s="23"/>
      <c r="NKV139" s="23"/>
      <c r="NKW139" s="23"/>
      <c r="NKX139" s="23"/>
      <c r="NKY139" s="23"/>
      <c r="NKZ139" s="23"/>
      <c r="NLA139" s="23"/>
      <c r="NLB139" s="23"/>
      <c r="NLC139" s="23"/>
      <c r="NLD139" s="23"/>
      <c r="NLE139" s="23"/>
      <c r="NLF139" s="23"/>
      <c r="NLG139" s="23"/>
      <c r="NLH139" s="23"/>
      <c r="NLI139" s="23"/>
      <c r="NLJ139" s="23"/>
      <c r="NLK139" s="23"/>
      <c r="NLL139" s="23"/>
      <c r="NLM139" s="23"/>
      <c r="NLN139" s="23"/>
      <c r="NLO139" s="23"/>
      <c r="NLP139" s="23"/>
      <c r="NLQ139" s="23"/>
      <c r="NLR139" s="23"/>
      <c r="NLS139" s="23"/>
      <c r="NLT139" s="23"/>
      <c r="NLU139" s="23"/>
      <c r="NLV139" s="23"/>
      <c r="NLW139" s="23"/>
      <c r="NLX139" s="23"/>
      <c r="NLY139" s="23"/>
      <c r="NLZ139" s="23"/>
      <c r="NMA139" s="23"/>
      <c r="NMB139" s="23"/>
      <c r="NMC139" s="23"/>
      <c r="NMD139" s="23"/>
      <c r="NME139" s="23"/>
      <c r="NMF139" s="23"/>
      <c r="NMG139" s="23"/>
      <c r="NMH139" s="23"/>
      <c r="NMI139" s="23"/>
      <c r="NMJ139" s="23"/>
      <c r="NMK139" s="23"/>
      <c r="NML139" s="23"/>
      <c r="NMM139" s="23"/>
      <c r="NMN139" s="23"/>
      <c r="NMO139" s="23"/>
      <c r="NMP139" s="23"/>
      <c r="NMQ139" s="23"/>
      <c r="NMR139" s="23"/>
      <c r="NMS139" s="23"/>
      <c r="NMT139" s="23"/>
      <c r="NMU139" s="23"/>
      <c r="NMV139" s="23"/>
      <c r="NMW139" s="23"/>
      <c r="NMX139" s="23"/>
      <c r="NMY139" s="23"/>
      <c r="NMZ139" s="23"/>
      <c r="NNA139" s="23"/>
      <c r="NNB139" s="23"/>
      <c r="NNC139" s="23"/>
      <c r="NND139" s="23"/>
      <c r="NNE139" s="23"/>
      <c r="NNF139" s="23"/>
      <c r="NNG139" s="23"/>
      <c r="NNH139" s="23"/>
      <c r="NNI139" s="23"/>
      <c r="NNJ139" s="23"/>
      <c r="NNK139" s="23"/>
      <c r="NNL139" s="23"/>
      <c r="NNM139" s="23"/>
      <c r="NNN139" s="23"/>
      <c r="NNO139" s="23"/>
      <c r="NNP139" s="23"/>
      <c r="NNQ139" s="23"/>
      <c r="NNR139" s="23"/>
      <c r="NNS139" s="23"/>
      <c r="NNT139" s="23"/>
      <c r="NNU139" s="23"/>
      <c r="NNV139" s="23"/>
      <c r="NNW139" s="23"/>
      <c r="NNX139" s="23"/>
      <c r="NNY139" s="23"/>
      <c r="NNZ139" s="23"/>
      <c r="NOA139" s="23"/>
      <c r="NOB139" s="23"/>
      <c r="NOC139" s="23"/>
      <c r="NOD139" s="23"/>
      <c r="NOE139" s="23"/>
      <c r="NOF139" s="23"/>
      <c r="NOG139" s="23"/>
      <c r="NOH139" s="23"/>
      <c r="NOI139" s="23"/>
      <c r="NOJ139" s="23"/>
      <c r="NOK139" s="23"/>
      <c r="NOL139" s="23"/>
      <c r="NOM139" s="23"/>
      <c r="NON139" s="23"/>
      <c r="NOO139" s="23"/>
      <c r="NOP139" s="23"/>
      <c r="NOQ139" s="23"/>
      <c r="NOR139" s="23"/>
      <c r="NOS139" s="23"/>
      <c r="NOT139" s="23"/>
      <c r="NOU139" s="23"/>
      <c r="NOV139" s="23"/>
      <c r="NOW139" s="23"/>
      <c r="NOX139" s="23"/>
      <c r="NOY139" s="23"/>
      <c r="NOZ139" s="23"/>
      <c r="NPA139" s="23"/>
      <c r="NPB139" s="23"/>
      <c r="NPC139" s="23"/>
      <c r="NPD139" s="23"/>
      <c r="NPE139" s="23"/>
      <c r="NPF139" s="23"/>
      <c r="NPG139" s="23"/>
      <c r="NPH139" s="23"/>
      <c r="NPI139" s="23"/>
      <c r="NPJ139" s="23"/>
      <c r="NPK139" s="23"/>
      <c r="NPL139" s="23"/>
      <c r="NPM139" s="23"/>
      <c r="NPN139" s="23"/>
      <c r="NPO139" s="23"/>
      <c r="NPP139" s="23"/>
      <c r="NPQ139" s="23"/>
      <c r="NPR139" s="23"/>
      <c r="NPS139" s="23"/>
      <c r="NPT139" s="23"/>
      <c r="NPU139" s="23"/>
      <c r="NPV139" s="23"/>
      <c r="NPW139" s="23"/>
      <c r="NPX139" s="23"/>
      <c r="NPY139" s="23"/>
      <c r="NPZ139" s="23"/>
      <c r="NQA139" s="23"/>
      <c r="NQB139" s="23"/>
      <c r="NQC139" s="23"/>
      <c r="NQD139" s="23"/>
      <c r="NQE139" s="23"/>
      <c r="NQF139" s="23"/>
      <c r="NQG139" s="23"/>
      <c r="NQH139" s="23"/>
      <c r="NQI139" s="23"/>
      <c r="NQJ139" s="23"/>
      <c r="NQK139" s="23"/>
      <c r="NQL139" s="23"/>
      <c r="NQM139" s="23"/>
      <c r="NQN139" s="23"/>
      <c r="NQO139" s="23"/>
      <c r="NQP139" s="23"/>
      <c r="NQQ139" s="23"/>
      <c r="NQR139" s="23"/>
      <c r="NQS139" s="23"/>
      <c r="NQT139" s="23"/>
      <c r="NQU139" s="23"/>
      <c r="NQV139" s="23"/>
      <c r="NQW139" s="23"/>
      <c r="NQX139" s="23"/>
      <c r="NQY139" s="23"/>
      <c r="NQZ139" s="23"/>
      <c r="NRA139" s="23"/>
      <c r="NRB139" s="23"/>
      <c r="NRC139" s="23"/>
      <c r="NRD139" s="23"/>
      <c r="NRE139" s="23"/>
      <c r="NRF139" s="23"/>
      <c r="NRG139" s="23"/>
      <c r="NRH139" s="23"/>
      <c r="NRI139" s="23"/>
      <c r="NRJ139" s="23"/>
      <c r="NRK139" s="23"/>
      <c r="NRL139" s="23"/>
      <c r="NRM139" s="23"/>
      <c r="NRN139" s="23"/>
      <c r="NRO139" s="23"/>
      <c r="NRP139" s="23"/>
      <c r="NRQ139" s="23"/>
      <c r="NRR139" s="23"/>
      <c r="NRS139" s="23"/>
      <c r="NRT139" s="23"/>
      <c r="NRU139" s="23"/>
      <c r="NRV139" s="23"/>
      <c r="NRW139" s="23"/>
      <c r="NRX139" s="23"/>
      <c r="NRY139" s="23"/>
      <c r="NRZ139" s="23"/>
      <c r="NSA139" s="23"/>
      <c r="NSB139" s="23"/>
      <c r="NSC139" s="23"/>
      <c r="NSD139" s="23"/>
      <c r="NSE139" s="23"/>
      <c r="NSF139" s="23"/>
      <c r="NSG139" s="23"/>
      <c r="NSH139" s="23"/>
      <c r="NSI139" s="23"/>
      <c r="NSJ139" s="23"/>
      <c r="NSK139" s="23"/>
      <c r="NSL139" s="23"/>
      <c r="NSM139" s="23"/>
      <c r="NSN139" s="23"/>
      <c r="NSO139" s="23"/>
      <c r="NSP139" s="23"/>
      <c r="NSQ139" s="23"/>
      <c r="NSR139" s="23"/>
      <c r="NSS139" s="23"/>
      <c r="NST139" s="23"/>
      <c r="NSU139" s="23"/>
      <c r="NSV139" s="23"/>
      <c r="NSW139" s="23"/>
      <c r="NSX139" s="23"/>
      <c r="NSY139" s="23"/>
      <c r="NSZ139" s="23"/>
      <c r="NTA139" s="23"/>
      <c r="NTB139" s="23"/>
      <c r="NTC139" s="23"/>
      <c r="NTD139" s="23"/>
      <c r="NTE139" s="23"/>
      <c r="NTF139" s="23"/>
      <c r="NTG139" s="23"/>
      <c r="NTH139" s="23"/>
      <c r="NTI139" s="23"/>
      <c r="NTJ139" s="23"/>
      <c r="NTK139" s="23"/>
      <c r="NTL139" s="23"/>
      <c r="NTM139" s="23"/>
      <c r="NTN139" s="23"/>
      <c r="NTO139" s="23"/>
      <c r="NTP139" s="23"/>
      <c r="NTQ139" s="23"/>
      <c r="NTR139" s="23"/>
      <c r="NTS139" s="23"/>
      <c r="NTT139" s="23"/>
      <c r="NTU139" s="23"/>
      <c r="NTV139" s="23"/>
      <c r="NTW139" s="23"/>
      <c r="NTX139" s="23"/>
      <c r="NTY139" s="23"/>
      <c r="NTZ139" s="23"/>
      <c r="NUA139" s="23"/>
      <c r="NUB139" s="23"/>
      <c r="NUC139" s="23"/>
      <c r="NUD139" s="23"/>
      <c r="NUE139" s="23"/>
      <c r="NUF139" s="23"/>
      <c r="NUG139" s="23"/>
      <c r="NUH139" s="23"/>
      <c r="NUI139" s="23"/>
      <c r="NUJ139" s="23"/>
      <c r="NUK139" s="23"/>
      <c r="NUL139" s="23"/>
      <c r="NUM139" s="23"/>
      <c r="NUN139" s="23"/>
      <c r="NUO139" s="23"/>
      <c r="NUP139" s="23"/>
      <c r="NUQ139" s="23"/>
      <c r="NUR139" s="23"/>
      <c r="NUS139" s="23"/>
      <c r="NUT139" s="23"/>
      <c r="NUU139" s="23"/>
      <c r="NUV139" s="23"/>
      <c r="NUW139" s="23"/>
      <c r="NUX139" s="23"/>
      <c r="NUY139" s="23"/>
      <c r="NUZ139" s="23"/>
      <c r="NVA139" s="23"/>
      <c r="NVB139" s="23"/>
      <c r="NVC139" s="23"/>
      <c r="NVD139" s="23"/>
      <c r="NVE139" s="23"/>
      <c r="NVF139" s="23"/>
      <c r="NVG139" s="23"/>
      <c r="NVH139" s="23"/>
      <c r="NVI139" s="23"/>
      <c r="NVJ139" s="23"/>
      <c r="NVK139" s="23"/>
      <c r="NVL139" s="23"/>
      <c r="NVM139" s="23"/>
      <c r="NVN139" s="23"/>
      <c r="NVO139" s="23"/>
      <c r="NVP139" s="23"/>
      <c r="NVQ139" s="23"/>
      <c r="NVR139" s="23"/>
      <c r="NVS139" s="23"/>
      <c r="NVT139" s="23"/>
      <c r="NVU139" s="23"/>
      <c r="NVV139" s="23"/>
      <c r="NVW139" s="23"/>
      <c r="NVX139" s="23"/>
      <c r="NVY139" s="23"/>
      <c r="NVZ139" s="23"/>
      <c r="NWA139" s="23"/>
      <c r="NWB139" s="23"/>
      <c r="NWC139" s="23"/>
      <c r="NWD139" s="23"/>
      <c r="NWE139" s="23"/>
      <c r="NWF139" s="23"/>
      <c r="NWG139" s="23"/>
      <c r="NWH139" s="23"/>
      <c r="NWI139" s="23"/>
      <c r="NWJ139" s="23"/>
      <c r="NWK139" s="23"/>
      <c r="NWL139" s="23"/>
      <c r="NWM139" s="23"/>
      <c r="NWN139" s="23"/>
      <c r="NWO139" s="23"/>
      <c r="NWP139" s="23"/>
      <c r="NWQ139" s="23"/>
      <c r="NWR139" s="23"/>
      <c r="NWS139" s="23"/>
      <c r="NWT139" s="23"/>
      <c r="NWU139" s="23"/>
      <c r="NWV139" s="23"/>
      <c r="NWW139" s="23"/>
      <c r="NWX139" s="23"/>
      <c r="NWY139" s="23"/>
      <c r="NWZ139" s="23"/>
      <c r="NXA139" s="23"/>
      <c r="NXB139" s="23"/>
      <c r="NXC139" s="23"/>
      <c r="NXD139" s="23"/>
      <c r="NXE139" s="23"/>
      <c r="NXF139" s="23"/>
      <c r="NXG139" s="23"/>
      <c r="NXH139" s="23"/>
      <c r="NXI139" s="23"/>
      <c r="NXJ139" s="23"/>
      <c r="NXK139" s="23"/>
      <c r="NXL139" s="23"/>
      <c r="NXM139" s="23"/>
      <c r="NXN139" s="23"/>
      <c r="NXO139" s="23"/>
      <c r="NXP139" s="23"/>
      <c r="NXQ139" s="23"/>
      <c r="NXR139" s="23"/>
      <c r="NXS139" s="23"/>
      <c r="NXT139" s="23"/>
      <c r="NXU139" s="23"/>
      <c r="NXV139" s="23"/>
      <c r="NXW139" s="23"/>
      <c r="NXX139" s="23"/>
      <c r="NXY139" s="23"/>
      <c r="NXZ139" s="23"/>
      <c r="NYA139" s="23"/>
      <c r="NYB139" s="23"/>
      <c r="NYC139" s="23"/>
      <c r="NYD139" s="23"/>
      <c r="NYE139" s="23"/>
      <c r="NYF139" s="23"/>
      <c r="NYG139" s="23"/>
      <c r="NYH139" s="23"/>
      <c r="NYI139" s="23"/>
      <c r="NYJ139" s="23"/>
      <c r="NYK139" s="23"/>
      <c r="NYL139" s="23"/>
      <c r="NYM139" s="23"/>
      <c r="NYN139" s="23"/>
      <c r="NYO139" s="23"/>
      <c r="NYP139" s="23"/>
      <c r="NYQ139" s="23"/>
      <c r="NYR139" s="23"/>
      <c r="NYS139" s="23"/>
      <c r="NYT139" s="23"/>
      <c r="NYU139" s="23"/>
      <c r="NYV139" s="23"/>
      <c r="NYW139" s="23"/>
      <c r="NYX139" s="23"/>
      <c r="NYY139" s="23"/>
      <c r="NYZ139" s="23"/>
      <c r="NZA139" s="23"/>
      <c r="NZB139" s="23"/>
      <c r="NZC139" s="23"/>
      <c r="NZD139" s="23"/>
      <c r="NZE139" s="23"/>
      <c r="NZF139" s="23"/>
      <c r="NZG139" s="23"/>
      <c r="NZH139" s="23"/>
      <c r="NZI139" s="23"/>
      <c r="NZJ139" s="23"/>
      <c r="NZK139" s="23"/>
      <c r="NZL139" s="23"/>
      <c r="NZM139" s="23"/>
      <c r="NZN139" s="23"/>
      <c r="NZO139" s="23"/>
      <c r="NZP139" s="23"/>
      <c r="NZQ139" s="23"/>
      <c r="NZR139" s="23"/>
      <c r="NZS139" s="23"/>
      <c r="NZT139" s="23"/>
      <c r="NZU139" s="23"/>
      <c r="NZV139" s="23"/>
      <c r="NZW139" s="23"/>
      <c r="NZX139" s="23"/>
      <c r="NZY139" s="23"/>
      <c r="NZZ139" s="23"/>
      <c r="OAA139" s="23"/>
      <c r="OAB139" s="23"/>
      <c r="OAC139" s="23"/>
      <c r="OAD139" s="23"/>
      <c r="OAE139" s="23"/>
      <c r="OAF139" s="23"/>
      <c r="OAG139" s="23"/>
      <c r="OAH139" s="23"/>
      <c r="OAI139" s="23"/>
      <c r="OAJ139" s="23"/>
      <c r="OAK139" s="23"/>
      <c r="OAL139" s="23"/>
      <c r="OAM139" s="23"/>
      <c r="OAN139" s="23"/>
      <c r="OAO139" s="23"/>
      <c r="OAP139" s="23"/>
      <c r="OAQ139" s="23"/>
      <c r="OAR139" s="23"/>
      <c r="OAS139" s="23"/>
      <c r="OAT139" s="23"/>
      <c r="OAU139" s="23"/>
      <c r="OAV139" s="23"/>
      <c r="OAW139" s="23"/>
      <c r="OAX139" s="23"/>
      <c r="OAY139" s="23"/>
      <c r="OAZ139" s="23"/>
      <c r="OBA139" s="23"/>
      <c r="OBB139" s="23"/>
      <c r="OBC139" s="23"/>
      <c r="OBD139" s="23"/>
      <c r="OBE139" s="23"/>
      <c r="OBF139" s="23"/>
      <c r="OBG139" s="23"/>
      <c r="OBH139" s="23"/>
      <c r="OBI139" s="23"/>
      <c r="OBJ139" s="23"/>
      <c r="OBK139" s="23"/>
      <c r="OBL139" s="23"/>
      <c r="OBM139" s="23"/>
      <c r="OBN139" s="23"/>
      <c r="OBO139" s="23"/>
      <c r="OBP139" s="23"/>
      <c r="OBQ139" s="23"/>
      <c r="OBR139" s="23"/>
      <c r="OBS139" s="23"/>
      <c r="OBT139" s="23"/>
      <c r="OBU139" s="23"/>
      <c r="OBV139" s="23"/>
      <c r="OBW139" s="23"/>
      <c r="OBX139" s="23"/>
      <c r="OBY139" s="23"/>
      <c r="OBZ139" s="23"/>
      <c r="OCA139" s="23"/>
      <c r="OCB139" s="23"/>
      <c r="OCC139" s="23"/>
      <c r="OCD139" s="23"/>
      <c r="OCE139" s="23"/>
      <c r="OCF139" s="23"/>
      <c r="OCG139" s="23"/>
      <c r="OCH139" s="23"/>
      <c r="OCI139" s="23"/>
      <c r="OCJ139" s="23"/>
      <c r="OCK139" s="23"/>
      <c r="OCL139" s="23"/>
      <c r="OCM139" s="23"/>
      <c r="OCN139" s="23"/>
      <c r="OCO139" s="23"/>
      <c r="OCP139" s="23"/>
      <c r="OCQ139" s="23"/>
      <c r="OCR139" s="23"/>
      <c r="OCS139" s="23"/>
      <c r="OCT139" s="23"/>
      <c r="OCU139" s="23"/>
      <c r="OCV139" s="23"/>
      <c r="OCW139" s="23"/>
      <c r="OCX139" s="23"/>
      <c r="OCY139" s="23"/>
      <c r="OCZ139" s="23"/>
      <c r="ODA139" s="23"/>
      <c r="ODB139" s="23"/>
      <c r="ODC139" s="23"/>
      <c r="ODD139" s="23"/>
      <c r="ODE139" s="23"/>
      <c r="ODF139" s="23"/>
      <c r="ODG139" s="23"/>
      <c r="ODH139" s="23"/>
      <c r="ODI139" s="23"/>
      <c r="ODJ139" s="23"/>
      <c r="ODK139" s="23"/>
      <c r="ODL139" s="23"/>
      <c r="ODM139" s="23"/>
      <c r="ODN139" s="23"/>
      <c r="ODO139" s="23"/>
      <c r="ODP139" s="23"/>
      <c r="ODQ139" s="23"/>
      <c r="ODR139" s="23"/>
      <c r="ODS139" s="23"/>
      <c r="ODT139" s="23"/>
      <c r="ODU139" s="23"/>
      <c r="ODV139" s="23"/>
      <c r="ODW139" s="23"/>
      <c r="ODX139" s="23"/>
      <c r="ODY139" s="23"/>
      <c r="ODZ139" s="23"/>
      <c r="OEA139" s="23"/>
      <c r="OEB139" s="23"/>
      <c r="OEC139" s="23"/>
      <c r="OED139" s="23"/>
      <c r="OEE139" s="23"/>
      <c r="OEF139" s="23"/>
      <c r="OEG139" s="23"/>
      <c r="OEH139" s="23"/>
      <c r="OEI139" s="23"/>
      <c r="OEJ139" s="23"/>
      <c r="OEK139" s="23"/>
      <c r="OEL139" s="23"/>
      <c r="OEM139" s="23"/>
      <c r="OEN139" s="23"/>
      <c r="OEO139" s="23"/>
      <c r="OEP139" s="23"/>
      <c r="OEQ139" s="23"/>
      <c r="OER139" s="23"/>
      <c r="OES139" s="23"/>
      <c r="OET139" s="23"/>
      <c r="OEU139" s="23"/>
      <c r="OEV139" s="23"/>
      <c r="OEW139" s="23"/>
      <c r="OEX139" s="23"/>
      <c r="OEY139" s="23"/>
      <c r="OEZ139" s="23"/>
      <c r="OFA139" s="23"/>
      <c r="OFB139" s="23"/>
      <c r="OFC139" s="23"/>
      <c r="OFD139" s="23"/>
      <c r="OFE139" s="23"/>
      <c r="OFF139" s="23"/>
      <c r="OFG139" s="23"/>
      <c r="OFH139" s="23"/>
      <c r="OFI139" s="23"/>
      <c r="OFJ139" s="23"/>
      <c r="OFK139" s="23"/>
      <c r="OFL139" s="23"/>
      <c r="OFM139" s="23"/>
      <c r="OFN139" s="23"/>
      <c r="OFO139" s="23"/>
      <c r="OFP139" s="23"/>
      <c r="OFQ139" s="23"/>
      <c r="OFR139" s="23"/>
      <c r="OFS139" s="23"/>
      <c r="OFT139" s="23"/>
      <c r="OFU139" s="23"/>
      <c r="OFV139" s="23"/>
      <c r="OFW139" s="23"/>
      <c r="OFX139" s="23"/>
      <c r="OFY139" s="23"/>
      <c r="OFZ139" s="23"/>
      <c r="OGA139" s="23"/>
      <c r="OGB139" s="23"/>
      <c r="OGC139" s="23"/>
      <c r="OGD139" s="23"/>
      <c r="OGE139" s="23"/>
      <c r="OGF139" s="23"/>
      <c r="OGG139" s="23"/>
      <c r="OGH139" s="23"/>
      <c r="OGI139" s="23"/>
      <c r="OGJ139" s="23"/>
      <c r="OGK139" s="23"/>
      <c r="OGL139" s="23"/>
      <c r="OGM139" s="23"/>
      <c r="OGN139" s="23"/>
      <c r="OGO139" s="23"/>
      <c r="OGP139" s="23"/>
      <c r="OGQ139" s="23"/>
      <c r="OGR139" s="23"/>
      <c r="OGS139" s="23"/>
      <c r="OGT139" s="23"/>
      <c r="OGU139" s="23"/>
      <c r="OGV139" s="23"/>
      <c r="OGW139" s="23"/>
      <c r="OGX139" s="23"/>
      <c r="OGY139" s="23"/>
      <c r="OGZ139" s="23"/>
      <c r="OHA139" s="23"/>
      <c r="OHB139" s="23"/>
      <c r="OHC139" s="23"/>
      <c r="OHD139" s="23"/>
      <c r="OHE139" s="23"/>
      <c r="OHF139" s="23"/>
      <c r="OHG139" s="23"/>
      <c r="OHH139" s="23"/>
      <c r="OHI139" s="23"/>
      <c r="OHJ139" s="23"/>
      <c r="OHK139" s="23"/>
      <c r="OHL139" s="23"/>
      <c r="OHM139" s="23"/>
      <c r="OHN139" s="23"/>
      <c r="OHO139" s="23"/>
      <c r="OHP139" s="23"/>
      <c r="OHQ139" s="23"/>
      <c r="OHR139" s="23"/>
      <c r="OHS139" s="23"/>
      <c r="OHT139" s="23"/>
      <c r="OHU139" s="23"/>
      <c r="OHV139" s="23"/>
      <c r="OHW139" s="23"/>
      <c r="OHX139" s="23"/>
      <c r="OHY139" s="23"/>
      <c r="OHZ139" s="23"/>
      <c r="OIA139" s="23"/>
      <c r="OIB139" s="23"/>
      <c r="OIC139" s="23"/>
      <c r="OID139" s="23"/>
      <c r="OIE139" s="23"/>
      <c r="OIF139" s="23"/>
      <c r="OIG139" s="23"/>
      <c r="OIH139" s="23"/>
      <c r="OII139" s="23"/>
      <c r="OIJ139" s="23"/>
      <c r="OIK139" s="23"/>
      <c r="OIL139" s="23"/>
      <c r="OIM139" s="23"/>
      <c r="OIN139" s="23"/>
      <c r="OIO139" s="23"/>
      <c r="OIP139" s="23"/>
      <c r="OIQ139" s="23"/>
      <c r="OIR139" s="23"/>
      <c r="OIS139" s="23"/>
      <c r="OIT139" s="23"/>
      <c r="OIU139" s="23"/>
      <c r="OIV139" s="23"/>
      <c r="OIW139" s="23"/>
      <c r="OIX139" s="23"/>
      <c r="OIY139" s="23"/>
      <c r="OIZ139" s="23"/>
      <c r="OJA139" s="23"/>
      <c r="OJB139" s="23"/>
      <c r="OJC139" s="23"/>
      <c r="OJD139" s="23"/>
      <c r="OJE139" s="23"/>
      <c r="OJF139" s="23"/>
      <c r="OJG139" s="23"/>
      <c r="OJH139" s="23"/>
      <c r="OJI139" s="23"/>
      <c r="OJJ139" s="23"/>
      <c r="OJK139" s="23"/>
      <c r="OJL139" s="23"/>
      <c r="OJM139" s="23"/>
      <c r="OJN139" s="23"/>
      <c r="OJO139" s="23"/>
      <c r="OJP139" s="23"/>
      <c r="OJQ139" s="23"/>
      <c r="OJR139" s="23"/>
      <c r="OJS139" s="23"/>
      <c r="OJT139" s="23"/>
      <c r="OJU139" s="23"/>
      <c r="OJV139" s="23"/>
      <c r="OJW139" s="23"/>
      <c r="OJX139" s="23"/>
      <c r="OJY139" s="23"/>
      <c r="OJZ139" s="23"/>
      <c r="OKA139" s="23"/>
      <c r="OKB139" s="23"/>
      <c r="OKC139" s="23"/>
      <c r="OKD139" s="23"/>
      <c r="OKE139" s="23"/>
      <c r="OKF139" s="23"/>
      <c r="OKG139" s="23"/>
      <c r="OKH139" s="23"/>
      <c r="OKI139" s="23"/>
      <c r="OKJ139" s="23"/>
      <c r="OKK139" s="23"/>
      <c r="OKL139" s="23"/>
      <c r="OKM139" s="23"/>
      <c r="OKN139" s="23"/>
      <c r="OKO139" s="23"/>
      <c r="OKP139" s="23"/>
      <c r="OKQ139" s="23"/>
      <c r="OKR139" s="23"/>
      <c r="OKS139" s="23"/>
      <c r="OKT139" s="23"/>
      <c r="OKU139" s="23"/>
      <c r="OKV139" s="23"/>
      <c r="OKW139" s="23"/>
      <c r="OKX139" s="23"/>
      <c r="OKY139" s="23"/>
      <c r="OKZ139" s="23"/>
      <c r="OLA139" s="23"/>
      <c r="OLB139" s="23"/>
      <c r="OLC139" s="23"/>
      <c r="OLD139" s="23"/>
      <c r="OLE139" s="23"/>
      <c r="OLF139" s="23"/>
      <c r="OLG139" s="23"/>
      <c r="OLH139" s="23"/>
      <c r="OLI139" s="23"/>
      <c r="OLJ139" s="23"/>
      <c r="OLK139" s="23"/>
      <c r="OLL139" s="23"/>
      <c r="OLM139" s="23"/>
      <c r="OLN139" s="23"/>
      <c r="OLO139" s="23"/>
      <c r="OLP139" s="23"/>
      <c r="OLQ139" s="23"/>
      <c r="OLR139" s="23"/>
      <c r="OLS139" s="23"/>
      <c r="OLT139" s="23"/>
      <c r="OLU139" s="23"/>
      <c r="OLV139" s="23"/>
      <c r="OLW139" s="23"/>
      <c r="OLX139" s="23"/>
      <c r="OLY139" s="23"/>
      <c r="OLZ139" s="23"/>
      <c r="OMA139" s="23"/>
      <c r="OMB139" s="23"/>
      <c r="OMC139" s="23"/>
      <c r="OMD139" s="23"/>
      <c r="OME139" s="23"/>
      <c r="OMF139" s="23"/>
      <c r="OMG139" s="23"/>
      <c r="OMH139" s="23"/>
      <c r="OMI139" s="23"/>
      <c r="OMJ139" s="23"/>
      <c r="OMK139" s="23"/>
      <c r="OML139" s="23"/>
      <c r="OMM139" s="23"/>
      <c r="OMN139" s="23"/>
      <c r="OMO139" s="23"/>
      <c r="OMP139" s="23"/>
      <c r="OMQ139" s="23"/>
      <c r="OMR139" s="23"/>
      <c r="OMS139" s="23"/>
      <c r="OMT139" s="23"/>
      <c r="OMU139" s="23"/>
      <c r="OMV139" s="23"/>
      <c r="OMW139" s="23"/>
      <c r="OMX139" s="23"/>
      <c r="OMY139" s="23"/>
      <c r="OMZ139" s="23"/>
      <c r="ONA139" s="23"/>
      <c r="ONB139" s="23"/>
      <c r="ONC139" s="23"/>
      <c r="OND139" s="23"/>
      <c r="ONE139" s="23"/>
      <c r="ONF139" s="23"/>
      <c r="ONG139" s="23"/>
      <c r="ONH139" s="23"/>
      <c r="ONI139" s="23"/>
      <c r="ONJ139" s="23"/>
      <c r="ONK139" s="23"/>
      <c r="ONL139" s="23"/>
      <c r="ONM139" s="23"/>
      <c r="ONN139" s="23"/>
      <c r="ONO139" s="23"/>
      <c r="ONP139" s="23"/>
      <c r="ONQ139" s="23"/>
      <c r="ONR139" s="23"/>
      <c r="ONS139" s="23"/>
      <c r="ONT139" s="23"/>
      <c r="ONU139" s="23"/>
      <c r="ONV139" s="23"/>
      <c r="ONW139" s="23"/>
      <c r="ONX139" s="23"/>
      <c r="ONY139" s="23"/>
      <c r="ONZ139" s="23"/>
      <c r="OOA139" s="23"/>
      <c r="OOB139" s="23"/>
      <c r="OOC139" s="23"/>
      <c r="OOD139" s="23"/>
      <c r="OOE139" s="23"/>
      <c r="OOF139" s="23"/>
      <c r="OOG139" s="23"/>
      <c r="OOH139" s="23"/>
      <c r="OOI139" s="23"/>
      <c r="OOJ139" s="23"/>
      <c r="OOK139" s="23"/>
      <c r="OOL139" s="23"/>
      <c r="OOM139" s="23"/>
      <c r="OON139" s="23"/>
      <c r="OOO139" s="23"/>
      <c r="OOP139" s="23"/>
      <c r="OOQ139" s="23"/>
      <c r="OOR139" s="23"/>
      <c r="OOS139" s="23"/>
      <c r="OOT139" s="23"/>
      <c r="OOU139" s="23"/>
      <c r="OOV139" s="23"/>
      <c r="OOW139" s="23"/>
      <c r="OOX139" s="23"/>
      <c r="OOY139" s="23"/>
      <c r="OOZ139" s="23"/>
      <c r="OPA139" s="23"/>
      <c r="OPB139" s="23"/>
      <c r="OPC139" s="23"/>
      <c r="OPD139" s="23"/>
      <c r="OPE139" s="23"/>
      <c r="OPF139" s="23"/>
      <c r="OPG139" s="23"/>
      <c r="OPH139" s="23"/>
      <c r="OPI139" s="23"/>
      <c r="OPJ139" s="23"/>
      <c r="OPK139" s="23"/>
      <c r="OPL139" s="23"/>
      <c r="OPM139" s="23"/>
      <c r="OPN139" s="23"/>
      <c r="OPO139" s="23"/>
      <c r="OPP139" s="23"/>
      <c r="OPQ139" s="23"/>
      <c r="OPR139" s="23"/>
      <c r="OPS139" s="23"/>
      <c r="OPT139" s="23"/>
      <c r="OPU139" s="23"/>
      <c r="OPV139" s="23"/>
      <c r="OPW139" s="23"/>
      <c r="OPX139" s="23"/>
      <c r="OPY139" s="23"/>
      <c r="OPZ139" s="23"/>
      <c r="OQA139" s="23"/>
      <c r="OQB139" s="23"/>
      <c r="OQC139" s="23"/>
      <c r="OQD139" s="23"/>
      <c r="OQE139" s="23"/>
      <c r="OQF139" s="23"/>
      <c r="OQG139" s="23"/>
      <c r="OQH139" s="23"/>
      <c r="OQI139" s="23"/>
      <c r="OQJ139" s="23"/>
      <c r="OQK139" s="23"/>
      <c r="OQL139" s="23"/>
      <c r="OQM139" s="23"/>
      <c r="OQN139" s="23"/>
      <c r="OQO139" s="23"/>
      <c r="OQP139" s="23"/>
      <c r="OQQ139" s="23"/>
      <c r="OQR139" s="23"/>
      <c r="OQS139" s="23"/>
      <c r="OQT139" s="23"/>
      <c r="OQU139" s="23"/>
      <c r="OQV139" s="23"/>
      <c r="OQW139" s="23"/>
      <c r="OQX139" s="23"/>
      <c r="OQY139" s="23"/>
      <c r="OQZ139" s="23"/>
      <c r="ORA139" s="23"/>
      <c r="ORB139" s="23"/>
      <c r="ORC139" s="23"/>
      <c r="ORD139" s="23"/>
      <c r="ORE139" s="23"/>
      <c r="ORF139" s="23"/>
      <c r="ORG139" s="23"/>
      <c r="ORH139" s="23"/>
      <c r="ORI139" s="23"/>
      <c r="ORJ139" s="23"/>
      <c r="ORK139" s="23"/>
      <c r="ORL139" s="23"/>
      <c r="ORM139" s="23"/>
      <c r="ORN139" s="23"/>
      <c r="ORO139" s="23"/>
      <c r="ORP139" s="23"/>
      <c r="ORQ139" s="23"/>
      <c r="ORR139" s="23"/>
      <c r="ORS139" s="23"/>
      <c r="ORT139" s="23"/>
      <c r="ORU139" s="23"/>
      <c r="ORV139" s="23"/>
      <c r="ORW139" s="23"/>
      <c r="ORX139" s="23"/>
      <c r="ORY139" s="23"/>
      <c r="ORZ139" s="23"/>
      <c r="OSA139" s="23"/>
      <c r="OSB139" s="23"/>
      <c r="OSC139" s="23"/>
      <c r="OSD139" s="23"/>
      <c r="OSE139" s="23"/>
      <c r="OSF139" s="23"/>
      <c r="OSG139" s="23"/>
      <c r="OSH139" s="23"/>
      <c r="OSI139" s="23"/>
      <c r="OSJ139" s="23"/>
      <c r="OSK139" s="23"/>
      <c r="OSL139" s="23"/>
      <c r="OSM139" s="23"/>
      <c r="OSN139" s="23"/>
      <c r="OSO139" s="23"/>
      <c r="OSP139" s="23"/>
      <c r="OSQ139" s="23"/>
      <c r="OSR139" s="23"/>
      <c r="OSS139" s="23"/>
      <c r="OST139" s="23"/>
      <c r="OSU139" s="23"/>
      <c r="OSV139" s="23"/>
      <c r="OSW139" s="23"/>
      <c r="OSX139" s="23"/>
      <c r="OSY139" s="23"/>
      <c r="OSZ139" s="23"/>
      <c r="OTA139" s="23"/>
      <c r="OTB139" s="23"/>
      <c r="OTC139" s="23"/>
      <c r="OTD139" s="23"/>
      <c r="OTE139" s="23"/>
      <c r="OTF139" s="23"/>
      <c r="OTG139" s="23"/>
      <c r="OTH139" s="23"/>
      <c r="OTI139" s="23"/>
      <c r="OTJ139" s="23"/>
      <c r="OTK139" s="23"/>
      <c r="OTL139" s="23"/>
      <c r="OTM139" s="23"/>
      <c r="OTN139" s="23"/>
      <c r="OTO139" s="23"/>
      <c r="OTP139" s="23"/>
      <c r="OTQ139" s="23"/>
      <c r="OTR139" s="23"/>
      <c r="OTS139" s="23"/>
      <c r="OTT139" s="23"/>
      <c r="OTU139" s="23"/>
      <c r="OTV139" s="23"/>
      <c r="OTW139" s="23"/>
      <c r="OTX139" s="23"/>
      <c r="OTY139" s="23"/>
      <c r="OTZ139" s="23"/>
      <c r="OUA139" s="23"/>
      <c r="OUB139" s="23"/>
      <c r="OUC139" s="23"/>
      <c r="OUD139" s="23"/>
      <c r="OUE139" s="23"/>
      <c r="OUF139" s="23"/>
      <c r="OUG139" s="23"/>
      <c r="OUH139" s="23"/>
      <c r="OUI139" s="23"/>
      <c r="OUJ139" s="23"/>
      <c r="OUK139" s="23"/>
      <c r="OUL139" s="23"/>
      <c r="OUM139" s="23"/>
      <c r="OUN139" s="23"/>
      <c r="OUO139" s="23"/>
      <c r="OUP139" s="23"/>
      <c r="OUQ139" s="23"/>
      <c r="OUR139" s="23"/>
      <c r="OUS139" s="23"/>
      <c r="OUT139" s="23"/>
      <c r="OUU139" s="23"/>
      <c r="OUV139" s="23"/>
      <c r="OUW139" s="23"/>
      <c r="OUX139" s="23"/>
      <c r="OUY139" s="23"/>
      <c r="OUZ139" s="23"/>
      <c r="OVA139" s="23"/>
      <c r="OVB139" s="23"/>
      <c r="OVC139" s="23"/>
      <c r="OVD139" s="23"/>
      <c r="OVE139" s="23"/>
      <c r="OVF139" s="23"/>
      <c r="OVG139" s="23"/>
      <c r="OVH139" s="23"/>
      <c r="OVI139" s="23"/>
      <c r="OVJ139" s="23"/>
      <c r="OVK139" s="23"/>
      <c r="OVL139" s="23"/>
      <c r="OVM139" s="23"/>
      <c r="OVN139" s="23"/>
      <c r="OVO139" s="23"/>
      <c r="OVP139" s="23"/>
      <c r="OVQ139" s="23"/>
      <c r="OVR139" s="23"/>
      <c r="OVS139" s="23"/>
      <c r="OVT139" s="23"/>
      <c r="OVU139" s="23"/>
      <c r="OVV139" s="23"/>
      <c r="OVW139" s="23"/>
      <c r="OVX139" s="23"/>
      <c r="OVY139" s="23"/>
      <c r="OVZ139" s="23"/>
      <c r="OWA139" s="23"/>
      <c r="OWB139" s="23"/>
      <c r="OWC139" s="23"/>
      <c r="OWD139" s="23"/>
      <c r="OWE139" s="23"/>
      <c r="OWF139" s="23"/>
      <c r="OWG139" s="23"/>
      <c r="OWH139" s="23"/>
      <c r="OWI139" s="23"/>
      <c r="OWJ139" s="23"/>
      <c r="OWK139" s="23"/>
      <c r="OWL139" s="23"/>
      <c r="OWM139" s="23"/>
      <c r="OWN139" s="23"/>
      <c r="OWO139" s="23"/>
      <c r="OWP139" s="23"/>
      <c r="OWQ139" s="23"/>
      <c r="OWR139" s="23"/>
      <c r="OWS139" s="23"/>
      <c r="OWT139" s="23"/>
      <c r="OWU139" s="23"/>
      <c r="OWV139" s="23"/>
      <c r="OWW139" s="23"/>
      <c r="OWX139" s="23"/>
      <c r="OWY139" s="23"/>
      <c r="OWZ139" s="23"/>
      <c r="OXA139" s="23"/>
      <c r="OXB139" s="23"/>
      <c r="OXC139" s="23"/>
      <c r="OXD139" s="23"/>
      <c r="OXE139" s="23"/>
      <c r="OXF139" s="23"/>
      <c r="OXG139" s="23"/>
      <c r="OXH139" s="23"/>
      <c r="OXI139" s="23"/>
      <c r="OXJ139" s="23"/>
      <c r="OXK139" s="23"/>
      <c r="OXL139" s="23"/>
      <c r="OXM139" s="23"/>
      <c r="OXN139" s="23"/>
      <c r="OXO139" s="23"/>
      <c r="OXP139" s="23"/>
      <c r="OXQ139" s="23"/>
      <c r="OXR139" s="23"/>
      <c r="OXS139" s="23"/>
      <c r="OXT139" s="23"/>
      <c r="OXU139" s="23"/>
      <c r="OXV139" s="23"/>
      <c r="OXW139" s="23"/>
      <c r="OXX139" s="23"/>
      <c r="OXY139" s="23"/>
      <c r="OXZ139" s="23"/>
      <c r="OYA139" s="23"/>
      <c r="OYB139" s="23"/>
      <c r="OYC139" s="23"/>
      <c r="OYD139" s="23"/>
      <c r="OYE139" s="23"/>
      <c r="OYF139" s="23"/>
      <c r="OYG139" s="23"/>
      <c r="OYH139" s="23"/>
      <c r="OYI139" s="23"/>
      <c r="OYJ139" s="23"/>
      <c r="OYK139" s="23"/>
      <c r="OYL139" s="23"/>
      <c r="OYM139" s="23"/>
      <c r="OYN139" s="23"/>
      <c r="OYO139" s="23"/>
      <c r="OYP139" s="23"/>
      <c r="OYQ139" s="23"/>
      <c r="OYR139" s="23"/>
      <c r="OYS139" s="23"/>
      <c r="OYT139" s="23"/>
      <c r="OYU139" s="23"/>
      <c r="OYV139" s="23"/>
      <c r="OYW139" s="23"/>
      <c r="OYX139" s="23"/>
      <c r="OYY139" s="23"/>
      <c r="OYZ139" s="23"/>
      <c r="OZA139" s="23"/>
      <c r="OZB139" s="23"/>
      <c r="OZC139" s="23"/>
      <c r="OZD139" s="23"/>
      <c r="OZE139" s="23"/>
      <c r="OZF139" s="23"/>
      <c r="OZG139" s="23"/>
      <c r="OZH139" s="23"/>
      <c r="OZI139" s="23"/>
      <c r="OZJ139" s="23"/>
      <c r="OZK139" s="23"/>
      <c r="OZL139" s="23"/>
      <c r="OZM139" s="23"/>
      <c r="OZN139" s="23"/>
      <c r="OZO139" s="23"/>
      <c r="OZP139" s="23"/>
      <c r="OZQ139" s="23"/>
      <c r="OZR139" s="23"/>
      <c r="OZS139" s="23"/>
      <c r="OZT139" s="23"/>
      <c r="OZU139" s="23"/>
      <c r="OZV139" s="23"/>
      <c r="OZW139" s="23"/>
      <c r="OZX139" s="23"/>
      <c r="OZY139" s="23"/>
      <c r="OZZ139" s="23"/>
      <c r="PAA139" s="23"/>
      <c r="PAB139" s="23"/>
      <c r="PAC139" s="23"/>
      <c r="PAD139" s="23"/>
      <c r="PAE139" s="23"/>
      <c r="PAF139" s="23"/>
      <c r="PAG139" s="23"/>
      <c r="PAH139" s="23"/>
      <c r="PAI139" s="23"/>
      <c r="PAJ139" s="23"/>
      <c r="PAK139" s="23"/>
      <c r="PAL139" s="23"/>
      <c r="PAM139" s="23"/>
      <c r="PAN139" s="23"/>
      <c r="PAO139" s="23"/>
      <c r="PAP139" s="23"/>
      <c r="PAQ139" s="23"/>
      <c r="PAR139" s="23"/>
      <c r="PAS139" s="23"/>
      <c r="PAT139" s="23"/>
      <c r="PAU139" s="23"/>
      <c r="PAV139" s="23"/>
      <c r="PAW139" s="23"/>
      <c r="PAX139" s="23"/>
      <c r="PAY139" s="23"/>
      <c r="PAZ139" s="23"/>
      <c r="PBA139" s="23"/>
      <c r="PBB139" s="23"/>
      <c r="PBC139" s="23"/>
      <c r="PBD139" s="23"/>
      <c r="PBE139" s="23"/>
      <c r="PBF139" s="23"/>
      <c r="PBG139" s="23"/>
      <c r="PBH139" s="23"/>
      <c r="PBI139" s="23"/>
      <c r="PBJ139" s="23"/>
      <c r="PBK139" s="23"/>
      <c r="PBL139" s="23"/>
      <c r="PBM139" s="23"/>
      <c r="PBN139" s="23"/>
      <c r="PBO139" s="23"/>
      <c r="PBP139" s="23"/>
      <c r="PBQ139" s="23"/>
      <c r="PBR139" s="23"/>
      <c r="PBS139" s="23"/>
      <c r="PBT139" s="23"/>
      <c r="PBU139" s="23"/>
      <c r="PBV139" s="23"/>
      <c r="PBW139" s="23"/>
      <c r="PBX139" s="23"/>
      <c r="PBY139" s="23"/>
      <c r="PBZ139" s="23"/>
      <c r="PCA139" s="23"/>
      <c r="PCB139" s="23"/>
      <c r="PCC139" s="23"/>
      <c r="PCD139" s="23"/>
      <c r="PCE139" s="23"/>
      <c r="PCF139" s="23"/>
      <c r="PCG139" s="23"/>
      <c r="PCH139" s="23"/>
      <c r="PCI139" s="23"/>
      <c r="PCJ139" s="23"/>
      <c r="PCK139" s="23"/>
      <c r="PCL139" s="23"/>
      <c r="PCM139" s="23"/>
      <c r="PCN139" s="23"/>
      <c r="PCO139" s="23"/>
      <c r="PCP139" s="23"/>
      <c r="PCQ139" s="23"/>
      <c r="PCR139" s="23"/>
      <c r="PCS139" s="23"/>
      <c r="PCT139" s="23"/>
      <c r="PCU139" s="23"/>
      <c r="PCV139" s="23"/>
      <c r="PCW139" s="23"/>
      <c r="PCX139" s="23"/>
      <c r="PCY139" s="23"/>
      <c r="PCZ139" s="23"/>
      <c r="PDA139" s="23"/>
      <c r="PDB139" s="23"/>
      <c r="PDC139" s="23"/>
      <c r="PDD139" s="23"/>
      <c r="PDE139" s="23"/>
      <c r="PDF139" s="23"/>
      <c r="PDG139" s="23"/>
      <c r="PDH139" s="23"/>
      <c r="PDI139" s="23"/>
      <c r="PDJ139" s="23"/>
      <c r="PDK139" s="23"/>
      <c r="PDL139" s="23"/>
      <c r="PDM139" s="23"/>
      <c r="PDN139" s="23"/>
      <c r="PDO139" s="23"/>
      <c r="PDP139" s="23"/>
      <c r="PDQ139" s="23"/>
      <c r="PDR139" s="23"/>
      <c r="PDS139" s="23"/>
      <c r="PDT139" s="23"/>
      <c r="PDU139" s="23"/>
      <c r="PDV139" s="23"/>
      <c r="PDW139" s="23"/>
      <c r="PDX139" s="23"/>
      <c r="PDY139" s="23"/>
      <c r="PDZ139" s="23"/>
      <c r="PEA139" s="23"/>
      <c r="PEB139" s="23"/>
      <c r="PEC139" s="23"/>
      <c r="PED139" s="23"/>
      <c r="PEE139" s="23"/>
      <c r="PEF139" s="23"/>
      <c r="PEG139" s="23"/>
      <c r="PEH139" s="23"/>
      <c r="PEI139" s="23"/>
      <c r="PEJ139" s="23"/>
      <c r="PEK139" s="23"/>
      <c r="PEL139" s="23"/>
      <c r="PEM139" s="23"/>
      <c r="PEN139" s="23"/>
      <c r="PEO139" s="23"/>
      <c r="PEP139" s="23"/>
      <c r="PEQ139" s="23"/>
      <c r="PER139" s="23"/>
      <c r="PES139" s="23"/>
      <c r="PET139" s="23"/>
      <c r="PEU139" s="23"/>
      <c r="PEV139" s="23"/>
      <c r="PEW139" s="23"/>
      <c r="PEX139" s="23"/>
      <c r="PEY139" s="23"/>
      <c r="PEZ139" s="23"/>
      <c r="PFA139" s="23"/>
      <c r="PFB139" s="23"/>
      <c r="PFC139" s="23"/>
      <c r="PFD139" s="23"/>
      <c r="PFE139" s="23"/>
      <c r="PFF139" s="23"/>
      <c r="PFG139" s="23"/>
      <c r="PFH139" s="23"/>
      <c r="PFI139" s="23"/>
      <c r="PFJ139" s="23"/>
      <c r="PFK139" s="23"/>
      <c r="PFL139" s="23"/>
      <c r="PFM139" s="23"/>
      <c r="PFN139" s="23"/>
      <c r="PFO139" s="23"/>
      <c r="PFP139" s="23"/>
      <c r="PFQ139" s="23"/>
      <c r="PFR139" s="23"/>
      <c r="PFS139" s="23"/>
      <c r="PFT139" s="23"/>
      <c r="PFU139" s="23"/>
      <c r="PFV139" s="23"/>
      <c r="PFW139" s="23"/>
      <c r="PFX139" s="23"/>
      <c r="PFY139" s="23"/>
      <c r="PFZ139" s="23"/>
      <c r="PGA139" s="23"/>
      <c r="PGB139" s="23"/>
      <c r="PGC139" s="23"/>
      <c r="PGD139" s="23"/>
      <c r="PGE139" s="23"/>
      <c r="PGF139" s="23"/>
      <c r="PGG139" s="23"/>
      <c r="PGH139" s="23"/>
      <c r="PGI139" s="23"/>
      <c r="PGJ139" s="23"/>
      <c r="PGK139" s="23"/>
      <c r="PGL139" s="23"/>
      <c r="PGM139" s="23"/>
      <c r="PGN139" s="23"/>
      <c r="PGO139" s="23"/>
      <c r="PGP139" s="23"/>
      <c r="PGQ139" s="23"/>
      <c r="PGR139" s="23"/>
      <c r="PGS139" s="23"/>
      <c r="PGT139" s="23"/>
      <c r="PGU139" s="23"/>
      <c r="PGV139" s="23"/>
      <c r="PGW139" s="23"/>
      <c r="PGX139" s="23"/>
      <c r="PGY139" s="23"/>
      <c r="PGZ139" s="23"/>
      <c r="PHA139" s="23"/>
      <c r="PHB139" s="23"/>
      <c r="PHC139" s="23"/>
      <c r="PHD139" s="23"/>
      <c r="PHE139" s="23"/>
      <c r="PHF139" s="23"/>
      <c r="PHG139" s="23"/>
      <c r="PHH139" s="23"/>
      <c r="PHI139" s="23"/>
      <c r="PHJ139" s="23"/>
      <c r="PHK139" s="23"/>
      <c r="PHL139" s="23"/>
      <c r="PHM139" s="23"/>
      <c r="PHN139" s="23"/>
      <c r="PHO139" s="23"/>
      <c r="PHP139" s="23"/>
      <c r="PHQ139" s="23"/>
      <c r="PHR139" s="23"/>
      <c r="PHS139" s="23"/>
      <c r="PHT139" s="23"/>
      <c r="PHU139" s="23"/>
      <c r="PHV139" s="23"/>
      <c r="PHW139" s="23"/>
      <c r="PHX139" s="23"/>
      <c r="PHY139" s="23"/>
      <c r="PHZ139" s="23"/>
      <c r="PIA139" s="23"/>
      <c r="PIB139" s="23"/>
      <c r="PIC139" s="23"/>
      <c r="PID139" s="23"/>
      <c r="PIE139" s="23"/>
      <c r="PIF139" s="23"/>
      <c r="PIG139" s="23"/>
      <c r="PIH139" s="23"/>
      <c r="PII139" s="23"/>
      <c r="PIJ139" s="23"/>
      <c r="PIK139" s="23"/>
      <c r="PIL139" s="23"/>
      <c r="PIM139" s="23"/>
      <c r="PIN139" s="23"/>
      <c r="PIO139" s="23"/>
      <c r="PIP139" s="23"/>
      <c r="PIQ139" s="23"/>
      <c r="PIR139" s="23"/>
      <c r="PIS139" s="23"/>
      <c r="PIT139" s="23"/>
      <c r="PIU139" s="23"/>
      <c r="PIV139" s="23"/>
      <c r="PIW139" s="23"/>
      <c r="PIX139" s="23"/>
      <c r="PIY139" s="23"/>
      <c r="PIZ139" s="23"/>
      <c r="PJA139" s="23"/>
      <c r="PJB139" s="23"/>
      <c r="PJC139" s="23"/>
      <c r="PJD139" s="23"/>
      <c r="PJE139" s="23"/>
      <c r="PJF139" s="23"/>
      <c r="PJG139" s="23"/>
      <c r="PJH139" s="23"/>
      <c r="PJI139" s="23"/>
      <c r="PJJ139" s="23"/>
      <c r="PJK139" s="23"/>
      <c r="PJL139" s="23"/>
      <c r="PJM139" s="23"/>
      <c r="PJN139" s="23"/>
      <c r="PJO139" s="23"/>
      <c r="PJP139" s="23"/>
      <c r="PJQ139" s="23"/>
      <c r="PJR139" s="23"/>
      <c r="PJS139" s="23"/>
      <c r="PJT139" s="23"/>
      <c r="PJU139" s="23"/>
      <c r="PJV139" s="23"/>
      <c r="PJW139" s="23"/>
      <c r="PJX139" s="23"/>
      <c r="PJY139" s="23"/>
      <c r="PJZ139" s="23"/>
      <c r="PKA139" s="23"/>
      <c r="PKB139" s="23"/>
      <c r="PKC139" s="23"/>
      <c r="PKD139" s="23"/>
      <c r="PKE139" s="23"/>
      <c r="PKF139" s="23"/>
      <c r="PKG139" s="23"/>
      <c r="PKH139" s="23"/>
      <c r="PKI139" s="23"/>
      <c r="PKJ139" s="23"/>
      <c r="PKK139" s="23"/>
      <c r="PKL139" s="23"/>
      <c r="PKM139" s="23"/>
      <c r="PKN139" s="23"/>
      <c r="PKO139" s="23"/>
      <c r="PKP139" s="23"/>
      <c r="PKQ139" s="23"/>
      <c r="PKR139" s="23"/>
      <c r="PKS139" s="23"/>
      <c r="PKT139" s="23"/>
      <c r="PKU139" s="23"/>
      <c r="PKV139" s="23"/>
      <c r="PKW139" s="23"/>
      <c r="PKX139" s="23"/>
      <c r="PKY139" s="23"/>
      <c r="PKZ139" s="23"/>
      <c r="PLA139" s="23"/>
      <c r="PLB139" s="23"/>
      <c r="PLC139" s="23"/>
      <c r="PLD139" s="23"/>
      <c r="PLE139" s="23"/>
      <c r="PLF139" s="23"/>
      <c r="PLG139" s="23"/>
      <c r="PLH139" s="23"/>
      <c r="PLI139" s="23"/>
      <c r="PLJ139" s="23"/>
      <c r="PLK139" s="23"/>
      <c r="PLL139" s="23"/>
      <c r="PLM139" s="23"/>
      <c r="PLN139" s="23"/>
      <c r="PLO139" s="23"/>
      <c r="PLP139" s="23"/>
      <c r="PLQ139" s="23"/>
      <c r="PLR139" s="23"/>
      <c r="PLS139" s="23"/>
      <c r="PLT139" s="23"/>
      <c r="PLU139" s="23"/>
      <c r="PLV139" s="23"/>
      <c r="PLW139" s="23"/>
      <c r="PLX139" s="23"/>
      <c r="PLY139" s="23"/>
      <c r="PLZ139" s="23"/>
      <c r="PMA139" s="23"/>
      <c r="PMB139" s="23"/>
      <c r="PMC139" s="23"/>
      <c r="PMD139" s="23"/>
      <c r="PME139" s="23"/>
      <c r="PMF139" s="23"/>
      <c r="PMG139" s="23"/>
      <c r="PMH139" s="23"/>
      <c r="PMI139" s="23"/>
      <c r="PMJ139" s="23"/>
      <c r="PMK139" s="23"/>
      <c r="PML139" s="23"/>
      <c r="PMM139" s="23"/>
      <c r="PMN139" s="23"/>
      <c r="PMO139" s="23"/>
      <c r="PMP139" s="23"/>
      <c r="PMQ139" s="23"/>
      <c r="PMR139" s="23"/>
      <c r="PMS139" s="23"/>
      <c r="PMT139" s="23"/>
      <c r="PMU139" s="23"/>
      <c r="PMV139" s="23"/>
      <c r="PMW139" s="23"/>
      <c r="PMX139" s="23"/>
      <c r="PMY139" s="23"/>
      <c r="PMZ139" s="23"/>
      <c r="PNA139" s="23"/>
      <c r="PNB139" s="23"/>
      <c r="PNC139" s="23"/>
      <c r="PND139" s="23"/>
      <c r="PNE139" s="23"/>
      <c r="PNF139" s="23"/>
      <c r="PNG139" s="23"/>
      <c r="PNH139" s="23"/>
      <c r="PNI139" s="23"/>
      <c r="PNJ139" s="23"/>
      <c r="PNK139" s="23"/>
      <c r="PNL139" s="23"/>
      <c r="PNM139" s="23"/>
      <c r="PNN139" s="23"/>
      <c r="PNO139" s="23"/>
      <c r="PNP139" s="23"/>
      <c r="PNQ139" s="23"/>
      <c r="PNR139" s="23"/>
      <c r="PNS139" s="23"/>
      <c r="PNT139" s="23"/>
      <c r="PNU139" s="23"/>
      <c r="PNV139" s="23"/>
      <c r="PNW139" s="23"/>
      <c r="PNX139" s="23"/>
      <c r="PNY139" s="23"/>
      <c r="PNZ139" s="23"/>
      <c r="POA139" s="23"/>
      <c r="POB139" s="23"/>
      <c r="POC139" s="23"/>
      <c r="POD139" s="23"/>
      <c r="POE139" s="23"/>
      <c r="POF139" s="23"/>
      <c r="POG139" s="23"/>
      <c r="POH139" s="23"/>
      <c r="POI139" s="23"/>
      <c r="POJ139" s="23"/>
      <c r="POK139" s="23"/>
      <c r="POL139" s="23"/>
      <c r="POM139" s="23"/>
      <c r="PON139" s="23"/>
      <c r="POO139" s="23"/>
      <c r="POP139" s="23"/>
      <c r="POQ139" s="23"/>
      <c r="POR139" s="23"/>
      <c r="POS139" s="23"/>
      <c r="POT139" s="23"/>
      <c r="POU139" s="23"/>
      <c r="POV139" s="23"/>
      <c r="POW139" s="23"/>
      <c r="POX139" s="23"/>
      <c r="POY139" s="23"/>
      <c r="POZ139" s="23"/>
      <c r="PPA139" s="23"/>
      <c r="PPB139" s="23"/>
      <c r="PPC139" s="23"/>
      <c r="PPD139" s="23"/>
      <c r="PPE139" s="23"/>
      <c r="PPF139" s="23"/>
      <c r="PPG139" s="23"/>
      <c r="PPH139" s="23"/>
      <c r="PPI139" s="23"/>
      <c r="PPJ139" s="23"/>
      <c r="PPK139" s="23"/>
      <c r="PPL139" s="23"/>
      <c r="PPM139" s="23"/>
      <c r="PPN139" s="23"/>
      <c r="PPO139" s="23"/>
      <c r="PPP139" s="23"/>
      <c r="PPQ139" s="23"/>
      <c r="PPR139" s="23"/>
      <c r="PPS139" s="23"/>
      <c r="PPT139" s="23"/>
      <c r="PPU139" s="23"/>
      <c r="PPV139" s="23"/>
      <c r="PPW139" s="23"/>
      <c r="PPX139" s="23"/>
      <c r="PPY139" s="23"/>
      <c r="PPZ139" s="23"/>
      <c r="PQA139" s="23"/>
      <c r="PQB139" s="23"/>
      <c r="PQC139" s="23"/>
      <c r="PQD139" s="23"/>
      <c r="PQE139" s="23"/>
      <c r="PQF139" s="23"/>
      <c r="PQG139" s="23"/>
      <c r="PQH139" s="23"/>
      <c r="PQI139" s="23"/>
      <c r="PQJ139" s="23"/>
      <c r="PQK139" s="23"/>
      <c r="PQL139" s="23"/>
      <c r="PQM139" s="23"/>
      <c r="PQN139" s="23"/>
      <c r="PQO139" s="23"/>
      <c r="PQP139" s="23"/>
      <c r="PQQ139" s="23"/>
      <c r="PQR139" s="23"/>
      <c r="PQS139" s="23"/>
      <c r="PQT139" s="23"/>
      <c r="PQU139" s="23"/>
      <c r="PQV139" s="23"/>
      <c r="PQW139" s="23"/>
      <c r="PQX139" s="23"/>
      <c r="PQY139" s="23"/>
      <c r="PQZ139" s="23"/>
      <c r="PRA139" s="23"/>
      <c r="PRB139" s="23"/>
      <c r="PRC139" s="23"/>
      <c r="PRD139" s="23"/>
      <c r="PRE139" s="23"/>
      <c r="PRF139" s="23"/>
      <c r="PRG139" s="23"/>
      <c r="PRH139" s="23"/>
      <c r="PRI139" s="23"/>
      <c r="PRJ139" s="23"/>
      <c r="PRK139" s="23"/>
      <c r="PRL139" s="23"/>
      <c r="PRM139" s="23"/>
      <c r="PRN139" s="23"/>
      <c r="PRO139" s="23"/>
      <c r="PRP139" s="23"/>
      <c r="PRQ139" s="23"/>
      <c r="PRR139" s="23"/>
      <c r="PRS139" s="23"/>
      <c r="PRT139" s="23"/>
      <c r="PRU139" s="23"/>
      <c r="PRV139" s="23"/>
      <c r="PRW139" s="23"/>
      <c r="PRX139" s="23"/>
      <c r="PRY139" s="23"/>
      <c r="PRZ139" s="23"/>
      <c r="PSA139" s="23"/>
      <c r="PSB139" s="23"/>
      <c r="PSC139" s="23"/>
      <c r="PSD139" s="23"/>
      <c r="PSE139" s="23"/>
      <c r="PSF139" s="23"/>
      <c r="PSG139" s="23"/>
      <c r="PSH139" s="23"/>
      <c r="PSI139" s="23"/>
      <c r="PSJ139" s="23"/>
      <c r="PSK139" s="23"/>
      <c r="PSL139" s="23"/>
      <c r="PSM139" s="23"/>
      <c r="PSN139" s="23"/>
      <c r="PSO139" s="23"/>
      <c r="PSP139" s="23"/>
      <c r="PSQ139" s="23"/>
      <c r="PSR139" s="23"/>
      <c r="PSS139" s="23"/>
      <c r="PST139" s="23"/>
      <c r="PSU139" s="23"/>
      <c r="PSV139" s="23"/>
      <c r="PSW139" s="23"/>
      <c r="PSX139" s="23"/>
      <c r="PSY139" s="23"/>
      <c r="PSZ139" s="23"/>
      <c r="PTA139" s="23"/>
      <c r="PTB139" s="23"/>
      <c r="PTC139" s="23"/>
      <c r="PTD139" s="23"/>
      <c r="PTE139" s="23"/>
      <c r="PTF139" s="23"/>
      <c r="PTG139" s="23"/>
      <c r="PTH139" s="23"/>
      <c r="PTI139" s="23"/>
      <c r="PTJ139" s="23"/>
      <c r="PTK139" s="23"/>
      <c r="PTL139" s="23"/>
      <c r="PTM139" s="23"/>
      <c r="PTN139" s="23"/>
      <c r="PTO139" s="23"/>
      <c r="PTP139" s="23"/>
      <c r="PTQ139" s="23"/>
      <c r="PTR139" s="23"/>
      <c r="PTS139" s="23"/>
      <c r="PTT139" s="23"/>
      <c r="PTU139" s="23"/>
      <c r="PTV139" s="23"/>
      <c r="PTW139" s="23"/>
      <c r="PTX139" s="23"/>
      <c r="PTY139" s="23"/>
      <c r="PTZ139" s="23"/>
      <c r="PUA139" s="23"/>
      <c r="PUB139" s="23"/>
      <c r="PUC139" s="23"/>
      <c r="PUD139" s="23"/>
      <c r="PUE139" s="23"/>
      <c r="PUF139" s="23"/>
      <c r="PUG139" s="23"/>
      <c r="PUH139" s="23"/>
      <c r="PUI139" s="23"/>
      <c r="PUJ139" s="23"/>
      <c r="PUK139" s="23"/>
      <c r="PUL139" s="23"/>
      <c r="PUM139" s="23"/>
      <c r="PUN139" s="23"/>
      <c r="PUO139" s="23"/>
      <c r="PUP139" s="23"/>
      <c r="PUQ139" s="23"/>
      <c r="PUR139" s="23"/>
      <c r="PUS139" s="23"/>
      <c r="PUT139" s="23"/>
      <c r="PUU139" s="23"/>
      <c r="PUV139" s="23"/>
      <c r="PUW139" s="23"/>
      <c r="PUX139" s="23"/>
      <c r="PUY139" s="23"/>
      <c r="PUZ139" s="23"/>
      <c r="PVA139" s="23"/>
      <c r="PVB139" s="23"/>
      <c r="PVC139" s="23"/>
      <c r="PVD139" s="23"/>
      <c r="PVE139" s="23"/>
      <c r="PVF139" s="23"/>
      <c r="PVG139" s="23"/>
      <c r="PVH139" s="23"/>
      <c r="PVI139" s="23"/>
      <c r="PVJ139" s="23"/>
      <c r="PVK139" s="23"/>
      <c r="PVL139" s="23"/>
      <c r="PVM139" s="23"/>
      <c r="PVN139" s="23"/>
      <c r="PVO139" s="23"/>
      <c r="PVP139" s="23"/>
      <c r="PVQ139" s="23"/>
      <c r="PVR139" s="23"/>
      <c r="PVS139" s="23"/>
      <c r="PVT139" s="23"/>
      <c r="PVU139" s="23"/>
      <c r="PVV139" s="23"/>
      <c r="PVW139" s="23"/>
      <c r="PVX139" s="23"/>
      <c r="PVY139" s="23"/>
      <c r="PVZ139" s="23"/>
      <c r="PWA139" s="23"/>
      <c r="PWB139" s="23"/>
      <c r="PWC139" s="23"/>
      <c r="PWD139" s="23"/>
      <c r="PWE139" s="23"/>
      <c r="PWF139" s="23"/>
      <c r="PWG139" s="23"/>
      <c r="PWH139" s="23"/>
      <c r="PWI139" s="23"/>
      <c r="PWJ139" s="23"/>
      <c r="PWK139" s="23"/>
      <c r="PWL139" s="23"/>
      <c r="PWM139" s="23"/>
      <c r="PWN139" s="23"/>
      <c r="PWO139" s="23"/>
      <c r="PWP139" s="23"/>
      <c r="PWQ139" s="23"/>
      <c r="PWR139" s="23"/>
      <c r="PWS139" s="23"/>
      <c r="PWT139" s="23"/>
      <c r="PWU139" s="23"/>
      <c r="PWV139" s="23"/>
      <c r="PWW139" s="23"/>
      <c r="PWX139" s="23"/>
      <c r="PWY139" s="23"/>
      <c r="PWZ139" s="23"/>
      <c r="PXA139" s="23"/>
      <c r="PXB139" s="23"/>
      <c r="PXC139" s="23"/>
      <c r="PXD139" s="23"/>
      <c r="PXE139" s="23"/>
      <c r="PXF139" s="23"/>
      <c r="PXG139" s="23"/>
      <c r="PXH139" s="23"/>
      <c r="PXI139" s="23"/>
      <c r="PXJ139" s="23"/>
      <c r="PXK139" s="23"/>
      <c r="PXL139" s="23"/>
      <c r="PXM139" s="23"/>
      <c r="PXN139" s="23"/>
      <c r="PXO139" s="23"/>
      <c r="PXP139" s="23"/>
      <c r="PXQ139" s="23"/>
      <c r="PXR139" s="23"/>
      <c r="PXS139" s="23"/>
      <c r="PXT139" s="23"/>
      <c r="PXU139" s="23"/>
      <c r="PXV139" s="23"/>
      <c r="PXW139" s="23"/>
      <c r="PXX139" s="23"/>
      <c r="PXY139" s="23"/>
      <c r="PXZ139" s="23"/>
      <c r="PYA139" s="23"/>
      <c r="PYB139" s="23"/>
      <c r="PYC139" s="23"/>
      <c r="PYD139" s="23"/>
      <c r="PYE139" s="23"/>
      <c r="PYF139" s="23"/>
      <c r="PYG139" s="23"/>
      <c r="PYH139" s="23"/>
      <c r="PYI139" s="23"/>
      <c r="PYJ139" s="23"/>
      <c r="PYK139" s="23"/>
      <c r="PYL139" s="23"/>
      <c r="PYM139" s="23"/>
      <c r="PYN139" s="23"/>
      <c r="PYO139" s="23"/>
      <c r="PYP139" s="23"/>
      <c r="PYQ139" s="23"/>
      <c r="PYR139" s="23"/>
      <c r="PYS139" s="23"/>
      <c r="PYT139" s="23"/>
      <c r="PYU139" s="23"/>
      <c r="PYV139" s="23"/>
      <c r="PYW139" s="23"/>
      <c r="PYX139" s="23"/>
      <c r="PYY139" s="23"/>
      <c r="PYZ139" s="23"/>
      <c r="PZA139" s="23"/>
      <c r="PZB139" s="23"/>
      <c r="PZC139" s="23"/>
      <c r="PZD139" s="23"/>
      <c r="PZE139" s="23"/>
      <c r="PZF139" s="23"/>
      <c r="PZG139" s="23"/>
      <c r="PZH139" s="23"/>
      <c r="PZI139" s="23"/>
      <c r="PZJ139" s="23"/>
      <c r="PZK139" s="23"/>
      <c r="PZL139" s="23"/>
      <c r="PZM139" s="23"/>
      <c r="PZN139" s="23"/>
      <c r="PZO139" s="23"/>
      <c r="PZP139" s="23"/>
      <c r="PZQ139" s="23"/>
      <c r="PZR139" s="23"/>
      <c r="PZS139" s="23"/>
      <c r="PZT139" s="23"/>
      <c r="PZU139" s="23"/>
      <c r="PZV139" s="23"/>
      <c r="PZW139" s="23"/>
      <c r="PZX139" s="23"/>
      <c r="PZY139" s="23"/>
      <c r="PZZ139" s="23"/>
      <c r="QAA139" s="23"/>
      <c r="QAB139" s="23"/>
      <c r="QAC139" s="23"/>
      <c r="QAD139" s="23"/>
      <c r="QAE139" s="23"/>
      <c r="QAF139" s="23"/>
      <c r="QAG139" s="23"/>
      <c r="QAH139" s="23"/>
      <c r="QAI139" s="23"/>
      <c r="QAJ139" s="23"/>
      <c r="QAK139" s="23"/>
      <c r="QAL139" s="23"/>
      <c r="QAM139" s="23"/>
      <c r="QAN139" s="23"/>
      <c r="QAO139" s="23"/>
      <c r="QAP139" s="23"/>
      <c r="QAQ139" s="23"/>
      <c r="QAR139" s="23"/>
      <c r="QAS139" s="23"/>
      <c r="QAT139" s="23"/>
      <c r="QAU139" s="23"/>
      <c r="QAV139" s="23"/>
      <c r="QAW139" s="23"/>
      <c r="QAX139" s="23"/>
      <c r="QAY139" s="23"/>
      <c r="QAZ139" s="23"/>
      <c r="QBA139" s="23"/>
      <c r="QBB139" s="23"/>
      <c r="QBC139" s="23"/>
      <c r="QBD139" s="23"/>
      <c r="QBE139" s="23"/>
      <c r="QBF139" s="23"/>
      <c r="QBG139" s="23"/>
      <c r="QBH139" s="23"/>
      <c r="QBI139" s="23"/>
      <c r="QBJ139" s="23"/>
      <c r="QBK139" s="23"/>
      <c r="QBL139" s="23"/>
      <c r="QBM139" s="23"/>
      <c r="QBN139" s="23"/>
      <c r="QBO139" s="23"/>
      <c r="QBP139" s="23"/>
      <c r="QBQ139" s="23"/>
      <c r="QBR139" s="23"/>
      <c r="QBS139" s="23"/>
      <c r="QBT139" s="23"/>
      <c r="QBU139" s="23"/>
      <c r="QBV139" s="23"/>
      <c r="QBW139" s="23"/>
      <c r="QBX139" s="23"/>
      <c r="QBY139" s="23"/>
      <c r="QBZ139" s="23"/>
      <c r="QCA139" s="23"/>
      <c r="QCB139" s="23"/>
      <c r="QCC139" s="23"/>
      <c r="QCD139" s="23"/>
      <c r="QCE139" s="23"/>
      <c r="QCF139" s="23"/>
      <c r="QCG139" s="23"/>
      <c r="QCH139" s="23"/>
      <c r="QCI139" s="23"/>
      <c r="QCJ139" s="23"/>
      <c r="QCK139" s="23"/>
      <c r="QCL139" s="23"/>
      <c r="QCM139" s="23"/>
      <c r="QCN139" s="23"/>
      <c r="QCO139" s="23"/>
      <c r="QCP139" s="23"/>
      <c r="QCQ139" s="23"/>
      <c r="QCR139" s="23"/>
      <c r="QCS139" s="23"/>
      <c r="QCT139" s="23"/>
      <c r="QCU139" s="23"/>
      <c r="QCV139" s="23"/>
      <c r="QCW139" s="23"/>
      <c r="QCX139" s="23"/>
      <c r="QCY139" s="23"/>
      <c r="QCZ139" s="23"/>
      <c r="QDA139" s="23"/>
      <c r="QDB139" s="23"/>
      <c r="QDC139" s="23"/>
      <c r="QDD139" s="23"/>
      <c r="QDE139" s="23"/>
      <c r="QDF139" s="23"/>
      <c r="QDG139" s="23"/>
      <c r="QDH139" s="23"/>
      <c r="QDI139" s="23"/>
      <c r="QDJ139" s="23"/>
      <c r="QDK139" s="23"/>
      <c r="QDL139" s="23"/>
      <c r="QDM139" s="23"/>
      <c r="QDN139" s="23"/>
      <c r="QDO139" s="23"/>
      <c r="QDP139" s="23"/>
      <c r="QDQ139" s="23"/>
      <c r="QDR139" s="23"/>
      <c r="QDS139" s="23"/>
      <c r="QDT139" s="23"/>
      <c r="QDU139" s="23"/>
      <c r="QDV139" s="23"/>
      <c r="QDW139" s="23"/>
      <c r="QDX139" s="23"/>
      <c r="QDY139" s="23"/>
      <c r="QDZ139" s="23"/>
      <c r="QEA139" s="23"/>
      <c r="QEB139" s="23"/>
      <c r="QEC139" s="23"/>
      <c r="QED139" s="23"/>
      <c r="QEE139" s="23"/>
      <c r="QEF139" s="23"/>
      <c r="QEG139" s="23"/>
      <c r="QEH139" s="23"/>
      <c r="QEI139" s="23"/>
      <c r="QEJ139" s="23"/>
      <c r="QEK139" s="23"/>
      <c r="QEL139" s="23"/>
      <c r="QEM139" s="23"/>
      <c r="QEN139" s="23"/>
      <c r="QEO139" s="23"/>
      <c r="QEP139" s="23"/>
      <c r="QEQ139" s="23"/>
      <c r="QER139" s="23"/>
      <c r="QES139" s="23"/>
      <c r="QET139" s="23"/>
      <c r="QEU139" s="23"/>
      <c r="QEV139" s="23"/>
      <c r="QEW139" s="23"/>
      <c r="QEX139" s="23"/>
      <c r="QEY139" s="23"/>
      <c r="QEZ139" s="23"/>
      <c r="QFA139" s="23"/>
      <c r="QFB139" s="23"/>
      <c r="QFC139" s="23"/>
      <c r="QFD139" s="23"/>
      <c r="QFE139" s="23"/>
      <c r="QFF139" s="23"/>
      <c r="QFG139" s="23"/>
      <c r="QFH139" s="23"/>
      <c r="QFI139" s="23"/>
      <c r="QFJ139" s="23"/>
      <c r="QFK139" s="23"/>
      <c r="QFL139" s="23"/>
      <c r="QFM139" s="23"/>
      <c r="QFN139" s="23"/>
      <c r="QFO139" s="23"/>
      <c r="QFP139" s="23"/>
      <c r="QFQ139" s="23"/>
      <c r="QFR139" s="23"/>
      <c r="QFS139" s="23"/>
      <c r="QFT139" s="23"/>
      <c r="QFU139" s="23"/>
      <c r="QFV139" s="23"/>
      <c r="QFW139" s="23"/>
      <c r="QFX139" s="23"/>
      <c r="QFY139" s="23"/>
      <c r="QFZ139" s="23"/>
      <c r="QGA139" s="23"/>
      <c r="QGB139" s="23"/>
      <c r="QGC139" s="23"/>
      <c r="QGD139" s="23"/>
      <c r="QGE139" s="23"/>
      <c r="QGF139" s="23"/>
      <c r="QGG139" s="23"/>
      <c r="QGH139" s="23"/>
      <c r="QGI139" s="23"/>
      <c r="QGJ139" s="23"/>
      <c r="QGK139" s="23"/>
      <c r="QGL139" s="23"/>
      <c r="QGM139" s="23"/>
      <c r="QGN139" s="23"/>
      <c r="QGO139" s="23"/>
      <c r="QGP139" s="23"/>
      <c r="QGQ139" s="23"/>
      <c r="QGR139" s="23"/>
      <c r="QGS139" s="23"/>
      <c r="QGT139" s="23"/>
      <c r="QGU139" s="23"/>
      <c r="QGV139" s="23"/>
      <c r="QGW139" s="23"/>
      <c r="QGX139" s="23"/>
      <c r="QGY139" s="23"/>
      <c r="QGZ139" s="23"/>
      <c r="QHA139" s="23"/>
      <c r="QHB139" s="23"/>
      <c r="QHC139" s="23"/>
      <c r="QHD139" s="23"/>
      <c r="QHE139" s="23"/>
      <c r="QHF139" s="23"/>
      <c r="QHG139" s="23"/>
      <c r="QHH139" s="23"/>
      <c r="QHI139" s="23"/>
      <c r="QHJ139" s="23"/>
      <c r="QHK139" s="23"/>
      <c r="QHL139" s="23"/>
      <c r="QHM139" s="23"/>
      <c r="QHN139" s="23"/>
      <c r="QHO139" s="23"/>
      <c r="QHP139" s="23"/>
      <c r="QHQ139" s="23"/>
      <c r="QHR139" s="23"/>
      <c r="QHS139" s="23"/>
      <c r="QHT139" s="23"/>
      <c r="QHU139" s="23"/>
      <c r="QHV139" s="23"/>
      <c r="QHW139" s="23"/>
      <c r="QHX139" s="23"/>
      <c r="QHY139" s="23"/>
      <c r="QHZ139" s="23"/>
      <c r="QIA139" s="23"/>
      <c r="QIB139" s="23"/>
      <c r="QIC139" s="23"/>
      <c r="QID139" s="23"/>
      <c r="QIE139" s="23"/>
      <c r="QIF139" s="23"/>
      <c r="QIG139" s="23"/>
      <c r="QIH139" s="23"/>
      <c r="QII139" s="23"/>
      <c r="QIJ139" s="23"/>
      <c r="QIK139" s="23"/>
      <c r="QIL139" s="23"/>
      <c r="QIM139" s="23"/>
      <c r="QIN139" s="23"/>
      <c r="QIO139" s="23"/>
      <c r="QIP139" s="23"/>
      <c r="QIQ139" s="23"/>
      <c r="QIR139" s="23"/>
      <c r="QIS139" s="23"/>
      <c r="QIT139" s="23"/>
      <c r="QIU139" s="23"/>
      <c r="QIV139" s="23"/>
      <c r="QIW139" s="23"/>
      <c r="QIX139" s="23"/>
      <c r="QIY139" s="23"/>
      <c r="QIZ139" s="23"/>
      <c r="QJA139" s="23"/>
      <c r="QJB139" s="23"/>
      <c r="QJC139" s="23"/>
      <c r="QJD139" s="23"/>
      <c r="QJE139" s="23"/>
      <c r="QJF139" s="23"/>
      <c r="QJG139" s="23"/>
      <c r="QJH139" s="23"/>
      <c r="QJI139" s="23"/>
      <c r="QJJ139" s="23"/>
      <c r="QJK139" s="23"/>
      <c r="QJL139" s="23"/>
      <c r="QJM139" s="23"/>
      <c r="QJN139" s="23"/>
      <c r="QJO139" s="23"/>
      <c r="QJP139" s="23"/>
      <c r="QJQ139" s="23"/>
      <c r="QJR139" s="23"/>
      <c r="QJS139" s="23"/>
      <c r="QJT139" s="23"/>
      <c r="QJU139" s="23"/>
      <c r="QJV139" s="23"/>
      <c r="QJW139" s="23"/>
      <c r="QJX139" s="23"/>
      <c r="QJY139" s="23"/>
      <c r="QJZ139" s="23"/>
      <c r="QKA139" s="23"/>
      <c r="QKB139" s="23"/>
      <c r="QKC139" s="23"/>
      <c r="QKD139" s="23"/>
      <c r="QKE139" s="23"/>
      <c r="QKF139" s="23"/>
      <c r="QKG139" s="23"/>
      <c r="QKH139" s="23"/>
      <c r="QKI139" s="23"/>
      <c r="QKJ139" s="23"/>
      <c r="QKK139" s="23"/>
      <c r="QKL139" s="23"/>
      <c r="QKM139" s="23"/>
      <c r="QKN139" s="23"/>
      <c r="QKO139" s="23"/>
      <c r="QKP139" s="23"/>
      <c r="QKQ139" s="23"/>
      <c r="QKR139" s="23"/>
      <c r="QKS139" s="23"/>
      <c r="QKT139" s="23"/>
      <c r="QKU139" s="23"/>
      <c r="QKV139" s="23"/>
      <c r="QKW139" s="23"/>
      <c r="QKX139" s="23"/>
      <c r="QKY139" s="23"/>
      <c r="QKZ139" s="23"/>
      <c r="QLA139" s="23"/>
      <c r="QLB139" s="23"/>
      <c r="QLC139" s="23"/>
      <c r="QLD139" s="23"/>
      <c r="QLE139" s="23"/>
      <c r="QLF139" s="23"/>
      <c r="QLG139" s="23"/>
      <c r="QLH139" s="23"/>
      <c r="QLI139" s="23"/>
      <c r="QLJ139" s="23"/>
      <c r="QLK139" s="23"/>
      <c r="QLL139" s="23"/>
      <c r="QLM139" s="23"/>
      <c r="QLN139" s="23"/>
      <c r="QLO139" s="23"/>
      <c r="QLP139" s="23"/>
      <c r="QLQ139" s="23"/>
      <c r="QLR139" s="23"/>
      <c r="QLS139" s="23"/>
      <c r="QLT139" s="23"/>
      <c r="QLU139" s="23"/>
      <c r="QLV139" s="23"/>
      <c r="QLW139" s="23"/>
      <c r="QLX139" s="23"/>
      <c r="QLY139" s="23"/>
      <c r="QLZ139" s="23"/>
      <c r="QMA139" s="23"/>
      <c r="QMB139" s="23"/>
      <c r="QMC139" s="23"/>
      <c r="QMD139" s="23"/>
      <c r="QME139" s="23"/>
      <c r="QMF139" s="23"/>
      <c r="QMG139" s="23"/>
      <c r="QMH139" s="23"/>
      <c r="QMI139" s="23"/>
      <c r="QMJ139" s="23"/>
      <c r="QMK139" s="23"/>
      <c r="QML139" s="23"/>
      <c r="QMM139" s="23"/>
      <c r="QMN139" s="23"/>
      <c r="QMO139" s="23"/>
      <c r="QMP139" s="23"/>
      <c r="QMQ139" s="23"/>
      <c r="QMR139" s="23"/>
      <c r="QMS139" s="23"/>
      <c r="QMT139" s="23"/>
      <c r="QMU139" s="23"/>
      <c r="QMV139" s="23"/>
      <c r="QMW139" s="23"/>
      <c r="QMX139" s="23"/>
      <c r="QMY139" s="23"/>
      <c r="QMZ139" s="23"/>
      <c r="QNA139" s="23"/>
      <c r="QNB139" s="23"/>
      <c r="QNC139" s="23"/>
      <c r="QND139" s="23"/>
      <c r="QNE139" s="23"/>
      <c r="QNF139" s="23"/>
      <c r="QNG139" s="23"/>
      <c r="QNH139" s="23"/>
      <c r="QNI139" s="23"/>
      <c r="QNJ139" s="23"/>
      <c r="QNK139" s="23"/>
      <c r="QNL139" s="23"/>
      <c r="QNM139" s="23"/>
      <c r="QNN139" s="23"/>
      <c r="QNO139" s="23"/>
      <c r="QNP139" s="23"/>
      <c r="QNQ139" s="23"/>
      <c r="QNR139" s="23"/>
      <c r="QNS139" s="23"/>
      <c r="QNT139" s="23"/>
      <c r="QNU139" s="23"/>
      <c r="QNV139" s="23"/>
      <c r="QNW139" s="23"/>
      <c r="QNX139" s="23"/>
      <c r="QNY139" s="23"/>
      <c r="QNZ139" s="23"/>
      <c r="QOA139" s="23"/>
      <c r="QOB139" s="23"/>
      <c r="QOC139" s="23"/>
      <c r="QOD139" s="23"/>
      <c r="QOE139" s="23"/>
      <c r="QOF139" s="23"/>
      <c r="QOG139" s="23"/>
      <c r="QOH139" s="23"/>
      <c r="QOI139" s="23"/>
      <c r="QOJ139" s="23"/>
      <c r="QOK139" s="23"/>
      <c r="QOL139" s="23"/>
      <c r="QOM139" s="23"/>
      <c r="QON139" s="23"/>
      <c r="QOO139" s="23"/>
      <c r="QOP139" s="23"/>
      <c r="QOQ139" s="23"/>
      <c r="QOR139" s="23"/>
      <c r="QOS139" s="23"/>
      <c r="QOT139" s="23"/>
      <c r="QOU139" s="23"/>
      <c r="QOV139" s="23"/>
      <c r="QOW139" s="23"/>
      <c r="QOX139" s="23"/>
      <c r="QOY139" s="23"/>
      <c r="QOZ139" s="23"/>
      <c r="QPA139" s="23"/>
      <c r="QPB139" s="23"/>
      <c r="QPC139" s="23"/>
      <c r="QPD139" s="23"/>
      <c r="QPE139" s="23"/>
      <c r="QPF139" s="23"/>
      <c r="QPG139" s="23"/>
      <c r="QPH139" s="23"/>
      <c r="QPI139" s="23"/>
      <c r="QPJ139" s="23"/>
      <c r="QPK139" s="23"/>
      <c r="QPL139" s="23"/>
      <c r="QPM139" s="23"/>
      <c r="QPN139" s="23"/>
      <c r="QPO139" s="23"/>
      <c r="QPP139" s="23"/>
      <c r="QPQ139" s="23"/>
      <c r="QPR139" s="23"/>
      <c r="QPS139" s="23"/>
      <c r="QPT139" s="23"/>
      <c r="QPU139" s="23"/>
      <c r="QPV139" s="23"/>
      <c r="QPW139" s="23"/>
      <c r="QPX139" s="23"/>
      <c r="QPY139" s="23"/>
      <c r="QPZ139" s="23"/>
      <c r="QQA139" s="23"/>
      <c r="QQB139" s="23"/>
      <c r="QQC139" s="23"/>
      <c r="QQD139" s="23"/>
      <c r="QQE139" s="23"/>
      <c r="QQF139" s="23"/>
      <c r="QQG139" s="23"/>
      <c r="QQH139" s="23"/>
      <c r="QQI139" s="23"/>
      <c r="QQJ139" s="23"/>
      <c r="QQK139" s="23"/>
      <c r="QQL139" s="23"/>
      <c r="QQM139" s="23"/>
      <c r="QQN139" s="23"/>
      <c r="QQO139" s="23"/>
      <c r="QQP139" s="23"/>
      <c r="QQQ139" s="23"/>
      <c r="QQR139" s="23"/>
      <c r="QQS139" s="23"/>
      <c r="QQT139" s="23"/>
      <c r="QQU139" s="23"/>
      <c r="QQV139" s="23"/>
      <c r="QQW139" s="23"/>
      <c r="QQX139" s="23"/>
      <c r="QQY139" s="23"/>
      <c r="QQZ139" s="23"/>
      <c r="QRA139" s="23"/>
      <c r="QRB139" s="23"/>
      <c r="QRC139" s="23"/>
      <c r="QRD139" s="23"/>
      <c r="QRE139" s="23"/>
      <c r="QRF139" s="23"/>
      <c r="QRG139" s="23"/>
      <c r="QRH139" s="23"/>
      <c r="QRI139" s="23"/>
      <c r="QRJ139" s="23"/>
      <c r="QRK139" s="23"/>
      <c r="QRL139" s="23"/>
      <c r="QRM139" s="23"/>
      <c r="QRN139" s="23"/>
      <c r="QRO139" s="23"/>
      <c r="QRP139" s="23"/>
      <c r="QRQ139" s="23"/>
      <c r="QRR139" s="23"/>
      <c r="QRS139" s="23"/>
      <c r="QRT139" s="23"/>
      <c r="QRU139" s="23"/>
      <c r="QRV139" s="23"/>
      <c r="QRW139" s="23"/>
      <c r="QRX139" s="23"/>
      <c r="QRY139" s="23"/>
      <c r="QRZ139" s="23"/>
      <c r="QSA139" s="23"/>
      <c r="QSB139" s="23"/>
      <c r="QSC139" s="23"/>
      <c r="QSD139" s="23"/>
      <c r="QSE139" s="23"/>
      <c r="QSF139" s="23"/>
      <c r="QSG139" s="23"/>
      <c r="QSH139" s="23"/>
      <c r="QSI139" s="23"/>
      <c r="QSJ139" s="23"/>
      <c r="QSK139" s="23"/>
      <c r="QSL139" s="23"/>
      <c r="QSM139" s="23"/>
      <c r="QSN139" s="23"/>
      <c r="QSO139" s="23"/>
      <c r="QSP139" s="23"/>
      <c r="QSQ139" s="23"/>
      <c r="QSR139" s="23"/>
      <c r="QSS139" s="23"/>
      <c r="QST139" s="23"/>
      <c r="QSU139" s="23"/>
      <c r="QSV139" s="23"/>
      <c r="QSW139" s="23"/>
      <c r="QSX139" s="23"/>
      <c r="QSY139" s="23"/>
      <c r="QSZ139" s="23"/>
      <c r="QTA139" s="23"/>
      <c r="QTB139" s="23"/>
      <c r="QTC139" s="23"/>
      <c r="QTD139" s="23"/>
      <c r="QTE139" s="23"/>
      <c r="QTF139" s="23"/>
      <c r="QTG139" s="23"/>
      <c r="QTH139" s="23"/>
      <c r="QTI139" s="23"/>
      <c r="QTJ139" s="23"/>
      <c r="QTK139" s="23"/>
      <c r="QTL139" s="23"/>
      <c r="QTM139" s="23"/>
      <c r="QTN139" s="23"/>
      <c r="QTO139" s="23"/>
      <c r="QTP139" s="23"/>
      <c r="QTQ139" s="23"/>
      <c r="QTR139" s="23"/>
      <c r="QTS139" s="23"/>
      <c r="QTT139" s="23"/>
      <c r="QTU139" s="23"/>
      <c r="QTV139" s="23"/>
      <c r="QTW139" s="23"/>
      <c r="QTX139" s="23"/>
      <c r="QTY139" s="23"/>
      <c r="QTZ139" s="23"/>
      <c r="QUA139" s="23"/>
      <c r="QUB139" s="23"/>
      <c r="QUC139" s="23"/>
      <c r="QUD139" s="23"/>
      <c r="QUE139" s="23"/>
      <c r="QUF139" s="23"/>
      <c r="QUG139" s="23"/>
      <c r="QUH139" s="23"/>
      <c r="QUI139" s="23"/>
      <c r="QUJ139" s="23"/>
      <c r="QUK139" s="23"/>
      <c r="QUL139" s="23"/>
      <c r="QUM139" s="23"/>
      <c r="QUN139" s="23"/>
      <c r="QUO139" s="23"/>
      <c r="QUP139" s="23"/>
      <c r="QUQ139" s="23"/>
      <c r="QUR139" s="23"/>
      <c r="QUS139" s="23"/>
      <c r="QUT139" s="23"/>
      <c r="QUU139" s="23"/>
      <c r="QUV139" s="23"/>
      <c r="QUW139" s="23"/>
      <c r="QUX139" s="23"/>
      <c r="QUY139" s="23"/>
      <c r="QUZ139" s="23"/>
      <c r="QVA139" s="23"/>
      <c r="QVB139" s="23"/>
      <c r="QVC139" s="23"/>
      <c r="QVD139" s="23"/>
      <c r="QVE139" s="23"/>
      <c r="QVF139" s="23"/>
      <c r="QVG139" s="23"/>
      <c r="QVH139" s="23"/>
      <c r="QVI139" s="23"/>
      <c r="QVJ139" s="23"/>
      <c r="QVK139" s="23"/>
      <c r="QVL139" s="23"/>
      <c r="QVM139" s="23"/>
      <c r="QVN139" s="23"/>
      <c r="QVO139" s="23"/>
      <c r="QVP139" s="23"/>
      <c r="QVQ139" s="23"/>
      <c r="QVR139" s="23"/>
      <c r="QVS139" s="23"/>
      <c r="QVT139" s="23"/>
      <c r="QVU139" s="23"/>
      <c r="QVV139" s="23"/>
      <c r="QVW139" s="23"/>
      <c r="QVX139" s="23"/>
      <c r="QVY139" s="23"/>
      <c r="QVZ139" s="23"/>
      <c r="QWA139" s="23"/>
      <c r="QWB139" s="23"/>
      <c r="QWC139" s="23"/>
      <c r="QWD139" s="23"/>
      <c r="QWE139" s="23"/>
      <c r="QWF139" s="23"/>
      <c r="QWG139" s="23"/>
      <c r="QWH139" s="23"/>
      <c r="QWI139" s="23"/>
      <c r="QWJ139" s="23"/>
      <c r="QWK139" s="23"/>
      <c r="QWL139" s="23"/>
      <c r="QWM139" s="23"/>
      <c r="QWN139" s="23"/>
      <c r="QWO139" s="23"/>
      <c r="QWP139" s="23"/>
      <c r="QWQ139" s="23"/>
      <c r="QWR139" s="23"/>
      <c r="QWS139" s="23"/>
      <c r="QWT139" s="23"/>
      <c r="QWU139" s="23"/>
      <c r="QWV139" s="23"/>
      <c r="QWW139" s="23"/>
      <c r="QWX139" s="23"/>
      <c r="QWY139" s="23"/>
      <c r="QWZ139" s="23"/>
      <c r="QXA139" s="23"/>
      <c r="QXB139" s="23"/>
      <c r="QXC139" s="23"/>
      <c r="QXD139" s="23"/>
      <c r="QXE139" s="23"/>
      <c r="QXF139" s="23"/>
      <c r="QXG139" s="23"/>
      <c r="QXH139" s="23"/>
      <c r="QXI139" s="23"/>
      <c r="QXJ139" s="23"/>
      <c r="QXK139" s="23"/>
      <c r="QXL139" s="23"/>
      <c r="QXM139" s="23"/>
      <c r="QXN139" s="23"/>
      <c r="QXO139" s="23"/>
      <c r="QXP139" s="23"/>
      <c r="QXQ139" s="23"/>
      <c r="QXR139" s="23"/>
      <c r="QXS139" s="23"/>
      <c r="QXT139" s="23"/>
      <c r="QXU139" s="23"/>
      <c r="QXV139" s="23"/>
      <c r="QXW139" s="23"/>
      <c r="QXX139" s="23"/>
      <c r="QXY139" s="23"/>
      <c r="QXZ139" s="23"/>
      <c r="QYA139" s="23"/>
      <c r="QYB139" s="23"/>
      <c r="QYC139" s="23"/>
      <c r="QYD139" s="23"/>
      <c r="QYE139" s="23"/>
      <c r="QYF139" s="23"/>
      <c r="QYG139" s="23"/>
      <c r="QYH139" s="23"/>
      <c r="QYI139" s="23"/>
      <c r="QYJ139" s="23"/>
      <c r="QYK139" s="23"/>
      <c r="QYL139" s="23"/>
      <c r="QYM139" s="23"/>
      <c r="QYN139" s="23"/>
      <c r="QYO139" s="23"/>
      <c r="QYP139" s="23"/>
      <c r="QYQ139" s="23"/>
      <c r="QYR139" s="23"/>
      <c r="QYS139" s="23"/>
      <c r="QYT139" s="23"/>
      <c r="QYU139" s="23"/>
      <c r="QYV139" s="23"/>
      <c r="QYW139" s="23"/>
      <c r="QYX139" s="23"/>
      <c r="QYY139" s="23"/>
      <c r="QYZ139" s="23"/>
      <c r="QZA139" s="23"/>
      <c r="QZB139" s="23"/>
      <c r="QZC139" s="23"/>
      <c r="QZD139" s="23"/>
      <c r="QZE139" s="23"/>
      <c r="QZF139" s="23"/>
      <c r="QZG139" s="23"/>
      <c r="QZH139" s="23"/>
      <c r="QZI139" s="23"/>
      <c r="QZJ139" s="23"/>
      <c r="QZK139" s="23"/>
      <c r="QZL139" s="23"/>
      <c r="QZM139" s="23"/>
      <c r="QZN139" s="23"/>
      <c r="QZO139" s="23"/>
      <c r="QZP139" s="23"/>
      <c r="QZQ139" s="23"/>
      <c r="QZR139" s="23"/>
      <c r="QZS139" s="23"/>
      <c r="QZT139" s="23"/>
      <c r="QZU139" s="23"/>
      <c r="QZV139" s="23"/>
      <c r="QZW139" s="23"/>
      <c r="QZX139" s="23"/>
      <c r="QZY139" s="23"/>
      <c r="QZZ139" s="23"/>
      <c r="RAA139" s="23"/>
      <c r="RAB139" s="23"/>
      <c r="RAC139" s="23"/>
      <c r="RAD139" s="23"/>
      <c r="RAE139" s="23"/>
      <c r="RAF139" s="23"/>
      <c r="RAG139" s="23"/>
      <c r="RAH139" s="23"/>
      <c r="RAI139" s="23"/>
      <c r="RAJ139" s="23"/>
      <c r="RAK139" s="23"/>
      <c r="RAL139" s="23"/>
      <c r="RAM139" s="23"/>
      <c r="RAN139" s="23"/>
      <c r="RAO139" s="23"/>
      <c r="RAP139" s="23"/>
      <c r="RAQ139" s="23"/>
      <c r="RAR139" s="23"/>
      <c r="RAS139" s="23"/>
      <c r="RAT139" s="23"/>
      <c r="RAU139" s="23"/>
      <c r="RAV139" s="23"/>
      <c r="RAW139" s="23"/>
      <c r="RAX139" s="23"/>
      <c r="RAY139" s="23"/>
      <c r="RAZ139" s="23"/>
      <c r="RBA139" s="23"/>
      <c r="RBB139" s="23"/>
      <c r="RBC139" s="23"/>
      <c r="RBD139" s="23"/>
      <c r="RBE139" s="23"/>
      <c r="RBF139" s="23"/>
      <c r="RBG139" s="23"/>
      <c r="RBH139" s="23"/>
      <c r="RBI139" s="23"/>
      <c r="RBJ139" s="23"/>
      <c r="RBK139" s="23"/>
      <c r="RBL139" s="23"/>
      <c r="RBM139" s="23"/>
      <c r="RBN139" s="23"/>
      <c r="RBO139" s="23"/>
      <c r="RBP139" s="23"/>
      <c r="RBQ139" s="23"/>
      <c r="RBR139" s="23"/>
      <c r="RBS139" s="23"/>
      <c r="RBT139" s="23"/>
      <c r="RBU139" s="23"/>
      <c r="RBV139" s="23"/>
      <c r="RBW139" s="23"/>
      <c r="RBX139" s="23"/>
      <c r="RBY139" s="23"/>
      <c r="RBZ139" s="23"/>
      <c r="RCA139" s="23"/>
      <c r="RCB139" s="23"/>
      <c r="RCC139" s="23"/>
      <c r="RCD139" s="23"/>
      <c r="RCE139" s="23"/>
      <c r="RCF139" s="23"/>
      <c r="RCG139" s="23"/>
      <c r="RCH139" s="23"/>
      <c r="RCI139" s="23"/>
      <c r="RCJ139" s="23"/>
      <c r="RCK139" s="23"/>
      <c r="RCL139" s="23"/>
      <c r="RCM139" s="23"/>
      <c r="RCN139" s="23"/>
      <c r="RCO139" s="23"/>
      <c r="RCP139" s="23"/>
      <c r="RCQ139" s="23"/>
      <c r="RCR139" s="23"/>
      <c r="RCS139" s="23"/>
      <c r="RCT139" s="23"/>
      <c r="RCU139" s="23"/>
      <c r="RCV139" s="23"/>
      <c r="RCW139" s="23"/>
      <c r="RCX139" s="23"/>
      <c r="RCY139" s="23"/>
      <c r="RCZ139" s="23"/>
      <c r="RDA139" s="23"/>
      <c r="RDB139" s="23"/>
      <c r="RDC139" s="23"/>
      <c r="RDD139" s="23"/>
      <c r="RDE139" s="23"/>
      <c r="RDF139" s="23"/>
      <c r="RDG139" s="23"/>
      <c r="RDH139" s="23"/>
      <c r="RDI139" s="23"/>
      <c r="RDJ139" s="23"/>
      <c r="RDK139" s="23"/>
      <c r="RDL139" s="23"/>
      <c r="RDM139" s="23"/>
      <c r="RDN139" s="23"/>
      <c r="RDO139" s="23"/>
      <c r="RDP139" s="23"/>
      <c r="RDQ139" s="23"/>
      <c r="RDR139" s="23"/>
      <c r="RDS139" s="23"/>
      <c r="RDT139" s="23"/>
      <c r="RDU139" s="23"/>
      <c r="RDV139" s="23"/>
      <c r="RDW139" s="23"/>
      <c r="RDX139" s="23"/>
      <c r="RDY139" s="23"/>
      <c r="RDZ139" s="23"/>
      <c r="REA139" s="23"/>
      <c r="REB139" s="23"/>
      <c r="REC139" s="23"/>
      <c r="RED139" s="23"/>
      <c r="REE139" s="23"/>
      <c r="REF139" s="23"/>
      <c r="REG139" s="23"/>
      <c r="REH139" s="23"/>
      <c r="REI139" s="23"/>
      <c r="REJ139" s="23"/>
      <c r="REK139" s="23"/>
      <c r="REL139" s="23"/>
      <c r="REM139" s="23"/>
      <c r="REN139" s="23"/>
      <c r="REO139" s="23"/>
      <c r="REP139" s="23"/>
      <c r="REQ139" s="23"/>
      <c r="RER139" s="23"/>
      <c r="RES139" s="23"/>
      <c r="RET139" s="23"/>
      <c r="REU139" s="23"/>
      <c r="REV139" s="23"/>
      <c r="REW139" s="23"/>
      <c r="REX139" s="23"/>
      <c r="REY139" s="23"/>
      <c r="REZ139" s="23"/>
      <c r="RFA139" s="23"/>
      <c r="RFB139" s="23"/>
      <c r="RFC139" s="23"/>
      <c r="RFD139" s="23"/>
      <c r="RFE139" s="23"/>
      <c r="RFF139" s="23"/>
      <c r="RFG139" s="23"/>
      <c r="RFH139" s="23"/>
      <c r="RFI139" s="23"/>
      <c r="RFJ139" s="23"/>
      <c r="RFK139" s="23"/>
      <c r="RFL139" s="23"/>
      <c r="RFM139" s="23"/>
      <c r="RFN139" s="23"/>
      <c r="RFO139" s="23"/>
      <c r="RFP139" s="23"/>
      <c r="RFQ139" s="23"/>
      <c r="RFR139" s="23"/>
      <c r="RFS139" s="23"/>
      <c r="RFT139" s="23"/>
      <c r="RFU139" s="23"/>
      <c r="RFV139" s="23"/>
      <c r="RFW139" s="23"/>
      <c r="RFX139" s="23"/>
      <c r="RFY139" s="23"/>
      <c r="RFZ139" s="23"/>
      <c r="RGA139" s="23"/>
      <c r="RGB139" s="23"/>
      <c r="RGC139" s="23"/>
      <c r="RGD139" s="23"/>
      <c r="RGE139" s="23"/>
      <c r="RGF139" s="23"/>
      <c r="RGG139" s="23"/>
      <c r="RGH139" s="23"/>
      <c r="RGI139" s="23"/>
      <c r="RGJ139" s="23"/>
      <c r="RGK139" s="23"/>
      <c r="RGL139" s="23"/>
      <c r="RGM139" s="23"/>
      <c r="RGN139" s="23"/>
      <c r="RGO139" s="23"/>
      <c r="RGP139" s="23"/>
      <c r="RGQ139" s="23"/>
      <c r="RGR139" s="23"/>
      <c r="RGS139" s="23"/>
      <c r="RGT139" s="23"/>
      <c r="RGU139" s="23"/>
      <c r="RGV139" s="23"/>
      <c r="RGW139" s="23"/>
      <c r="RGX139" s="23"/>
      <c r="RGY139" s="23"/>
      <c r="RGZ139" s="23"/>
      <c r="RHA139" s="23"/>
      <c r="RHB139" s="23"/>
      <c r="RHC139" s="23"/>
      <c r="RHD139" s="23"/>
      <c r="RHE139" s="23"/>
      <c r="RHF139" s="23"/>
      <c r="RHG139" s="23"/>
      <c r="RHH139" s="23"/>
      <c r="RHI139" s="23"/>
      <c r="RHJ139" s="23"/>
      <c r="RHK139" s="23"/>
      <c r="RHL139" s="23"/>
      <c r="RHM139" s="23"/>
      <c r="RHN139" s="23"/>
      <c r="RHO139" s="23"/>
      <c r="RHP139" s="23"/>
      <c r="RHQ139" s="23"/>
      <c r="RHR139" s="23"/>
      <c r="RHS139" s="23"/>
      <c r="RHT139" s="23"/>
      <c r="RHU139" s="23"/>
      <c r="RHV139" s="23"/>
      <c r="RHW139" s="23"/>
      <c r="RHX139" s="23"/>
      <c r="RHY139" s="23"/>
      <c r="RHZ139" s="23"/>
      <c r="RIA139" s="23"/>
      <c r="RIB139" s="23"/>
      <c r="RIC139" s="23"/>
      <c r="RID139" s="23"/>
      <c r="RIE139" s="23"/>
      <c r="RIF139" s="23"/>
      <c r="RIG139" s="23"/>
      <c r="RIH139" s="23"/>
      <c r="RII139" s="23"/>
      <c r="RIJ139" s="23"/>
      <c r="RIK139" s="23"/>
      <c r="RIL139" s="23"/>
      <c r="RIM139" s="23"/>
      <c r="RIN139" s="23"/>
      <c r="RIO139" s="23"/>
      <c r="RIP139" s="23"/>
      <c r="RIQ139" s="23"/>
      <c r="RIR139" s="23"/>
      <c r="RIS139" s="23"/>
      <c r="RIT139" s="23"/>
      <c r="RIU139" s="23"/>
      <c r="RIV139" s="23"/>
      <c r="RIW139" s="23"/>
      <c r="RIX139" s="23"/>
      <c r="RIY139" s="23"/>
      <c r="RIZ139" s="23"/>
      <c r="RJA139" s="23"/>
      <c r="RJB139" s="23"/>
      <c r="RJC139" s="23"/>
      <c r="RJD139" s="23"/>
      <c r="RJE139" s="23"/>
      <c r="RJF139" s="23"/>
      <c r="RJG139" s="23"/>
      <c r="RJH139" s="23"/>
      <c r="RJI139" s="23"/>
      <c r="RJJ139" s="23"/>
      <c r="RJK139" s="23"/>
      <c r="RJL139" s="23"/>
      <c r="RJM139" s="23"/>
      <c r="RJN139" s="23"/>
      <c r="RJO139" s="23"/>
      <c r="RJP139" s="23"/>
      <c r="RJQ139" s="23"/>
      <c r="RJR139" s="23"/>
      <c r="RJS139" s="23"/>
      <c r="RJT139" s="23"/>
      <c r="RJU139" s="23"/>
      <c r="RJV139" s="23"/>
      <c r="RJW139" s="23"/>
      <c r="RJX139" s="23"/>
      <c r="RJY139" s="23"/>
      <c r="RJZ139" s="23"/>
      <c r="RKA139" s="23"/>
      <c r="RKB139" s="23"/>
      <c r="RKC139" s="23"/>
      <c r="RKD139" s="23"/>
      <c r="RKE139" s="23"/>
      <c r="RKF139" s="23"/>
      <c r="RKG139" s="23"/>
      <c r="RKH139" s="23"/>
      <c r="RKI139" s="23"/>
      <c r="RKJ139" s="23"/>
      <c r="RKK139" s="23"/>
      <c r="RKL139" s="23"/>
      <c r="RKM139" s="23"/>
      <c r="RKN139" s="23"/>
      <c r="RKO139" s="23"/>
      <c r="RKP139" s="23"/>
      <c r="RKQ139" s="23"/>
      <c r="RKR139" s="23"/>
      <c r="RKS139" s="23"/>
      <c r="RKT139" s="23"/>
      <c r="RKU139" s="23"/>
      <c r="RKV139" s="23"/>
      <c r="RKW139" s="23"/>
      <c r="RKX139" s="23"/>
      <c r="RKY139" s="23"/>
      <c r="RKZ139" s="23"/>
      <c r="RLA139" s="23"/>
      <c r="RLB139" s="23"/>
      <c r="RLC139" s="23"/>
      <c r="RLD139" s="23"/>
      <c r="RLE139" s="23"/>
      <c r="RLF139" s="23"/>
      <c r="RLG139" s="23"/>
      <c r="RLH139" s="23"/>
      <c r="RLI139" s="23"/>
      <c r="RLJ139" s="23"/>
      <c r="RLK139" s="23"/>
      <c r="RLL139" s="23"/>
      <c r="RLM139" s="23"/>
      <c r="RLN139" s="23"/>
      <c r="RLO139" s="23"/>
      <c r="RLP139" s="23"/>
      <c r="RLQ139" s="23"/>
      <c r="RLR139" s="23"/>
      <c r="RLS139" s="23"/>
      <c r="RLT139" s="23"/>
      <c r="RLU139" s="23"/>
      <c r="RLV139" s="23"/>
      <c r="RLW139" s="23"/>
      <c r="RLX139" s="23"/>
      <c r="RLY139" s="23"/>
      <c r="RLZ139" s="23"/>
      <c r="RMA139" s="23"/>
      <c r="RMB139" s="23"/>
      <c r="RMC139" s="23"/>
      <c r="RMD139" s="23"/>
      <c r="RME139" s="23"/>
      <c r="RMF139" s="23"/>
      <c r="RMG139" s="23"/>
      <c r="RMH139" s="23"/>
      <c r="RMI139" s="23"/>
      <c r="RMJ139" s="23"/>
      <c r="RMK139" s="23"/>
      <c r="RML139" s="23"/>
      <c r="RMM139" s="23"/>
      <c r="RMN139" s="23"/>
      <c r="RMO139" s="23"/>
      <c r="RMP139" s="23"/>
      <c r="RMQ139" s="23"/>
      <c r="RMR139" s="23"/>
      <c r="RMS139" s="23"/>
      <c r="RMT139" s="23"/>
      <c r="RMU139" s="23"/>
      <c r="RMV139" s="23"/>
      <c r="RMW139" s="23"/>
      <c r="RMX139" s="23"/>
      <c r="RMY139" s="23"/>
      <c r="RMZ139" s="23"/>
      <c r="RNA139" s="23"/>
      <c r="RNB139" s="23"/>
      <c r="RNC139" s="23"/>
      <c r="RND139" s="23"/>
      <c r="RNE139" s="23"/>
      <c r="RNF139" s="23"/>
      <c r="RNG139" s="23"/>
      <c r="RNH139" s="23"/>
      <c r="RNI139" s="23"/>
      <c r="RNJ139" s="23"/>
      <c r="RNK139" s="23"/>
      <c r="RNL139" s="23"/>
      <c r="RNM139" s="23"/>
      <c r="RNN139" s="23"/>
      <c r="RNO139" s="23"/>
      <c r="RNP139" s="23"/>
      <c r="RNQ139" s="23"/>
      <c r="RNR139" s="23"/>
      <c r="RNS139" s="23"/>
      <c r="RNT139" s="23"/>
      <c r="RNU139" s="23"/>
      <c r="RNV139" s="23"/>
      <c r="RNW139" s="23"/>
      <c r="RNX139" s="23"/>
      <c r="RNY139" s="23"/>
      <c r="RNZ139" s="23"/>
      <c r="ROA139" s="23"/>
      <c r="ROB139" s="23"/>
      <c r="ROC139" s="23"/>
      <c r="ROD139" s="23"/>
      <c r="ROE139" s="23"/>
      <c r="ROF139" s="23"/>
      <c r="ROG139" s="23"/>
      <c r="ROH139" s="23"/>
      <c r="ROI139" s="23"/>
      <c r="ROJ139" s="23"/>
      <c r="ROK139" s="23"/>
      <c r="ROL139" s="23"/>
      <c r="ROM139" s="23"/>
      <c r="RON139" s="23"/>
      <c r="ROO139" s="23"/>
      <c r="ROP139" s="23"/>
      <c r="ROQ139" s="23"/>
      <c r="ROR139" s="23"/>
      <c r="ROS139" s="23"/>
      <c r="ROT139" s="23"/>
      <c r="ROU139" s="23"/>
      <c r="ROV139" s="23"/>
      <c r="ROW139" s="23"/>
      <c r="ROX139" s="23"/>
      <c r="ROY139" s="23"/>
      <c r="ROZ139" s="23"/>
      <c r="RPA139" s="23"/>
      <c r="RPB139" s="23"/>
      <c r="RPC139" s="23"/>
      <c r="RPD139" s="23"/>
      <c r="RPE139" s="23"/>
      <c r="RPF139" s="23"/>
      <c r="RPG139" s="23"/>
      <c r="RPH139" s="23"/>
      <c r="RPI139" s="23"/>
      <c r="RPJ139" s="23"/>
      <c r="RPK139" s="23"/>
      <c r="RPL139" s="23"/>
      <c r="RPM139" s="23"/>
      <c r="RPN139" s="23"/>
      <c r="RPO139" s="23"/>
      <c r="RPP139" s="23"/>
      <c r="RPQ139" s="23"/>
      <c r="RPR139" s="23"/>
      <c r="RPS139" s="23"/>
      <c r="RPT139" s="23"/>
      <c r="RPU139" s="23"/>
      <c r="RPV139" s="23"/>
      <c r="RPW139" s="23"/>
      <c r="RPX139" s="23"/>
      <c r="RPY139" s="23"/>
      <c r="RPZ139" s="23"/>
      <c r="RQA139" s="23"/>
      <c r="RQB139" s="23"/>
      <c r="RQC139" s="23"/>
      <c r="RQD139" s="23"/>
      <c r="RQE139" s="23"/>
      <c r="RQF139" s="23"/>
      <c r="RQG139" s="23"/>
      <c r="RQH139" s="23"/>
      <c r="RQI139" s="23"/>
      <c r="RQJ139" s="23"/>
      <c r="RQK139" s="23"/>
      <c r="RQL139" s="23"/>
      <c r="RQM139" s="23"/>
      <c r="RQN139" s="23"/>
      <c r="RQO139" s="23"/>
      <c r="RQP139" s="23"/>
      <c r="RQQ139" s="23"/>
      <c r="RQR139" s="23"/>
      <c r="RQS139" s="23"/>
      <c r="RQT139" s="23"/>
      <c r="RQU139" s="23"/>
      <c r="RQV139" s="23"/>
      <c r="RQW139" s="23"/>
      <c r="RQX139" s="23"/>
      <c r="RQY139" s="23"/>
      <c r="RQZ139" s="23"/>
      <c r="RRA139" s="23"/>
      <c r="RRB139" s="23"/>
      <c r="RRC139" s="23"/>
      <c r="RRD139" s="23"/>
      <c r="RRE139" s="23"/>
      <c r="RRF139" s="23"/>
      <c r="RRG139" s="23"/>
      <c r="RRH139" s="23"/>
      <c r="RRI139" s="23"/>
      <c r="RRJ139" s="23"/>
      <c r="RRK139" s="23"/>
      <c r="RRL139" s="23"/>
      <c r="RRM139" s="23"/>
      <c r="RRN139" s="23"/>
      <c r="RRO139" s="23"/>
      <c r="RRP139" s="23"/>
      <c r="RRQ139" s="23"/>
      <c r="RRR139" s="23"/>
      <c r="RRS139" s="23"/>
      <c r="RRT139" s="23"/>
      <c r="RRU139" s="23"/>
      <c r="RRV139" s="23"/>
      <c r="RRW139" s="23"/>
      <c r="RRX139" s="23"/>
      <c r="RRY139" s="23"/>
      <c r="RRZ139" s="23"/>
      <c r="RSA139" s="23"/>
      <c r="RSB139" s="23"/>
      <c r="RSC139" s="23"/>
      <c r="RSD139" s="23"/>
      <c r="RSE139" s="23"/>
      <c r="RSF139" s="23"/>
      <c r="RSG139" s="23"/>
      <c r="RSH139" s="23"/>
      <c r="RSI139" s="23"/>
      <c r="RSJ139" s="23"/>
      <c r="RSK139" s="23"/>
      <c r="RSL139" s="23"/>
      <c r="RSM139" s="23"/>
      <c r="RSN139" s="23"/>
      <c r="RSO139" s="23"/>
      <c r="RSP139" s="23"/>
      <c r="RSQ139" s="23"/>
      <c r="RSR139" s="23"/>
      <c r="RSS139" s="23"/>
      <c r="RST139" s="23"/>
      <c r="RSU139" s="23"/>
      <c r="RSV139" s="23"/>
      <c r="RSW139" s="23"/>
      <c r="RSX139" s="23"/>
      <c r="RSY139" s="23"/>
      <c r="RSZ139" s="23"/>
      <c r="RTA139" s="23"/>
      <c r="RTB139" s="23"/>
      <c r="RTC139" s="23"/>
      <c r="RTD139" s="23"/>
      <c r="RTE139" s="23"/>
      <c r="RTF139" s="23"/>
      <c r="RTG139" s="23"/>
      <c r="RTH139" s="23"/>
      <c r="RTI139" s="23"/>
      <c r="RTJ139" s="23"/>
      <c r="RTK139" s="23"/>
      <c r="RTL139" s="23"/>
      <c r="RTM139" s="23"/>
      <c r="RTN139" s="23"/>
      <c r="RTO139" s="23"/>
      <c r="RTP139" s="23"/>
      <c r="RTQ139" s="23"/>
      <c r="RTR139" s="23"/>
      <c r="RTS139" s="23"/>
      <c r="RTT139" s="23"/>
      <c r="RTU139" s="23"/>
      <c r="RTV139" s="23"/>
      <c r="RTW139" s="23"/>
      <c r="RTX139" s="23"/>
      <c r="RTY139" s="23"/>
      <c r="RTZ139" s="23"/>
      <c r="RUA139" s="23"/>
      <c r="RUB139" s="23"/>
      <c r="RUC139" s="23"/>
      <c r="RUD139" s="23"/>
      <c r="RUE139" s="23"/>
      <c r="RUF139" s="23"/>
      <c r="RUG139" s="23"/>
      <c r="RUH139" s="23"/>
      <c r="RUI139" s="23"/>
      <c r="RUJ139" s="23"/>
      <c r="RUK139" s="23"/>
      <c r="RUL139" s="23"/>
      <c r="RUM139" s="23"/>
      <c r="RUN139" s="23"/>
      <c r="RUO139" s="23"/>
      <c r="RUP139" s="23"/>
      <c r="RUQ139" s="23"/>
      <c r="RUR139" s="23"/>
      <c r="RUS139" s="23"/>
      <c r="RUT139" s="23"/>
      <c r="RUU139" s="23"/>
      <c r="RUV139" s="23"/>
      <c r="RUW139" s="23"/>
      <c r="RUX139" s="23"/>
      <c r="RUY139" s="23"/>
      <c r="RUZ139" s="23"/>
      <c r="RVA139" s="23"/>
      <c r="RVB139" s="23"/>
      <c r="RVC139" s="23"/>
      <c r="RVD139" s="23"/>
      <c r="RVE139" s="23"/>
      <c r="RVF139" s="23"/>
      <c r="RVG139" s="23"/>
      <c r="RVH139" s="23"/>
      <c r="RVI139" s="23"/>
      <c r="RVJ139" s="23"/>
      <c r="RVK139" s="23"/>
      <c r="RVL139" s="23"/>
      <c r="RVM139" s="23"/>
      <c r="RVN139" s="23"/>
      <c r="RVO139" s="23"/>
      <c r="RVP139" s="23"/>
      <c r="RVQ139" s="23"/>
      <c r="RVR139" s="23"/>
      <c r="RVS139" s="23"/>
      <c r="RVT139" s="23"/>
      <c r="RVU139" s="23"/>
      <c r="RVV139" s="23"/>
      <c r="RVW139" s="23"/>
      <c r="RVX139" s="23"/>
      <c r="RVY139" s="23"/>
      <c r="RVZ139" s="23"/>
      <c r="RWA139" s="23"/>
      <c r="RWB139" s="23"/>
      <c r="RWC139" s="23"/>
      <c r="RWD139" s="23"/>
      <c r="RWE139" s="23"/>
      <c r="RWF139" s="23"/>
      <c r="RWG139" s="23"/>
      <c r="RWH139" s="23"/>
      <c r="RWI139" s="23"/>
      <c r="RWJ139" s="23"/>
      <c r="RWK139" s="23"/>
      <c r="RWL139" s="23"/>
      <c r="RWM139" s="23"/>
      <c r="RWN139" s="23"/>
      <c r="RWO139" s="23"/>
      <c r="RWP139" s="23"/>
      <c r="RWQ139" s="23"/>
      <c r="RWR139" s="23"/>
      <c r="RWS139" s="23"/>
      <c r="RWT139" s="23"/>
      <c r="RWU139" s="23"/>
      <c r="RWV139" s="23"/>
      <c r="RWW139" s="23"/>
      <c r="RWX139" s="23"/>
      <c r="RWY139" s="23"/>
      <c r="RWZ139" s="23"/>
      <c r="RXA139" s="23"/>
      <c r="RXB139" s="23"/>
      <c r="RXC139" s="23"/>
      <c r="RXD139" s="23"/>
      <c r="RXE139" s="23"/>
      <c r="RXF139" s="23"/>
      <c r="RXG139" s="23"/>
      <c r="RXH139" s="23"/>
      <c r="RXI139" s="23"/>
      <c r="RXJ139" s="23"/>
      <c r="RXK139" s="23"/>
      <c r="RXL139" s="23"/>
      <c r="RXM139" s="23"/>
      <c r="RXN139" s="23"/>
      <c r="RXO139" s="23"/>
      <c r="RXP139" s="23"/>
      <c r="RXQ139" s="23"/>
      <c r="RXR139" s="23"/>
      <c r="RXS139" s="23"/>
      <c r="RXT139" s="23"/>
      <c r="RXU139" s="23"/>
      <c r="RXV139" s="23"/>
      <c r="RXW139" s="23"/>
      <c r="RXX139" s="23"/>
      <c r="RXY139" s="23"/>
      <c r="RXZ139" s="23"/>
      <c r="RYA139" s="23"/>
      <c r="RYB139" s="23"/>
      <c r="RYC139" s="23"/>
      <c r="RYD139" s="23"/>
      <c r="RYE139" s="23"/>
      <c r="RYF139" s="23"/>
      <c r="RYG139" s="23"/>
      <c r="RYH139" s="23"/>
      <c r="RYI139" s="23"/>
      <c r="RYJ139" s="23"/>
      <c r="RYK139" s="23"/>
      <c r="RYL139" s="23"/>
      <c r="RYM139" s="23"/>
      <c r="RYN139" s="23"/>
      <c r="RYO139" s="23"/>
      <c r="RYP139" s="23"/>
      <c r="RYQ139" s="23"/>
      <c r="RYR139" s="23"/>
      <c r="RYS139" s="23"/>
      <c r="RYT139" s="23"/>
      <c r="RYU139" s="23"/>
      <c r="RYV139" s="23"/>
      <c r="RYW139" s="23"/>
      <c r="RYX139" s="23"/>
      <c r="RYY139" s="23"/>
      <c r="RYZ139" s="23"/>
      <c r="RZA139" s="23"/>
      <c r="RZB139" s="23"/>
      <c r="RZC139" s="23"/>
      <c r="RZD139" s="23"/>
      <c r="RZE139" s="23"/>
      <c r="RZF139" s="23"/>
      <c r="RZG139" s="23"/>
      <c r="RZH139" s="23"/>
      <c r="RZI139" s="23"/>
      <c r="RZJ139" s="23"/>
      <c r="RZK139" s="23"/>
      <c r="RZL139" s="23"/>
      <c r="RZM139" s="23"/>
      <c r="RZN139" s="23"/>
      <c r="RZO139" s="23"/>
      <c r="RZP139" s="23"/>
      <c r="RZQ139" s="23"/>
      <c r="RZR139" s="23"/>
      <c r="RZS139" s="23"/>
      <c r="RZT139" s="23"/>
      <c r="RZU139" s="23"/>
      <c r="RZV139" s="23"/>
      <c r="RZW139" s="23"/>
      <c r="RZX139" s="23"/>
      <c r="RZY139" s="23"/>
      <c r="RZZ139" s="23"/>
      <c r="SAA139" s="23"/>
      <c r="SAB139" s="23"/>
      <c r="SAC139" s="23"/>
      <c r="SAD139" s="23"/>
      <c r="SAE139" s="23"/>
      <c r="SAF139" s="23"/>
      <c r="SAG139" s="23"/>
      <c r="SAH139" s="23"/>
      <c r="SAI139" s="23"/>
      <c r="SAJ139" s="23"/>
      <c r="SAK139" s="23"/>
      <c r="SAL139" s="23"/>
      <c r="SAM139" s="23"/>
      <c r="SAN139" s="23"/>
      <c r="SAO139" s="23"/>
      <c r="SAP139" s="23"/>
      <c r="SAQ139" s="23"/>
      <c r="SAR139" s="23"/>
      <c r="SAS139" s="23"/>
      <c r="SAT139" s="23"/>
      <c r="SAU139" s="23"/>
      <c r="SAV139" s="23"/>
      <c r="SAW139" s="23"/>
      <c r="SAX139" s="23"/>
      <c r="SAY139" s="23"/>
      <c r="SAZ139" s="23"/>
      <c r="SBA139" s="23"/>
      <c r="SBB139" s="23"/>
      <c r="SBC139" s="23"/>
      <c r="SBD139" s="23"/>
      <c r="SBE139" s="23"/>
      <c r="SBF139" s="23"/>
      <c r="SBG139" s="23"/>
      <c r="SBH139" s="23"/>
      <c r="SBI139" s="23"/>
      <c r="SBJ139" s="23"/>
      <c r="SBK139" s="23"/>
      <c r="SBL139" s="23"/>
      <c r="SBM139" s="23"/>
      <c r="SBN139" s="23"/>
      <c r="SBO139" s="23"/>
      <c r="SBP139" s="23"/>
      <c r="SBQ139" s="23"/>
      <c r="SBR139" s="23"/>
      <c r="SBS139" s="23"/>
      <c r="SBT139" s="23"/>
      <c r="SBU139" s="23"/>
      <c r="SBV139" s="23"/>
      <c r="SBW139" s="23"/>
      <c r="SBX139" s="23"/>
      <c r="SBY139" s="23"/>
      <c r="SBZ139" s="23"/>
      <c r="SCA139" s="23"/>
      <c r="SCB139" s="23"/>
      <c r="SCC139" s="23"/>
      <c r="SCD139" s="23"/>
      <c r="SCE139" s="23"/>
      <c r="SCF139" s="23"/>
      <c r="SCG139" s="23"/>
      <c r="SCH139" s="23"/>
      <c r="SCI139" s="23"/>
      <c r="SCJ139" s="23"/>
      <c r="SCK139" s="23"/>
      <c r="SCL139" s="23"/>
      <c r="SCM139" s="23"/>
      <c r="SCN139" s="23"/>
      <c r="SCO139" s="23"/>
      <c r="SCP139" s="23"/>
      <c r="SCQ139" s="23"/>
      <c r="SCR139" s="23"/>
      <c r="SCS139" s="23"/>
      <c r="SCT139" s="23"/>
      <c r="SCU139" s="23"/>
      <c r="SCV139" s="23"/>
      <c r="SCW139" s="23"/>
      <c r="SCX139" s="23"/>
      <c r="SCY139" s="23"/>
      <c r="SCZ139" s="23"/>
      <c r="SDA139" s="23"/>
      <c r="SDB139" s="23"/>
      <c r="SDC139" s="23"/>
      <c r="SDD139" s="23"/>
      <c r="SDE139" s="23"/>
      <c r="SDF139" s="23"/>
      <c r="SDG139" s="23"/>
      <c r="SDH139" s="23"/>
      <c r="SDI139" s="23"/>
      <c r="SDJ139" s="23"/>
      <c r="SDK139" s="23"/>
      <c r="SDL139" s="23"/>
      <c r="SDM139" s="23"/>
      <c r="SDN139" s="23"/>
      <c r="SDO139" s="23"/>
      <c r="SDP139" s="23"/>
      <c r="SDQ139" s="23"/>
      <c r="SDR139" s="23"/>
      <c r="SDS139" s="23"/>
      <c r="SDT139" s="23"/>
      <c r="SDU139" s="23"/>
      <c r="SDV139" s="23"/>
      <c r="SDW139" s="23"/>
      <c r="SDX139" s="23"/>
      <c r="SDY139" s="23"/>
      <c r="SDZ139" s="23"/>
      <c r="SEA139" s="23"/>
      <c r="SEB139" s="23"/>
      <c r="SEC139" s="23"/>
      <c r="SED139" s="23"/>
      <c r="SEE139" s="23"/>
      <c r="SEF139" s="23"/>
      <c r="SEG139" s="23"/>
      <c r="SEH139" s="23"/>
      <c r="SEI139" s="23"/>
      <c r="SEJ139" s="23"/>
      <c r="SEK139" s="23"/>
      <c r="SEL139" s="23"/>
      <c r="SEM139" s="23"/>
      <c r="SEN139" s="23"/>
      <c r="SEO139" s="23"/>
      <c r="SEP139" s="23"/>
      <c r="SEQ139" s="23"/>
      <c r="SER139" s="23"/>
      <c r="SES139" s="23"/>
      <c r="SET139" s="23"/>
      <c r="SEU139" s="23"/>
      <c r="SEV139" s="23"/>
      <c r="SEW139" s="23"/>
      <c r="SEX139" s="23"/>
      <c r="SEY139" s="23"/>
      <c r="SEZ139" s="23"/>
      <c r="SFA139" s="23"/>
      <c r="SFB139" s="23"/>
      <c r="SFC139" s="23"/>
      <c r="SFD139" s="23"/>
      <c r="SFE139" s="23"/>
      <c r="SFF139" s="23"/>
      <c r="SFG139" s="23"/>
      <c r="SFH139" s="23"/>
      <c r="SFI139" s="23"/>
      <c r="SFJ139" s="23"/>
      <c r="SFK139" s="23"/>
      <c r="SFL139" s="23"/>
      <c r="SFM139" s="23"/>
      <c r="SFN139" s="23"/>
      <c r="SFO139" s="23"/>
      <c r="SFP139" s="23"/>
      <c r="SFQ139" s="23"/>
      <c r="SFR139" s="23"/>
      <c r="SFS139" s="23"/>
      <c r="SFT139" s="23"/>
      <c r="SFU139" s="23"/>
      <c r="SFV139" s="23"/>
      <c r="SFW139" s="23"/>
      <c r="SFX139" s="23"/>
      <c r="SFY139" s="23"/>
      <c r="SFZ139" s="23"/>
      <c r="SGA139" s="23"/>
      <c r="SGB139" s="23"/>
      <c r="SGC139" s="23"/>
      <c r="SGD139" s="23"/>
      <c r="SGE139" s="23"/>
      <c r="SGF139" s="23"/>
      <c r="SGG139" s="23"/>
      <c r="SGH139" s="23"/>
      <c r="SGI139" s="23"/>
      <c r="SGJ139" s="23"/>
      <c r="SGK139" s="23"/>
      <c r="SGL139" s="23"/>
      <c r="SGM139" s="23"/>
      <c r="SGN139" s="23"/>
      <c r="SGO139" s="23"/>
      <c r="SGP139" s="23"/>
      <c r="SGQ139" s="23"/>
      <c r="SGR139" s="23"/>
      <c r="SGS139" s="23"/>
      <c r="SGT139" s="23"/>
      <c r="SGU139" s="23"/>
      <c r="SGV139" s="23"/>
      <c r="SGW139" s="23"/>
      <c r="SGX139" s="23"/>
      <c r="SGY139" s="23"/>
      <c r="SGZ139" s="23"/>
      <c r="SHA139" s="23"/>
      <c r="SHB139" s="23"/>
      <c r="SHC139" s="23"/>
      <c r="SHD139" s="23"/>
      <c r="SHE139" s="23"/>
      <c r="SHF139" s="23"/>
      <c r="SHG139" s="23"/>
      <c r="SHH139" s="23"/>
      <c r="SHI139" s="23"/>
      <c r="SHJ139" s="23"/>
      <c r="SHK139" s="23"/>
      <c r="SHL139" s="23"/>
      <c r="SHM139" s="23"/>
      <c r="SHN139" s="23"/>
      <c r="SHO139" s="23"/>
      <c r="SHP139" s="23"/>
      <c r="SHQ139" s="23"/>
      <c r="SHR139" s="23"/>
      <c r="SHS139" s="23"/>
      <c r="SHT139" s="23"/>
      <c r="SHU139" s="23"/>
      <c r="SHV139" s="23"/>
      <c r="SHW139" s="23"/>
      <c r="SHX139" s="23"/>
      <c r="SHY139" s="23"/>
      <c r="SHZ139" s="23"/>
      <c r="SIA139" s="23"/>
      <c r="SIB139" s="23"/>
      <c r="SIC139" s="23"/>
      <c r="SID139" s="23"/>
      <c r="SIE139" s="23"/>
      <c r="SIF139" s="23"/>
      <c r="SIG139" s="23"/>
      <c r="SIH139" s="23"/>
      <c r="SII139" s="23"/>
      <c r="SIJ139" s="23"/>
      <c r="SIK139" s="23"/>
      <c r="SIL139" s="23"/>
      <c r="SIM139" s="23"/>
      <c r="SIN139" s="23"/>
      <c r="SIO139" s="23"/>
      <c r="SIP139" s="23"/>
      <c r="SIQ139" s="23"/>
      <c r="SIR139" s="23"/>
      <c r="SIS139" s="23"/>
      <c r="SIT139" s="23"/>
      <c r="SIU139" s="23"/>
      <c r="SIV139" s="23"/>
      <c r="SIW139" s="23"/>
      <c r="SIX139" s="23"/>
      <c r="SIY139" s="23"/>
      <c r="SIZ139" s="23"/>
      <c r="SJA139" s="23"/>
      <c r="SJB139" s="23"/>
      <c r="SJC139" s="23"/>
      <c r="SJD139" s="23"/>
      <c r="SJE139" s="23"/>
      <c r="SJF139" s="23"/>
      <c r="SJG139" s="23"/>
      <c r="SJH139" s="23"/>
      <c r="SJI139" s="23"/>
      <c r="SJJ139" s="23"/>
      <c r="SJK139" s="23"/>
      <c r="SJL139" s="23"/>
      <c r="SJM139" s="23"/>
      <c r="SJN139" s="23"/>
      <c r="SJO139" s="23"/>
      <c r="SJP139" s="23"/>
      <c r="SJQ139" s="23"/>
      <c r="SJR139" s="23"/>
      <c r="SJS139" s="23"/>
      <c r="SJT139" s="23"/>
      <c r="SJU139" s="23"/>
      <c r="SJV139" s="23"/>
      <c r="SJW139" s="23"/>
      <c r="SJX139" s="23"/>
      <c r="SJY139" s="23"/>
      <c r="SJZ139" s="23"/>
      <c r="SKA139" s="23"/>
      <c r="SKB139" s="23"/>
      <c r="SKC139" s="23"/>
      <c r="SKD139" s="23"/>
      <c r="SKE139" s="23"/>
      <c r="SKF139" s="23"/>
      <c r="SKG139" s="23"/>
      <c r="SKH139" s="23"/>
      <c r="SKI139" s="23"/>
      <c r="SKJ139" s="23"/>
      <c r="SKK139" s="23"/>
      <c r="SKL139" s="23"/>
      <c r="SKM139" s="23"/>
      <c r="SKN139" s="23"/>
      <c r="SKO139" s="23"/>
      <c r="SKP139" s="23"/>
      <c r="SKQ139" s="23"/>
      <c r="SKR139" s="23"/>
      <c r="SKS139" s="23"/>
      <c r="SKT139" s="23"/>
      <c r="SKU139" s="23"/>
      <c r="SKV139" s="23"/>
      <c r="SKW139" s="23"/>
      <c r="SKX139" s="23"/>
      <c r="SKY139" s="23"/>
      <c r="SKZ139" s="23"/>
      <c r="SLA139" s="23"/>
      <c r="SLB139" s="23"/>
      <c r="SLC139" s="23"/>
      <c r="SLD139" s="23"/>
      <c r="SLE139" s="23"/>
      <c r="SLF139" s="23"/>
      <c r="SLG139" s="23"/>
      <c r="SLH139" s="23"/>
      <c r="SLI139" s="23"/>
      <c r="SLJ139" s="23"/>
      <c r="SLK139" s="23"/>
      <c r="SLL139" s="23"/>
      <c r="SLM139" s="23"/>
      <c r="SLN139" s="23"/>
      <c r="SLO139" s="23"/>
      <c r="SLP139" s="23"/>
      <c r="SLQ139" s="23"/>
      <c r="SLR139" s="23"/>
      <c r="SLS139" s="23"/>
      <c r="SLT139" s="23"/>
      <c r="SLU139" s="23"/>
      <c r="SLV139" s="23"/>
      <c r="SLW139" s="23"/>
      <c r="SLX139" s="23"/>
      <c r="SLY139" s="23"/>
      <c r="SLZ139" s="23"/>
      <c r="SMA139" s="23"/>
      <c r="SMB139" s="23"/>
      <c r="SMC139" s="23"/>
      <c r="SMD139" s="23"/>
      <c r="SME139" s="23"/>
      <c r="SMF139" s="23"/>
      <c r="SMG139" s="23"/>
      <c r="SMH139" s="23"/>
      <c r="SMI139" s="23"/>
      <c r="SMJ139" s="23"/>
      <c r="SMK139" s="23"/>
      <c r="SML139" s="23"/>
      <c r="SMM139" s="23"/>
      <c r="SMN139" s="23"/>
      <c r="SMO139" s="23"/>
      <c r="SMP139" s="23"/>
      <c r="SMQ139" s="23"/>
      <c r="SMR139" s="23"/>
      <c r="SMS139" s="23"/>
      <c r="SMT139" s="23"/>
      <c r="SMU139" s="23"/>
      <c r="SMV139" s="23"/>
      <c r="SMW139" s="23"/>
      <c r="SMX139" s="23"/>
      <c r="SMY139" s="23"/>
      <c r="SMZ139" s="23"/>
      <c r="SNA139" s="23"/>
      <c r="SNB139" s="23"/>
      <c r="SNC139" s="23"/>
      <c r="SND139" s="23"/>
      <c r="SNE139" s="23"/>
      <c r="SNF139" s="23"/>
      <c r="SNG139" s="23"/>
      <c r="SNH139" s="23"/>
      <c r="SNI139" s="23"/>
      <c r="SNJ139" s="23"/>
      <c r="SNK139" s="23"/>
      <c r="SNL139" s="23"/>
      <c r="SNM139" s="23"/>
      <c r="SNN139" s="23"/>
      <c r="SNO139" s="23"/>
      <c r="SNP139" s="23"/>
      <c r="SNQ139" s="23"/>
      <c r="SNR139" s="23"/>
      <c r="SNS139" s="23"/>
      <c r="SNT139" s="23"/>
      <c r="SNU139" s="23"/>
      <c r="SNV139" s="23"/>
      <c r="SNW139" s="23"/>
      <c r="SNX139" s="23"/>
      <c r="SNY139" s="23"/>
      <c r="SNZ139" s="23"/>
      <c r="SOA139" s="23"/>
      <c r="SOB139" s="23"/>
      <c r="SOC139" s="23"/>
      <c r="SOD139" s="23"/>
      <c r="SOE139" s="23"/>
      <c r="SOF139" s="23"/>
      <c r="SOG139" s="23"/>
      <c r="SOH139" s="23"/>
      <c r="SOI139" s="23"/>
      <c r="SOJ139" s="23"/>
      <c r="SOK139" s="23"/>
      <c r="SOL139" s="23"/>
      <c r="SOM139" s="23"/>
      <c r="SON139" s="23"/>
      <c r="SOO139" s="23"/>
      <c r="SOP139" s="23"/>
      <c r="SOQ139" s="23"/>
      <c r="SOR139" s="23"/>
      <c r="SOS139" s="23"/>
      <c r="SOT139" s="23"/>
      <c r="SOU139" s="23"/>
      <c r="SOV139" s="23"/>
      <c r="SOW139" s="23"/>
      <c r="SOX139" s="23"/>
      <c r="SOY139" s="23"/>
      <c r="SOZ139" s="23"/>
      <c r="SPA139" s="23"/>
      <c r="SPB139" s="23"/>
      <c r="SPC139" s="23"/>
      <c r="SPD139" s="23"/>
      <c r="SPE139" s="23"/>
      <c r="SPF139" s="23"/>
      <c r="SPG139" s="23"/>
      <c r="SPH139" s="23"/>
      <c r="SPI139" s="23"/>
      <c r="SPJ139" s="23"/>
      <c r="SPK139" s="23"/>
      <c r="SPL139" s="23"/>
      <c r="SPM139" s="23"/>
      <c r="SPN139" s="23"/>
      <c r="SPO139" s="23"/>
      <c r="SPP139" s="23"/>
      <c r="SPQ139" s="23"/>
      <c r="SPR139" s="23"/>
      <c r="SPS139" s="23"/>
      <c r="SPT139" s="23"/>
      <c r="SPU139" s="23"/>
      <c r="SPV139" s="23"/>
      <c r="SPW139" s="23"/>
      <c r="SPX139" s="23"/>
      <c r="SPY139" s="23"/>
      <c r="SPZ139" s="23"/>
      <c r="SQA139" s="23"/>
      <c r="SQB139" s="23"/>
      <c r="SQC139" s="23"/>
      <c r="SQD139" s="23"/>
      <c r="SQE139" s="23"/>
      <c r="SQF139" s="23"/>
      <c r="SQG139" s="23"/>
      <c r="SQH139" s="23"/>
      <c r="SQI139" s="23"/>
      <c r="SQJ139" s="23"/>
      <c r="SQK139" s="23"/>
      <c r="SQL139" s="23"/>
      <c r="SQM139" s="23"/>
      <c r="SQN139" s="23"/>
      <c r="SQO139" s="23"/>
      <c r="SQP139" s="23"/>
      <c r="SQQ139" s="23"/>
      <c r="SQR139" s="23"/>
      <c r="SQS139" s="23"/>
      <c r="SQT139" s="23"/>
      <c r="SQU139" s="23"/>
      <c r="SQV139" s="23"/>
      <c r="SQW139" s="23"/>
      <c r="SQX139" s="23"/>
      <c r="SQY139" s="23"/>
      <c r="SQZ139" s="23"/>
      <c r="SRA139" s="23"/>
      <c r="SRB139" s="23"/>
      <c r="SRC139" s="23"/>
      <c r="SRD139" s="23"/>
      <c r="SRE139" s="23"/>
      <c r="SRF139" s="23"/>
      <c r="SRG139" s="23"/>
      <c r="SRH139" s="23"/>
      <c r="SRI139" s="23"/>
      <c r="SRJ139" s="23"/>
      <c r="SRK139" s="23"/>
      <c r="SRL139" s="23"/>
      <c r="SRM139" s="23"/>
      <c r="SRN139" s="23"/>
      <c r="SRO139" s="23"/>
      <c r="SRP139" s="23"/>
      <c r="SRQ139" s="23"/>
      <c r="SRR139" s="23"/>
      <c r="SRS139" s="23"/>
      <c r="SRT139" s="23"/>
      <c r="SRU139" s="23"/>
      <c r="SRV139" s="23"/>
      <c r="SRW139" s="23"/>
      <c r="SRX139" s="23"/>
      <c r="SRY139" s="23"/>
      <c r="SRZ139" s="23"/>
      <c r="SSA139" s="23"/>
      <c r="SSB139" s="23"/>
      <c r="SSC139" s="23"/>
      <c r="SSD139" s="23"/>
      <c r="SSE139" s="23"/>
      <c r="SSF139" s="23"/>
      <c r="SSG139" s="23"/>
      <c r="SSH139" s="23"/>
      <c r="SSI139" s="23"/>
      <c r="SSJ139" s="23"/>
      <c r="SSK139" s="23"/>
      <c r="SSL139" s="23"/>
      <c r="SSM139" s="23"/>
      <c r="SSN139" s="23"/>
      <c r="SSO139" s="23"/>
      <c r="SSP139" s="23"/>
      <c r="SSQ139" s="23"/>
      <c r="SSR139" s="23"/>
      <c r="SSS139" s="23"/>
      <c r="SST139" s="23"/>
      <c r="SSU139" s="23"/>
      <c r="SSV139" s="23"/>
      <c r="SSW139" s="23"/>
      <c r="SSX139" s="23"/>
      <c r="SSY139" s="23"/>
      <c r="SSZ139" s="23"/>
      <c r="STA139" s="23"/>
      <c r="STB139" s="23"/>
      <c r="STC139" s="23"/>
      <c r="STD139" s="23"/>
      <c r="STE139" s="23"/>
      <c r="STF139" s="23"/>
      <c r="STG139" s="23"/>
      <c r="STH139" s="23"/>
      <c r="STI139" s="23"/>
      <c r="STJ139" s="23"/>
      <c r="STK139" s="23"/>
      <c r="STL139" s="23"/>
      <c r="STM139" s="23"/>
      <c r="STN139" s="23"/>
      <c r="STO139" s="23"/>
      <c r="STP139" s="23"/>
      <c r="STQ139" s="23"/>
      <c r="STR139" s="23"/>
      <c r="STS139" s="23"/>
      <c r="STT139" s="23"/>
      <c r="STU139" s="23"/>
      <c r="STV139" s="23"/>
      <c r="STW139" s="23"/>
      <c r="STX139" s="23"/>
      <c r="STY139" s="23"/>
      <c r="STZ139" s="23"/>
      <c r="SUA139" s="23"/>
      <c r="SUB139" s="23"/>
      <c r="SUC139" s="23"/>
      <c r="SUD139" s="23"/>
      <c r="SUE139" s="23"/>
      <c r="SUF139" s="23"/>
      <c r="SUG139" s="23"/>
      <c r="SUH139" s="23"/>
      <c r="SUI139" s="23"/>
      <c r="SUJ139" s="23"/>
      <c r="SUK139" s="23"/>
      <c r="SUL139" s="23"/>
      <c r="SUM139" s="23"/>
      <c r="SUN139" s="23"/>
      <c r="SUO139" s="23"/>
      <c r="SUP139" s="23"/>
      <c r="SUQ139" s="23"/>
      <c r="SUR139" s="23"/>
      <c r="SUS139" s="23"/>
      <c r="SUT139" s="23"/>
      <c r="SUU139" s="23"/>
      <c r="SUV139" s="23"/>
      <c r="SUW139" s="23"/>
      <c r="SUX139" s="23"/>
      <c r="SUY139" s="23"/>
      <c r="SUZ139" s="23"/>
      <c r="SVA139" s="23"/>
      <c r="SVB139" s="23"/>
      <c r="SVC139" s="23"/>
      <c r="SVD139" s="23"/>
      <c r="SVE139" s="23"/>
      <c r="SVF139" s="23"/>
      <c r="SVG139" s="23"/>
      <c r="SVH139" s="23"/>
      <c r="SVI139" s="23"/>
      <c r="SVJ139" s="23"/>
      <c r="SVK139" s="23"/>
      <c r="SVL139" s="23"/>
      <c r="SVM139" s="23"/>
      <c r="SVN139" s="23"/>
      <c r="SVO139" s="23"/>
      <c r="SVP139" s="23"/>
      <c r="SVQ139" s="23"/>
      <c r="SVR139" s="23"/>
      <c r="SVS139" s="23"/>
      <c r="SVT139" s="23"/>
      <c r="SVU139" s="23"/>
      <c r="SVV139" s="23"/>
      <c r="SVW139" s="23"/>
      <c r="SVX139" s="23"/>
      <c r="SVY139" s="23"/>
      <c r="SVZ139" s="23"/>
      <c r="SWA139" s="23"/>
      <c r="SWB139" s="23"/>
      <c r="SWC139" s="23"/>
      <c r="SWD139" s="23"/>
      <c r="SWE139" s="23"/>
      <c r="SWF139" s="23"/>
      <c r="SWG139" s="23"/>
      <c r="SWH139" s="23"/>
      <c r="SWI139" s="23"/>
      <c r="SWJ139" s="23"/>
      <c r="SWK139" s="23"/>
      <c r="SWL139" s="23"/>
      <c r="SWM139" s="23"/>
      <c r="SWN139" s="23"/>
      <c r="SWO139" s="23"/>
      <c r="SWP139" s="23"/>
      <c r="SWQ139" s="23"/>
      <c r="SWR139" s="23"/>
      <c r="SWS139" s="23"/>
      <c r="SWT139" s="23"/>
      <c r="SWU139" s="23"/>
      <c r="SWV139" s="23"/>
      <c r="SWW139" s="23"/>
      <c r="SWX139" s="23"/>
      <c r="SWY139" s="23"/>
      <c r="SWZ139" s="23"/>
      <c r="SXA139" s="23"/>
      <c r="SXB139" s="23"/>
      <c r="SXC139" s="23"/>
      <c r="SXD139" s="23"/>
      <c r="SXE139" s="23"/>
      <c r="SXF139" s="23"/>
      <c r="SXG139" s="23"/>
      <c r="SXH139" s="23"/>
      <c r="SXI139" s="23"/>
      <c r="SXJ139" s="23"/>
      <c r="SXK139" s="23"/>
      <c r="SXL139" s="23"/>
      <c r="SXM139" s="23"/>
      <c r="SXN139" s="23"/>
      <c r="SXO139" s="23"/>
      <c r="SXP139" s="23"/>
      <c r="SXQ139" s="23"/>
      <c r="SXR139" s="23"/>
      <c r="SXS139" s="23"/>
      <c r="SXT139" s="23"/>
      <c r="SXU139" s="23"/>
      <c r="SXV139" s="23"/>
      <c r="SXW139" s="23"/>
      <c r="SXX139" s="23"/>
      <c r="SXY139" s="23"/>
      <c r="SXZ139" s="23"/>
      <c r="SYA139" s="23"/>
      <c r="SYB139" s="23"/>
      <c r="SYC139" s="23"/>
      <c r="SYD139" s="23"/>
      <c r="SYE139" s="23"/>
      <c r="SYF139" s="23"/>
      <c r="SYG139" s="23"/>
      <c r="SYH139" s="23"/>
      <c r="SYI139" s="23"/>
      <c r="SYJ139" s="23"/>
      <c r="SYK139" s="23"/>
      <c r="SYL139" s="23"/>
      <c r="SYM139" s="23"/>
      <c r="SYN139" s="23"/>
      <c r="SYO139" s="23"/>
      <c r="SYP139" s="23"/>
      <c r="SYQ139" s="23"/>
      <c r="SYR139" s="23"/>
      <c r="SYS139" s="23"/>
      <c r="SYT139" s="23"/>
      <c r="SYU139" s="23"/>
      <c r="SYV139" s="23"/>
      <c r="SYW139" s="23"/>
      <c r="SYX139" s="23"/>
      <c r="SYY139" s="23"/>
      <c r="SYZ139" s="23"/>
      <c r="SZA139" s="23"/>
      <c r="SZB139" s="23"/>
      <c r="SZC139" s="23"/>
      <c r="SZD139" s="23"/>
      <c r="SZE139" s="23"/>
      <c r="SZF139" s="23"/>
      <c r="SZG139" s="23"/>
      <c r="SZH139" s="23"/>
      <c r="SZI139" s="23"/>
      <c r="SZJ139" s="23"/>
      <c r="SZK139" s="23"/>
      <c r="SZL139" s="23"/>
      <c r="SZM139" s="23"/>
      <c r="SZN139" s="23"/>
      <c r="SZO139" s="23"/>
      <c r="SZP139" s="23"/>
      <c r="SZQ139" s="23"/>
      <c r="SZR139" s="23"/>
      <c r="SZS139" s="23"/>
      <c r="SZT139" s="23"/>
      <c r="SZU139" s="23"/>
      <c r="SZV139" s="23"/>
      <c r="SZW139" s="23"/>
      <c r="SZX139" s="23"/>
      <c r="SZY139" s="23"/>
      <c r="SZZ139" s="23"/>
      <c r="TAA139" s="23"/>
      <c r="TAB139" s="23"/>
      <c r="TAC139" s="23"/>
      <c r="TAD139" s="23"/>
      <c r="TAE139" s="23"/>
      <c r="TAF139" s="23"/>
      <c r="TAG139" s="23"/>
      <c r="TAH139" s="23"/>
      <c r="TAI139" s="23"/>
      <c r="TAJ139" s="23"/>
      <c r="TAK139" s="23"/>
      <c r="TAL139" s="23"/>
      <c r="TAM139" s="23"/>
      <c r="TAN139" s="23"/>
      <c r="TAO139" s="23"/>
      <c r="TAP139" s="23"/>
      <c r="TAQ139" s="23"/>
      <c r="TAR139" s="23"/>
      <c r="TAS139" s="23"/>
      <c r="TAT139" s="23"/>
      <c r="TAU139" s="23"/>
      <c r="TAV139" s="23"/>
      <c r="TAW139" s="23"/>
      <c r="TAX139" s="23"/>
      <c r="TAY139" s="23"/>
      <c r="TAZ139" s="23"/>
      <c r="TBA139" s="23"/>
      <c r="TBB139" s="23"/>
      <c r="TBC139" s="23"/>
      <c r="TBD139" s="23"/>
      <c r="TBE139" s="23"/>
      <c r="TBF139" s="23"/>
      <c r="TBG139" s="23"/>
      <c r="TBH139" s="23"/>
      <c r="TBI139" s="23"/>
      <c r="TBJ139" s="23"/>
      <c r="TBK139" s="23"/>
      <c r="TBL139" s="23"/>
      <c r="TBM139" s="23"/>
      <c r="TBN139" s="23"/>
      <c r="TBO139" s="23"/>
      <c r="TBP139" s="23"/>
      <c r="TBQ139" s="23"/>
      <c r="TBR139" s="23"/>
      <c r="TBS139" s="23"/>
      <c r="TBT139" s="23"/>
      <c r="TBU139" s="23"/>
      <c r="TBV139" s="23"/>
      <c r="TBW139" s="23"/>
      <c r="TBX139" s="23"/>
      <c r="TBY139" s="23"/>
      <c r="TBZ139" s="23"/>
      <c r="TCA139" s="23"/>
      <c r="TCB139" s="23"/>
      <c r="TCC139" s="23"/>
      <c r="TCD139" s="23"/>
      <c r="TCE139" s="23"/>
      <c r="TCF139" s="23"/>
      <c r="TCG139" s="23"/>
      <c r="TCH139" s="23"/>
      <c r="TCI139" s="23"/>
      <c r="TCJ139" s="23"/>
      <c r="TCK139" s="23"/>
      <c r="TCL139" s="23"/>
      <c r="TCM139" s="23"/>
      <c r="TCN139" s="23"/>
      <c r="TCO139" s="23"/>
      <c r="TCP139" s="23"/>
      <c r="TCQ139" s="23"/>
      <c r="TCR139" s="23"/>
      <c r="TCS139" s="23"/>
      <c r="TCT139" s="23"/>
      <c r="TCU139" s="23"/>
      <c r="TCV139" s="23"/>
      <c r="TCW139" s="23"/>
      <c r="TCX139" s="23"/>
      <c r="TCY139" s="23"/>
      <c r="TCZ139" s="23"/>
      <c r="TDA139" s="23"/>
      <c r="TDB139" s="23"/>
      <c r="TDC139" s="23"/>
      <c r="TDD139" s="23"/>
      <c r="TDE139" s="23"/>
      <c r="TDF139" s="23"/>
      <c r="TDG139" s="23"/>
      <c r="TDH139" s="23"/>
      <c r="TDI139" s="23"/>
      <c r="TDJ139" s="23"/>
      <c r="TDK139" s="23"/>
      <c r="TDL139" s="23"/>
      <c r="TDM139" s="23"/>
      <c r="TDN139" s="23"/>
      <c r="TDO139" s="23"/>
      <c r="TDP139" s="23"/>
      <c r="TDQ139" s="23"/>
      <c r="TDR139" s="23"/>
      <c r="TDS139" s="23"/>
      <c r="TDT139" s="23"/>
      <c r="TDU139" s="23"/>
      <c r="TDV139" s="23"/>
      <c r="TDW139" s="23"/>
      <c r="TDX139" s="23"/>
      <c r="TDY139" s="23"/>
      <c r="TDZ139" s="23"/>
      <c r="TEA139" s="23"/>
      <c r="TEB139" s="23"/>
      <c r="TEC139" s="23"/>
      <c r="TED139" s="23"/>
      <c r="TEE139" s="23"/>
      <c r="TEF139" s="23"/>
      <c r="TEG139" s="23"/>
      <c r="TEH139" s="23"/>
      <c r="TEI139" s="23"/>
      <c r="TEJ139" s="23"/>
      <c r="TEK139" s="23"/>
      <c r="TEL139" s="23"/>
      <c r="TEM139" s="23"/>
      <c r="TEN139" s="23"/>
      <c r="TEO139" s="23"/>
      <c r="TEP139" s="23"/>
      <c r="TEQ139" s="23"/>
      <c r="TER139" s="23"/>
      <c r="TES139" s="23"/>
      <c r="TET139" s="23"/>
      <c r="TEU139" s="23"/>
      <c r="TEV139" s="23"/>
      <c r="TEW139" s="23"/>
      <c r="TEX139" s="23"/>
      <c r="TEY139" s="23"/>
      <c r="TEZ139" s="23"/>
      <c r="TFA139" s="23"/>
      <c r="TFB139" s="23"/>
      <c r="TFC139" s="23"/>
      <c r="TFD139" s="23"/>
      <c r="TFE139" s="23"/>
      <c r="TFF139" s="23"/>
      <c r="TFG139" s="23"/>
      <c r="TFH139" s="23"/>
      <c r="TFI139" s="23"/>
      <c r="TFJ139" s="23"/>
      <c r="TFK139" s="23"/>
      <c r="TFL139" s="23"/>
      <c r="TFM139" s="23"/>
      <c r="TFN139" s="23"/>
      <c r="TFO139" s="23"/>
      <c r="TFP139" s="23"/>
      <c r="TFQ139" s="23"/>
      <c r="TFR139" s="23"/>
      <c r="TFS139" s="23"/>
      <c r="TFT139" s="23"/>
      <c r="TFU139" s="23"/>
      <c r="TFV139" s="23"/>
      <c r="TFW139" s="23"/>
      <c r="TFX139" s="23"/>
      <c r="TFY139" s="23"/>
      <c r="TFZ139" s="23"/>
      <c r="TGA139" s="23"/>
      <c r="TGB139" s="23"/>
      <c r="TGC139" s="23"/>
      <c r="TGD139" s="23"/>
      <c r="TGE139" s="23"/>
      <c r="TGF139" s="23"/>
      <c r="TGG139" s="23"/>
      <c r="TGH139" s="23"/>
      <c r="TGI139" s="23"/>
      <c r="TGJ139" s="23"/>
      <c r="TGK139" s="23"/>
      <c r="TGL139" s="23"/>
      <c r="TGM139" s="23"/>
      <c r="TGN139" s="23"/>
      <c r="TGO139" s="23"/>
      <c r="TGP139" s="23"/>
      <c r="TGQ139" s="23"/>
      <c r="TGR139" s="23"/>
      <c r="TGS139" s="23"/>
      <c r="TGT139" s="23"/>
      <c r="TGU139" s="23"/>
      <c r="TGV139" s="23"/>
      <c r="TGW139" s="23"/>
      <c r="TGX139" s="23"/>
      <c r="TGY139" s="23"/>
      <c r="TGZ139" s="23"/>
      <c r="THA139" s="23"/>
      <c r="THB139" s="23"/>
      <c r="THC139" s="23"/>
      <c r="THD139" s="23"/>
      <c r="THE139" s="23"/>
      <c r="THF139" s="23"/>
      <c r="THG139" s="23"/>
      <c r="THH139" s="23"/>
      <c r="THI139" s="23"/>
      <c r="THJ139" s="23"/>
      <c r="THK139" s="23"/>
      <c r="THL139" s="23"/>
      <c r="THM139" s="23"/>
      <c r="THN139" s="23"/>
      <c r="THO139" s="23"/>
      <c r="THP139" s="23"/>
      <c r="THQ139" s="23"/>
      <c r="THR139" s="23"/>
      <c r="THS139" s="23"/>
      <c r="THT139" s="23"/>
      <c r="THU139" s="23"/>
      <c r="THV139" s="23"/>
      <c r="THW139" s="23"/>
      <c r="THX139" s="23"/>
      <c r="THY139" s="23"/>
      <c r="THZ139" s="23"/>
      <c r="TIA139" s="23"/>
      <c r="TIB139" s="23"/>
      <c r="TIC139" s="23"/>
      <c r="TID139" s="23"/>
      <c r="TIE139" s="23"/>
      <c r="TIF139" s="23"/>
      <c r="TIG139" s="23"/>
      <c r="TIH139" s="23"/>
      <c r="TII139" s="23"/>
      <c r="TIJ139" s="23"/>
      <c r="TIK139" s="23"/>
      <c r="TIL139" s="23"/>
      <c r="TIM139" s="23"/>
      <c r="TIN139" s="23"/>
      <c r="TIO139" s="23"/>
      <c r="TIP139" s="23"/>
      <c r="TIQ139" s="23"/>
      <c r="TIR139" s="23"/>
      <c r="TIS139" s="23"/>
      <c r="TIT139" s="23"/>
      <c r="TIU139" s="23"/>
      <c r="TIV139" s="23"/>
      <c r="TIW139" s="23"/>
      <c r="TIX139" s="23"/>
      <c r="TIY139" s="23"/>
      <c r="TIZ139" s="23"/>
      <c r="TJA139" s="23"/>
      <c r="TJB139" s="23"/>
      <c r="TJC139" s="23"/>
      <c r="TJD139" s="23"/>
      <c r="TJE139" s="23"/>
      <c r="TJF139" s="23"/>
      <c r="TJG139" s="23"/>
      <c r="TJH139" s="23"/>
      <c r="TJI139" s="23"/>
      <c r="TJJ139" s="23"/>
      <c r="TJK139" s="23"/>
      <c r="TJL139" s="23"/>
      <c r="TJM139" s="23"/>
      <c r="TJN139" s="23"/>
      <c r="TJO139" s="23"/>
      <c r="TJP139" s="23"/>
      <c r="TJQ139" s="23"/>
      <c r="TJR139" s="23"/>
      <c r="TJS139" s="23"/>
      <c r="TJT139" s="23"/>
      <c r="TJU139" s="23"/>
      <c r="TJV139" s="23"/>
      <c r="TJW139" s="23"/>
      <c r="TJX139" s="23"/>
      <c r="TJY139" s="23"/>
      <c r="TJZ139" s="23"/>
      <c r="TKA139" s="23"/>
      <c r="TKB139" s="23"/>
      <c r="TKC139" s="23"/>
      <c r="TKD139" s="23"/>
      <c r="TKE139" s="23"/>
      <c r="TKF139" s="23"/>
      <c r="TKG139" s="23"/>
      <c r="TKH139" s="23"/>
      <c r="TKI139" s="23"/>
      <c r="TKJ139" s="23"/>
      <c r="TKK139" s="23"/>
      <c r="TKL139" s="23"/>
      <c r="TKM139" s="23"/>
      <c r="TKN139" s="23"/>
      <c r="TKO139" s="23"/>
      <c r="TKP139" s="23"/>
      <c r="TKQ139" s="23"/>
      <c r="TKR139" s="23"/>
      <c r="TKS139" s="23"/>
      <c r="TKT139" s="23"/>
      <c r="TKU139" s="23"/>
      <c r="TKV139" s="23"/>
      <c r="TKW139" s="23"/>
      <c r="TKX139" s="23"/>
      <c r="TKY139" s="23"/>
      <c r="TKZ139" s="23"/>
      <c r="TLA139" s="23"/>
      <c r="TLB139" s="23"/>
      <c r="TLC139" s="23"/>
      <c r="TLD139" s="23"/>
      <c r="TLE139" s="23"/>
      <c r="TLF139" s="23"/>
      <c r="TLG139" s="23"/>
      <c r="TLH139" s="23"/>
      <c r="TLI139" s="23"/>
      <c r="TLJ139" s="23"/>
      <c r="TLK139" s="23"/>
      <c r="TLL139" s="23"/>
      <c r="TLM139" s="23"/>
      <c r="TLN139" s="23"/>
      <c r="TLO139" s="23"/>
      <c r="TLP139" s="23"/>
      <c r="TLQ139" s="23"/>
      <c r="TLR139" s="23"/>
      <c r="TLS139" s="23"/>
      <c r="TLT139" s="23"/>
      <c r="TLU139" s="23"/>
      <c r="TLV139" s="23"/>
      <c r="TLW139" s="23"/>
      <c r="TLX139" s="23"/>
      <c r="TLY139" s="23"/>
      <c r="TLZ139" s="23"/>
      <c r="TMA139" s="23"/>
      <c r="TMB139" s="23"/>
      <c r="TMC139" s="23"/>
      <c r="TMD139" s="23"/>
      <c r="TME139" s="23"/>
      <c r="TMF139" s="23"/>
      <c r="TMG139" s="23"/>
      <c r="TMH139" s="23"/>
      <c r="TMI139" s="23"/>
      <c r="TMJ139" s="23"/>
      <c r="TMK139" s="23"/>
      <c r="TML139" s="23"/>
      <c r="TMM139" s="23"/>
      <c r="TMN139" s="23"/>
      <c r="TMO139" s="23"/>
      <c r="TMP139" s="23"/>
      <c r="TMQ139" s="23"/>
      <c r="TMR139" s="23"/>
      <c r="TMS139" s="23"/>
      <c r="TMT139" s="23"/>
      <c r="TMU139" s="23"/>
      <c r="TMV139" s="23"/>
      <c r="TMW139" s="23"/>
      <c r="TMX139" s="23"/>
      <c r="TMY139" s="23"/>
      <c r="TMZ139" s="23"/>
      <c r="TNA139" s="23"/>
      <c r="TNB139" s="23"/>
      <c r="TNC139" s="23"/>
      <c r="TND139" s="23"/>
      <c r="TNE139" s="23"/>
      <c r="TNF139" s="23"/>
      <c r="TNG139" s="23"/>
      <c r="TNH139" s="23"/>
      <c r="TNI139" s="23"/>
      <c r="TNJ139" s="23"/>
      <c r="TNK139" s="23"/>
      <c r="TNL139" s="23"/>
      <c r="TNM139" s="23"/>
      <c r="TNN139" s="23"/>
      <c r="TNO139" s="23"/>
      <c r="TNP139" s="23"/>
      <c r="TNQ139" s="23"/>
      <c r="TNR139" s="23"/>
      <c r="TNS139" s="23"/>
      <c r="TNT139" s="23"/>
      <c r="TNU139" s="23"/>
      <c r="TNV139" s="23"/>
      <c r="TNW139" s="23"/>
      <c r="TNX139" s="23"/>
      <c r="TNY139" s="23"/>
      <c r="TNZ139" s="23"/>
      <c r="TOA139" s="23"/>
      <c r="TOB139" s="23"/>
      <c r="TOC139" s="23"/>
      <c r="TOD139" s="23"/>
      <c r="TOE139" s="23"/>
      <c r="TOF139" s="23"/>
      <c r="TOG139" s="23"/>
      <c r="TOH139" s="23"/>
      <c r="TOI139" s="23"/>
      <c r="TOJ139" s="23"/>
      <c r="TOK139" s="23"/>
      <c r="TOL139" s="23"/>
      <c r="TOM139" s="23"/>
      <c r="TON139" s="23"/>
      <c r="TOO139" s="23"/>
      <c r="TOP139" s="23"/>
      <c r="TOQ139" s="23"/>
      <c r="TOR139" s="23"/>
      <c r="TOS139" s="23"/>
      <c r="TOT139" s="23"/>
      <c r="TOU139" s="23"/>
      <c r="TOV139" s="23"/>
      <c r="TOW139" s="23"/>
      <c r="TOX139" s="23"/>
      <c r="TOY139" s="23"/>
      <c r="TOZ139" s="23"/>
      <c r="TPA139" s="23"/>
      <c r="TPB139" s="23"/>
      <c r="TPC139" s="23"/>
      <c r="TPD139" s="23"/>
      <c r="TPE139" s="23"/>
      <c r="TPF139" s="23"/>
      <c r="TPG139" s="23"/>
      <c r="TPH139" s="23"/>
      <c r="TPI139" s="23"/>
      <c r="TPJ139" s="23"/>
      <c r="TPK139" s="23"/>
      <c r="TPL139" s="23"/>
      <c r="TPM139" s="23"/>
      <c r="TPN139" s="23"/>
      <c r="TPO139" s="23"/>
      <c r="TPP139" s="23"/>
      <c r="TPQ139" s="23"/>
      <c r="TPR139" s="23"/>
      <c r="TPS139" s="23"/>
      <c r="TPT139" s="23"/>
      <c r="TPU139" s="23"/>
      <c r="TPV139" s="23"/>
      <c r="TPW139" s="23"/>
      <c r="TPX139" s="23"/>
      <c r="TPY139" s="23"/>
      <c r="TPZ139" s="23"/>
      <c r="TQA139" s="23"/>
      <c r="TQB139" s="23"/>
      <c r="TQC139" s="23"/>
      <c r="TQD139" s="23"/>
      <c r="TQE139" s="23"/>
      <c r="TQF139" s="23"/>
      <c r="TQG139" s="23"/>
      <c r="TQH139" s="23"/>
      <c r="TQI139" s="23"/>
      <c r="TQJ139" s="23"/>
      <c r="TQK139" s="23"/>
      <c r="TQL139" s="23"/>
      <c r="TQM139" s="23"/>
      <c r="TQN139" s="23"/>
      <c r="TQO139" s="23"/>
      <c r="TQP139" s="23"/>
      <c r="TQQ139" s="23"/>
      <c r="TQR139" s="23"/>
      <c r="TQS139" s="23"/>
      <c r="TQT139" s="23"/>
      <c r="TQU139" s="23"/>
      <c r="TQV139" s="23"/>
      <c r="TQW139" s="23"/>
      <c r="TQX139" s="23"/>
      <c r="TQY139" s="23"/>
      <c r="TQZ139" s="23"/>
      <c r="TRA139" s="23"/>
      <c r="TRB139" s="23"/>
      <c r="TRC139" s="23"/>
      <c r="TRD139" s="23"/>
      <c r="TRE139" s="23"/>
      <c r="TRF139" s="23"/>
      <c r="TRG139" s="23"/>
      <c r="TRH139" s="23"/>
      <c r="TRI139" s="23"/>
      <c r="TRJ139" s="23"/>
      <c r="TRK139" s="23"/>
      <c r="TRL139" s="23"/>
      <c r="TRM139" s="23"/>
      <c r="TRN139" s="23"/>
      <c r="TRO139" s="23"/>
      <c r="TRP139" s="23"/>
      <c r="TRQ139" s="23"/>
      <c r="TRR139" s="23"/>
      <c r="TRS139" s="23"/>
      <c r="TRT139" s="23"/>
      <c r="TRU139" s="23"/>
      <c r="TRV139" s="23"/>
      <c r="TRW139" s="23"/>
      <c r="TRX139" s="23"/>
      <c r="TRY139" s="23"/>
      <c r="TRZ139" s="23"/>
      <c r="TSA139" s="23"/>
      <c r="TSB139" s="23"/>
      <c r="TSC139" s="23"/>
      <c r="TSD139" s="23"/>
      <c r="TSE139" s="23"/>
      <c r="TSF139" s="23"/>
      <c r="TSG139" s="23"/>
      <c r="TSH139" s="23"/>
      <c r="TSI139" s="23"/>
      <c r="TSJ139" s="23"/>
      <c r="TSK139" s="23"/>
      <c r="TSL139" s="23"/>
      <c r="TSM139" s="23"/>
      <c r="TSN139" s="23"/>
      <c r="TSO139" s="23"/>
      <c r="TSP139" s="23"/>
      <c r="TSQ139" s="23"/>
      <c r="TSR139" s="23"/>
      <c r="TSS139" s="23"/>
      <c r="TST139" s="23"/>
      <c r="TSU139" s="23"/>
      <c r="TSV139" s="23"/>
      <c r="TSW139" s="23"/>
      <c r="TSX139" s="23"/>
      <c r="TSY139" s="23"/>
      <c r="TSZ139" s="23"/>
      <c r="TTA139" s="23"/>
      <c r="TTB139" s="23"/>
      <c r="TTC139" s="23"/>
      <c r="TTD139" s="23"/>
      <c r="TTE139" s="23"/>
      <c r="TTF139" s="23"/>
      <c r="TTG139" s="23"/>
      <c r="TTH139" s="23"/>
      <c r="TTI139" s="23"/>
      <c r="TTJ139" s="23"/>
      <c r="TTK139" s="23"/>
      <c r="TTL139" s="23"/>
      <c r="TTM139" s="23"/>
      <c r="TTN139" s="23"/>
      <c r="TTO139" s="23"/>
      <c r="TTP139" s="23"/>
      <c r="TTQ139" s="23"/>
      <c r="TTR139" s="23"/>
      <c r="TTS139" s="23"/>
      <c r="TTT139" s="23"/>
      <c r="TTU139" s="23"/>
      <c r="TTV139" s="23"/>
      <c r="TTW139" s="23"/>
      <c r="TTX139" s="23"/>
      <c r="TTY139" s="23"/>
      <c r="TTZ139" s="23"/>
      <c r="TUA139" s="23"/>
      <c r="TUB139" s="23"/>
      <c r="TUC139" s="23"/>
      <c r="TUD139" s="23"/>
      <c r="TUE139" s="23"/>
      <c r="TUF139" s="23"/>
      <c r="TUG139" s="23"/>
      <c r="TUH139" s="23"/>
      <c r="TUI139" s="23"/>
      <c r="TUJ139" s="23"/>
      <c r="TUK139" s="23"/>
      <c r="TUL139" s="23"/>
      <c r="TUM139" s="23"/>
      <c r="TUN139" s="23"/>
      <c r="TUO139" s="23"/>
      <c r="TUP139" s="23"/>
      <c r="TUQ139" s="23"/>
      <c r="TUR139" s="23"/>
      <c r="TUS139" s="23"/>
      <c r="TUT139" s="23"/>
      <c r="TUU139" s="23"/>
      <c r="TUV139" s="23"/>
      <c r="TUW139" s="23"/>
      <c r="TUX139" s="23"/>
      <c r="TUY139" s="23"/>
      <c r="TUZ139" s="23"/>
      <c r="TVA139" s="23"/>
      <c r="TVB139" s="23"/>
      <c r="TVC139" s="23"/>
      <c r="TVD139" s="23"/>
      <c r="TVE139" s="23"/>
      <c r="TVF139" s="23"/>
      <c r="TVG139" s="23"/>
      <c r="TVH139" s="23"/>
      <c r="TVI139" s="23"/>
      <c r="TVJ139" s="23"/>
      <c r="TVK139" s="23"/>
      <c r="TVL139" s="23"/>
      <c r="TVM139" s="23"/>
      <c r="TVN139" s="23"/>
      <c r="TVO139" s="23"/>
      <c r="TVP139" s="23"/>
      <c r="TVQ139" s="23"/>
      <c r="TVR139" s="23"/>
      <c r="TVS139" s="23"/>
      <c r="TVT139" s="23"/>
      <c r="TVU139" s="23"/>
      <c r="TVV139" s="23"/>
      <c r="TVW139" s="23"/>
      <c r="TVX139" s="23"/>
      <c r="TVY139" s="23"/>
      <c r="TVZ139" s="23"/>
      <c r="TWA139" s="23"/>
      <c r="TWB139" s="23"/>
      <c r="TWC139" s="23"/>
      <c r="TWD139" s="23"/>
      <c r="TWE139" s="23"/>
      <c r="TWF139" s="23"/>
      <c r="TWG139" s="23"/>
      <c r="TWH139" s="23"/>
      <c r="TWI139" s="23"/>
      <c r="TWJ139" s="23"/>
      <c r="TWK139" s="23"/>
      <c r="TWL139" s="23"/>
      <c r="TWM139" s="23"/>
      <c r="TWN139" s="23"/>
      <c r="TWO139" s="23"/>
      <c r="TWP139" s="23"/>
      <c r="TWQ139" s="23"/>
      <c r="TWR139" s="23"/>
      <c r="TWS139" s="23"/>
      <c r="TWT139" s="23"/>
      <c r="TWU139" s="23"/>
      <c r="TWV139" s="23"/>
      <c r="TWW139" s="23"/>
      <c r="TWX139" s="23"/>
      <c r="TWY139" s="23"/>
      <c r="TWZ139" s="23"/>
      <c r="TXA139" s="23"/>
      <c r="TXB139" s="23"/>
      <c r="TXC139" s="23"/>
      <c r="TXD139" s="23"/>
      <c r="TXE139" s="23"/>
      <c r="TXF139" s="23"/>
      <c r="TXG139" s="23"/>
      <c r="TXH139" s="23"/>
      <c r="TXI139" s="23"/>
      <c r="TXJ139" s="23"/>
      <c r="TXK139" s="23"/>
      <c r="TXL139" s="23"/>
      <c r="TXM139" s="23"/>
      <c r="TXN139" s="23"/>
      <c r="TXO139" s="23"/>
      <c r="TXP139" s="23"/>
      <c r="TXQ139" s="23"/>
      <c r="TXR139" s="23"/>
      <c r="TXS139" s="23"/>
      <c r="TXT139" s="23"/>
      <c r="TXU139" s="23"/>
      <c r="TXV139" s="23"/>
      <c r="TXW139" s="23"/>
      <c r="TXX139" s="23"/>
      <c r="TXY139" s="23"/>
      <c r="TXZ139" s="23"/>
      <c r="TYA139" s="23"/>
      <c r="TYB139" s="23"/>
      <c r="TYC139" s="23"/>
      <c r="TYD139" s="23"/>
      <c r="TYE139" s="23"/>
      <c r="TYF139" s="23"/>
      <c r="TYG139" s="23"/>
      <c r="TYH139" s="23"/>
      <c r="TYI139" s="23"/>
      <c r="TYJ139" s="23"/>
      <c r="TYK139" s="23"/>
      <c r="TYL139" s="23"/>
      <c r="TYM139" s="23"/>
      <c r="TYN139" s="23"/>
      <c r="TYO139" s="23"/>
      <c r="TYP139" s="23"/>
      <c r="TYQ139" s="23"/>
      <c r="TYR139" s="23"/>
      <c r="TYS139" s="23"/>
      <c r="TYT139" s="23"/>
      <c r="TYU139" s="23"/>
      <c r="TYV139" s="23"/>
      <c r="TYW139" s="23"/>
      <c r="TYX139" s="23"/>
      <c r="TYY139" s="23"/>
      <c r="TYZ139" s="23"/>
      <c r="TZA139" s="23"/>
      <c r="TZB139" s="23"/>
      <c r="TZC139" s="23"/>
      <c r="TZD139" s="23"/>
      <c r="TZE139" s="23"/>
      <c r="TZF139" s="23"/>
      <c r="TZG139" s="23"/>
      <c r="TZH139" s="23"/>
      <c r="TZI139" s="23"/>
      <c r="TZJ139" s="23"/>
      <c r="TZK139" s="23"/>
      <c r="TZL139" s="23"/>
      <c r="TZM139" s="23"/>
      <c r="TZN139" s="23"/>
      <c r="TZO139" s="23"/>
      <c r="TZP139" s="23"/>
      <c r="TZQ139" s="23"/>
      <c r="TZR139" s="23"/>
      <c r="TZS139" s="23"/>
      <c r="TZT139" s="23"/>
      <c r="TZU139" s="23"/>
      <c r="TZV139" s="23"/>
      <c r="TZW139" s="23"/>
      <c r="TZX139" s="23"/>
      <c r="TZY139" s="23"/>
      <c r="TZZ139" s="23"/>
      <c r="UAA139" s="23"/>
      <c r="UAB139" s="23"/>
      <c r="UAC139" s="23"/>
      <c r="UAD139" s="23"/>
      <c r="UAE139" s="23"/>
      <c r="UAF139" s="23"/>
      <c r="UAG139" s="23"/>
      <c r="UAH139" s="23"/>
      <c r="UAI139" s="23"/>
      <c r="UAJ139" s="23"/>
      <c r="UAK139" s="23"/>
      <c r="UAL139" s="23"/>
      <c r="UAM139" s="23"/>
      <c r="UAN139" s="23"/>
      <c r="UAO139" s="23"/>
      <c r="UAP139" s="23"/>
      <c r="UAQ139" s="23"/>
      <c r="UAR139" s="23"/>
      <c r="UAS139" s="23"/>
      <c r="UAT139" s="23"/>
      <c r="UAU139" s="23"/>
      <c r="UAV139" s="23"/>
      <c r="UAW139" s="23"/>
      <c r="UAX139" s="23"/>
      <c r="UAY139" s="23"/>
      <c r="UAZ139" s="23"/>
      <c r="UBA139" s="23"/>
      <c r="UBB139" s="23"/>
      <c r="UBC139" s="23"/>
      <c r="UBD139" s="23"/>
      <c r="UBE139" s="23"/>
      <c r="UBF139" s="23"/>
      <c r="UBG139" s="23"/>
      <c r="UBH139" s="23"/>
      <c r="UBI139" s="23"/>
      <c r="UBJ139" s="23"/>
      <c r="UBK139" s="23"/>
      <c r="UBL139" s="23"/>
      <c r="UBM139" s="23"/>
      <c r="UBN139" s="23"/>
      <c r="UBO139" s="23"/>
      <c r="UBP139" s="23"/>
      <c r="UBQ139" s="23"/>
      <c r="UBR139" s="23"/>
      <c r="UBS139" s="23"/>
      <c r="UBT139" s="23"/>
      <c r="UBU139" s="23"/>
      <c r="UBV139" s="23"/>
      <c r="UBW139" s="23"/>
      <c r="UBX139" s="23"/>
      <c r="UBY139" s="23"/>
      <c r="UBZ139" s="23"/>
      <c r="UCA139" s="23"/>
      <c r="UCB139" s="23"/>
      <c r="UCC139" s="23"/>
      <c r="UCD139" s="23"/>
      <c r="UCE139" s="23"/>
      <c r="UCF139" s="23"/>
      <c r="UCG139" s="23"/>
      <c r="UCH139" s="23"/>
      <c r="UCI139" s="23"/>
      <c r="UCJ139" s="23"/>
      <c r="UCK139" s="23"/>
      <c r="UCL139" s="23"/>
      <c r="UCM139" s="23"/>
      <c r="UCN139" s="23"/>
      <c r="UCO139" s="23"/>
      <c r="UCP139" s="23"/>
      <c r="UCQ139" s="23"/>
      <c r="UCR139" s="23"/>
      <c r="UCS139" s="23"/>
      <c r="UCT139" s="23"/>
      <c r="UCU139" s="23"/>
      <c r="UCV139" s="23"/>
      <c r="UCW139" s="23"/>
      <c r="UCX139" s="23"/>
      <c r="UCY139" s="23"/>
      <c r="UCZ139" s="23"/>
      <c r="UDA139" s="23"/>
      <c r="UDB139" s="23"/>
      <c r="UDC139" s="23"/>
      <c r="UDD139" s="23"/>
      <c r="UDE139" s="23"/>
      <c r="UDF139" s="23"/>
      <c r="UDG139" s="23"/>
      <c r="UDH139" s="23"/>
      <c r="UDI139" s="23"/>
      <c r="UDJ139" s="23"/>
      <c r="UDK139" s="23"/>
      <c r="UDL139" s="23"/>
      <c r="UDM139" s="23"/>
      <c r="UDN139" s="23"/>
      <c r="UDO139" s="23"/>
      <c r="UDP139" s="23"/>
      <c r="UDQ139" s="23"/>
      <c r="UDR139" s="23"/>
      <c r="UDS139" s="23"/>
      <c r="UDT139" s="23"/>
      <c r="UDU139" s="23"/>
      <c r="UDV139" s="23"/>
      <c r="UDW139" s="23"/>
      <c r="UDX139" s="23"/>
      <c r="UDY139" s="23"/>
      <c r="UDZ139" s="23"/>
      <c r="UEA139" s="23"/>
      <c r="UEB139" s="23"/>
      <c r="UEC139" s="23"/>
      <c r="UED139" s="23"/>
      <c r="UEE139" s="23"/>
      <c r="UEF139" s="23"/>
      <c r="UEG139" s="23"/>
      <c r="UEH139" s="23"/>
      <c r="UEI139" s="23"/>
      <c r="UEJ139" s="23"/>
      <c r="UEK139" s="23"/>
      <c r="UEL139" s="23"/>
      <c r="UEM139" s="23"/>
      <c r="UEN139" s="23"/>
      <c r="UEO139" s="23"/>
      <c r="UEP139" s="23"/>
      <c r="UEQ139" s="23"/>
      <c r="UER139" s="23"/>
      <c r="UES139" s="23"/>
      <c r="UET139" s="23"/>
      <c r="UEU139" s="23"/>
      <c r="UEV139" s="23"/>
      <c r="UEW139" s="23"/>
      <c r="UEX139" s="23"/>
      <c r="UEY139" s="23"/>
      <c r="UEZ139" s="23"/>
      <c r="UFA139" s="23"/>
      <c r="UFB139" s="23"/>
      <c r="UFC139" s="23"/>
      <c r="UFD139" s="23"/>
      <c r="UFE139" s="23"/>
      <c r="UFF139" s="23"/>
      <c r="UFG139" s="23"/>
      <c r="UFH139" s="23"/>
      <c r="UFI139" s="23"/>
      <c r="UFJ139" s="23"/>
      <c r="UFK139" s="23"/>
      <c r="UFL139" s="23"/>
      <c r="UFM139" s="23"/>
      <c r="UFN139" s="23"/>
      <c r="UFO139" s="23"/>
      <c r="UFP139" s="23"/>
      <c r="UFQ139" s="23"/>
      <c r="UFR139" s="23"/>
      <c r="UFS139" s="23"/>
      <c r="UFT139" s="23"/>
      <c r="UFU139" s="23"/>
      <c r="UFV139" s="23"/>
      <c r="UFW139" s="23"/>
      <c r="UFX139" s="23"/>
      <c r="UFY139" s="23"/>
      <c r="UFZ139" s="23"/>
      <c r="UGA139" s="23"/>
      <c r="UGB139" s="23"/>
      <c r="UGC139" s="23"/>
      <c r="UGD139" s="23"/>
      <c r="UGE139" s="23"/>
      <c r="UGF139" s="23"/>
      <c r="UGG139" s="23"/>
      <c r="UGH139" s="23"/>
      <c r="UGI139" s="23"/>
      <c r="UGJ139" s="23"/>
      <c r="UGK139" s="23"/>
      <c r="UGL139" s="23"/>
      <c r="UGM139" s="23"/>
      <c r="UGN139" s="23"/>
      <c r="UGO139" s="23"/>
      <c r="UGP139" s="23"/>
      <c r="UGQ139" s="23"/>
      <c r="UGR139" s="23"/>
      <c r="UGS139" s="23"/>
      <c r="UGT139" s="23"/>
      <c r="UGU139" s="23"/>
      <c r="UGV139" s="23"/>
      <c r="UGW139" s="23"/>
      <c r="UGX139" s="23"/>
      <c r="UGY139" s="23"/>
      <c r="UGZ139" s="23"/>
      <c r="UHA139" s="23"/>
      <c r="UHB139" s="23"/>
      <c r="UHC139" s="23"/>
      <c r="UHD139" s="23"/>
      <c r="UHE139" s="23"/>
      <c r="UHF139" s="23"/>
      <c r="UHG139" s="23"/>
      <c r="UHH139" s="23"/>
      <c r="UHI139" s="23"/>
      <c r="UHJ139" s="23"/>
      <c r="UHK139" s="23"/>
      <c r="UHL139" s="23"/>
      <c r="UHM139" s="23"/>
      <c r="UHN139" s="23"/>
      <c r="UHO139" s="23"/>
      <c r="UHP139" s="23"/>
      <c r="UHQ139" s="23"/>
      <c r="UHR139" s="23"/>
      <c r="UHS139" s="23"/>
      <c r="UHT139" s="23"/>
      <c r="UHU139" s="23"/>
      <c r="UHV139" s="23"/>
      <c r="UHW139" s="23"/>
      <c r="UHX139" s="23"/>
      <c r="UHY139" s="23"/>
      <c r="UHZ139" s="23"/>
      <c r="UIA139" s="23"/>
      <c r="UIB139" s="23"/>
      <c r="UIC139" s="23"/>
      <c r="UID139" s="23"/>
      <c r="UIE139" s="23"/>
      <c r="UIF139" s="23"/>
      <c r="UIG139" s="23"/>
      <c r="UIH139" s="23"/>
      <c r="UII139" s="23"/>
      <c r="UIJ139" s="23"/>
      <c r="UIK139" s="23"/>
      <c r="UIL139" s="23"/>
      <c r="UIM139" s="23"/>
      <c r="UIN139" s="23"/>
      <c r="UIO139" s="23"/>
      <c r="UIP139" s="23"/>
      <c r="UIQ139" s="23"/>
      <c r="UIR139" s="23"/>
      <c r="UIS139" s="23"/>
      <c r="UIT139" s="23"/>
      <c r="UIU139" s="23"/>
      <c r="UIV139" s="23"/>
      <c r="UIW139" s="23"/>
      <c r="UIX139" s="23"/>
      <c r="UIY139" s="23"/>
      <c r="UIZ139" s="23"/>
      <c r="UJA139" s="23"/>
      <c r="UJB139" s="23"/>
      <c r="UJC139" s="23"/>
      <c r="UJD139" s="23"/>
      <c r="UJE139" s="23"/>
      <c r="UJF139" s="23"/>
      <c r="UJG139" s="23"/>
      <c r="UJH139" s="23"/>
      <c r="UJI139" s="23"/>
      <c r="UJJ139" s="23"/>
      <c r="UJK139" s="23"/>
      <c r="UJL139" s="23"/>
      <c r="UJM139" s="23"/>
      <c r="UJN139" s="23"/>
      <c r="UJO139" s="23"/>
      <c r="UJP139" s="23"/>
      <c r="UJQ139" s="23"/>
      <c r="UJR139" s="23"/>
      <c r="UJS139" s="23"/>
      <c r="UJT139" s="23"/>
      <c r="UJU139" s="23"/>
      <c r="UJV139" s="23"/>
      <c r="UJW139" s="23"/>
      <c r="UJX139" s="23"/>
      <c r="UJY139" s="23"/>
      <c r="UJZ139" s="23"/>
      <c r="UKA139" s="23"/>
      <c r="UKB139" s="23"/>
      <c r="UKC139" s="23"/>
      <c r="UKD139" s="23"/>
      <c r="UKE139" s="23"/>
      <c r="UKF139" s="23"/>
      <c r="UKG139" s="23"/>
      <c r="UKH139" s="23"/>
      <c r="UKI139" s="23"/>
      <c r="UKJ139" s="23"/>
      <c r="UKK139" s="23"/>
      <c r="UKL139" s="23"/>
      <c r="UKM139" s="23"/>
      <c r="UKN139" s="23"/>
      <c r="UKO139" s="23"/>
      <c r="UKP139" s="23"/>
      <c r="UKQ139" s="23"/>
      <c r="UKR139" s="23"/>
      <c r="UKS139" s="23"/>
      <c r="UKT139" s="23"/>
      <c r="UKU139" s="23"/>
      <c r="UKV139" s="23"/>
      <c r="UKW139" s="23"/>
      <c r="UKX139" s="23"/>
      <c r="UKY139" s="23"/>
      <c r="UKZ139" s="23"/>
      <c r="ULA139" s="23"/>
      <c r="ULB139" s="23"/>
      <c r="ULC139" s="23"/>
      <c r="ULD139" s="23"/>
      <c r="ULE139" s="23"/>
      <c r="ULF139" s="23"/>
      <c r="ULG139" s="23"/>
      <c r="ULH139" s="23"/>
      <c r="ULI139" s="23"/>
      <c r="ULJ139" s="23"/>
      <c r="ULK139" s="23"/>
      <c r="ULL139" s="23"/>
      <c r="ULM139" s="23"/>
      <c r="ULN139" s="23"/>
      <c r="ULO139" s="23"/>
      <c r="ULP139" s="23"/>
      <c r="ULQ139" s="23"/>
      <c r="ULR139" s="23"/>
      <c r="ULS139" s="23"/>
      <c r="ULT139" s="23"/>
      <c r="ULU139" s="23"/>
      <c r="ULV139" s="23"/>
      <c r="ULW139" s="23"/>
      <c r="ULX139" s="23"/>
      <c r="ULY139" s="23"/>
      <c r="ULZ139" s="23"/>
      <c r="UMA139" s="23"/>
      <c r="UMB139" s="23"/>
      <c r="UMC139" s="23"/>
      <c r="UMD139" s="23"/>
      <c r="UME139" s="23"/>
      <c r="UMF139" s="23"/>
      <c r="UMG139" s="23"/>
      <c r="UMH139" s="23"/>
      <c r="UMI139" s="23"/>
      <c r="UMJ139" s="23"/>
      <c r="UMK139" s="23"/>
      <c r="UML139" s="23"/>
      <c r="UMM139" s="23"/>
      <c r="UMN139" s="23"/>
      <c r="UMO139" s="23"/>
      <c r="UMP139" s="23"/>
      <c r="UMQ139" s="23"/>
      <c r="UMR139" s="23"/>
      <c r="UMS139" s="23"/>
      <c r="UMT139" s="23"/>
      <c r="UMU139" s="23"/>
      <c r="UMV139" s="23"/>
      <c r="UMW139" s="23"/>
      <c r="UMX139" s="23"/>
      <c r="UMY139" s="23"/>
      <c r="UMZ139" s="23"/>
      <c r="UNA139" s="23"/>
      <c r="UNB139" s="23"/>
      <c r="UNC139" s="23"/>
      <c r="UND139" s="23"/>
      <c r="UNE139" s="23"/>
      <c r="UNF139" s="23"/>
      <c r="UNG139" s="23"/>
      <c r="UNH139" s="23"/>
      <c r="UNI139" s="23"/>
      <c r="UNJ139" s="23"/>
      <c r="UNK139" s="23"/>
      <c r="UNL139" s="23"/>
      <c r="UNM139" s="23"/>
      <c r="UNN139" s="23"/>
      <c r="UNO139" s="23"/>
      <c r="UNP139" s="23"/>
      <c r="UNQ139" s="23"/>
      <c r="UNR139" s="23"/>
      <c r="UNS139" s="23"/>
      <c r="UNT139" s="23"/>
      <c r="UNU139" s="23"/>
      <c r="UNV139" s="23"/>
      <c r="UNW139" s="23"/>
      <c r="UNX139" s="23"/>
      <c r="UNY139" s="23"/>
      <c r="UNZ139" s="23"/>
      <c r="UOA139" s="23"/>
      <c r="UOB139" s="23"/>
      <c r="UOC139" s="23"/>
      <c r="UOD139" s="23"/>
      <c r="UOE139" s="23"/>
      <c r="UOF139" s="23"/>
      <c r="UOG139" s="23"/>
      <c r="UOH139" s="23"/>
      <c r="UOI139" s="23"/>
      <c r="UOJ139" s="23"/>
      <c r="UOK139" s="23"/>
      <c r="UOL139" s="23"/>
      <c r="UOM139" s="23"/>
      <c r="UON139" s="23"/>
      <c r="UOO139" s="23"/>
      <c r="UOP139" s="23"/>
      <c r="UOQ139" s="23"/>
      <c r="UOR139" s="23"/>
      <c r="UOS139" s="23"/>
      <c r="UOT139" s="23"/>
      <c r="UOU139" s="23"/>
      <c r="UOV139" s="23"/>
      <c r="UOW139" s="23"/>
      <c r="UOX139" s="23"/>
      <c r="UOY139" s="23"/>
      <c r="UOZ139" s="23"/>
      <c r="UPA139" s="23"/>
      <c r="UPB139" s="23"/>
      <c r="UPC139" s="23"/>
      <c r="UPD139" s="23"/>
      <c r="UPE139" s="23"/>
      <c r="UPF139" s="23"/>
      <c r="UPG139" s="23"/>
      <c r="UPH139" s="23"/>
      <c r="UPI139" s="23"/>
      <c r="UPJ139" s="23"/>
      <c r="UPK139" s="23"/>
      <c r="UPL139" s="23"/>
      <c r="UPM139" s="23"/>
      <c r="UPN139" s="23"/>
      <c r="UPO139" s="23"/>
      <c r="UPP139" s="23"/>
      <c r="UPQ139" s="23"/>
      <c r="UPR139" s="23"/>
      <c r="UPS139" s="23"/>
      <c r="UPT139" s="23"/>
      <c r="UPU139" s="23"/>
      <c r="UPV139" s="23"/>
      <c r="UPW139" s="23"/>
      <c r="UPX139" s="23"/>
      <c r="UPY139" s="23"/>
      <c r="UPZ139" s="23"/>
      <c r="UQA139" s="23"/>
      <c r="UQB139" s="23"/>
      <c r="UQC139" s="23"/>
      <c r="UQD139" s="23"/>
      <c r="UQE139" s="23"/>
      <c r="UQF139" s="23"/>
      <c r="UQG139" s="23"/>
      <c r="UQH139" s="23"/>
      <c r="UQI139" s="23"/>
      <c r="UQJ139" s="23"/>
      <c r="UQK139" s="23"/>
      <c r="UQL139" s="23"/>
      <c r="UQM139" s="23"/>
      <c r="UQN139" s="23"/>
      <c r="UQO139" s="23"/>
      <c r="UQP139" s="23"/>
      <c r="UQQ139" s="23"/>
      <c r="UQR139" s="23"/>
      <c r="UQS139" s="23"/>
      <c r="UQT139" s="23"/>
      <c r="UQU139" s="23"/>
      <c r="UQV139" s="23"/>
      <c r="UQW139" s="23"/>
      <c r="UQX139" s="23"/>
      <c r="UQY139" s="23"/>
      <c r="UQZ139" s="23"/>
      <c r="URA139" s="23"/>
      <c r="URB139" s="23"/>
      <c r="URC139" s="23"/>
      <c r="URD139" s="23"/>
      <c r="URE139" s="23"/>
      <c r="URF139" s="23"/>
      <c r="URG139" s="23"/>
      <c r="URH139" s="23"/>
      <c r="URI139" s="23"/>
      <c r="URJ139" s="23"/>
      <c r="URK139" s="23"/>
      <c r="URL139" s="23"/>
      <c r="URM139" s="23"/>
      <c r="URN139" s="23"/>
      <c r="URO139" s="23"/>
      <c r="URP139" s="23"/>
      <c r="URQ139" s="23"/>
      <c r="URR139" s="23"/>
      <c r="URS139" s="23"/>
      <c r="URT139" s="23"/>
      <c r="URU139" s="23"/>
      <c r="URV139" s="23"/>
      <c r="URW139" s="23"/>
      <c r="URX139" s="23"/>
      <c r="URY139" s="23"/>
      <c r="URZ139" s="23"/>
      <c r="USA139" s="23"/>
      <c r="USB139" s="23"/>
      <c r="USC139" s="23"/>
      <c r="USD139" s="23"/>
      <c r="USE139" s="23"/>
      <c r="USF139" s="23"/>
      <c r="USG139" s="23"/>
      <c r="USH139" s="23"/>
      <c r="USI139" s="23"/>
      <c r="USJ139" s="23"/>
      <c r="USK139" s="23"/>
      <c r="USL139" s="23"/>
      <c r="USM139" s="23"/>
      <c r="USN139" s="23"/>
      <c r="USO139" s="23"/>
      <c r="USP139" s="23"/>
      <c r="USQ139" s="23"/>
      <c r="USR139" s="23"/>
      <c r="USS139" s="23"/>
      <c r="UST139" s="23"/>
      <c r="USU139" s="23"/>
      <c r="USV139" s="23"/>
      <c r="USW139" s="23"/>
      <c r="USX139" s="23"/>
      <c r="USY139" s="23"/>
      <c r="USZ139" s="23"/>
      <c r="UTA139" s="23"/>
      <c r="UTB139" s="23"/>
      <c r="UTC139" s="23"/>
      <c r="UTD139" s="23"/>
      <c r="UTE139" s="23"/>
      <c r="UTF139" s="23"/>
      <c r="UTG139" s="23"/>
      <c r="UTH139" s="23"/>
      <c r="UTI139" s="23"/>
      <c r="UTJ139" s="23"/>
      <c r="UTK139" s="23"/>
      <c r="UTL139" s="23"/>
      <c r="UTM139" s="23"/>
      <c r="UTN139" s="23"/>
      <c r="UTO139" s="23"/>
      <c r="UTP139" s="23"/>
      <c r="UTQ139" s="23"/>
      <c r="UTR139" s="23"/>
      <c r="UTS139" s="23"/>
      <c r="UTT139" s="23"/>
      <c r="UTU139" s="23"/>
      <c r="UTV139" s="23"/>
      <c r="UTW139" s="23"/>
      <c r="UTX139" s="23"/>
      <c r="UTY139" s="23"/>
      <c r="UTZ139" s="23"/>
      <c r="UUA139" s="23"/>
      <c r="UUB139" s="23"/>
      <c r="UUC139" s="23"/>
      <c r="UUD139" s="23"/>
      <c r="UUE139" s="23"/>
      <c r="UUF139" s="23"/>
      <c r="UUG139" s="23"/>
      <c r="UUH139" s="23"/>
      <c r="UUI139" s="23"/>
      <c r="UUJ139" s="23"/>
      <c r="UUK139" s="23"/>
      <c r="UUL139" s="23"/>
      <c r="UUM139" s="23"/>
      <c r="UUN139" s="23"/>
      <c r="UUO139" s="23"/>
      <c r="UUP139" s="23"/>
      <c r="UUQ139" s="23"/>
      <c r="UUR139" s="23"/>
      <c r="UUS139" s="23"/>
      <c r="UUT139" s="23"/>
      <c r="UUU139" s="23"/>
      <c r="UUV139" s="23"/>
      <c r="UUW139" s="23"/>
      <c r="UUX139" s="23"/>
      <c r="UUY139" s="23"/>
      <c r="UUZ139" s="23"/>
      <c r="UVA139" s="23"/>
      <c r="UVB139" s="23"/>
      <c r="UVC139" s="23"/>
      <c r="UVD139" s="23"/>
      <c r="UVE139" s="23"/>
      <c r="UVF139" s="23"/>
      <c r="UVG139" s="23"/>
      <c r="UVH139" s="23"/>
      <c r="UVI139" s="23"/>
      <c r="UVJ139" s="23"/>
      <c r="UVK139" s="23"/>
      <c r="UVL139" s="23"/>
      <c r="UVM139" s="23"/>
      <c r="UVN139" s="23"/>
      <c r="UVO139" s="23"/>
      <c r="UVP139" s="23"/>
      <c r="UVQ139" s="23"/>
      <c r="UVR139" s="23"/>
      <c r="UVS139" s="23"/>
      <c r="UVT139" s="23"/>
      <c r="UVU139" s="23"/>
      <c r="UVV139" s="23"/>
      <c r="UVW139" s="23"/>
      <c r="UVX139" s="23"/>
      <c r="UVY139" s="23"/>
      <c r="UVZ139" s="23"/>
      <c r="UWA139" s="23"/>
      <c r="UWB139" s="23"/>
      <c r="UWC139" s="23"/>
      <c r="UWD139" s="23"/>
      <c r="UWE139" s="23"/>
      <c r="UWF139" s="23"/>
      <c r="UWG139" s="23"/>
      <c r="UWH139" s="23"/>
      <c r="UWI139" s="23"/>
      <c r="UWJ139" s="23"/>
      <c r="UWK139" s="23"/>
      <c r="UWL139" s="23"/>
      <c r="UWM139" s="23"/>
      <c r="UWN139" s="23"/>
      <c r="UWO139" s="23"/>
      <c r="UWP139" s="23"/>
      <c r="UWQ139" s="23"/>
      <c r="UWR139" s="23"/>
      <c r="UWS139" s="23"/>
      <c r="UWT139" s="23"/>
      <c r="UWU139" s="23"/>
      <c r="UWV139" s="23"/>
      <c r="UWW139" s="23"/>
      <c r="UWX139" s="23"/>
      <c r="UWY139" s="23"/>
      <c r="UWZ139" s="23"/>
      <c r="UXA139" s="23"/>
      <c r="UXB139" s="23"/>
      <c r="UXC139" s="23"/>
      <c r="UXD139" s="23"/>
      <c r="UXE139" s="23"/>
      <c r="UXF139" s="23"/>
      <c r="UXG139" s="23"/>
      <c r="UXH139" s="23"/>
      <c r="UXI139" s="23"/>
      <c r="UXJ139" s="23"/>
      <c r="UXK139" s="23"/>
      <c r="UXL139" s="23"/>
      <c r="UXM139" s="23"/>
      <c r="UXN139" s="23"/>
      <c r="UXO139" s="23"/>
      <c r="UXP139" s="23"/>
      <c r="UXQ139" s="23"/>
      <c r="UXR139" s="23"/>
      <c r="UXS139" s="23"/>
      <c r="UXT139" s="23"/>
      <c r="UXU139" s="23"/>
      <c r="UXV139" s="23"/>
      <c r="UXW139" s="23"/>
      <c r="UXX139" s="23"/>
      <c r="UXY139" s="23"/>
      <c r="UXZ139" s="23"/>
      <c r="UYA139" s="23"/>
      <c r="UYB139" s="23"/>
      <c r="UYC139" s="23"/>
      <c r="UYD139" s="23"/>
      <c r="UYE139" s="23"/>
      <c r="UYF139" s="23"/>
      <c r="UYG139" s="23"/>
      <c r="UYH139" s="23"/>
      <c r="UYI139" s="23"/>
      <c r="UYJ139" s="23"/>
      <c r="UYK139" s="23"/>
      <c r="UYL139" s="23"/>
      <c r="UYM139" s="23"/>
      <c r="UYN139" s="23"/>
      <c r="UYO139" s="23"/>
      <c r="UYP139" s="23"/>
      <c r="UYQ139" s="23"/>
      <c r="UYR139" s="23"/>
      <c r="UYS139" s="23"/>
      <c r="UYT139" s="23"/>
      <c r="UYU139" s="23"/>
      <c r="UYV139" s="23"/>
      <c r="UYW139" s="23"/>
      <c r="UYX139" s="23"/>
      <c r="UYY139" s="23"/>
      <c r="UYZ139" s="23"/>
      <c r="UZA139" s="23"/>
      <c r="UZB139" s="23"/>
      <c r="UZC139" s="23"/>
      <c r="UZD139" s="23"/>
      <c r="UZE139" s="23"/>
      <c r="UZF139" s="23"/>
      <c r="UZG139" s="23"/>
      <c r="UZH139" s="23"/>
      <c r="UZI139" s="23"/>
      <c r="UZJ139" s="23"/>
      <c r="UZK139" s="23"/>
      <c r="UZL139" s="23"/>
      <c r="UZM139" s="23"/>
      <c r="UZN139" s="23"/>
      <c r="UZO139" s="23"/>
      <c r="UZP139" s="23"/>
      <c r="UZQ139" s="23"/>
      <c r="UZR139" s="23"/>
      <c r="UZS139" s="23"/>
      <c r="UZT139" s="23"/>
      <c r="UZU139" s="23"/>
      <c r="UZV139" s="23"/>
      <c r="UZW139" s="23"/>
      <c r="UZX139" s="23"/>
      <c r="UZY139" s="23"/>
      <c r="UZZ139" s="23"/>
      <c r="VAA139" s="23"/>
      <c r="VAB139" s="23"/>
      <c r="VAC139" s="23"/>
      <c r="VAD139" s="23"/>
      <c r="VAE139" s="23"/>
      <c r="VAF139" s="23"/>
      <c r="VAG139" s="23"/>
      <c r="VAH139" s="23"/>
      <c r="VAI139" s="23"/>
      <c r="VAJ139" s="23"/>
      <c r="VAK139" s="23"/>
      <c r="VAL139" s="23"/>
      <c r="VAM139" s="23"/>
      <c r="VAN139" s="23"/>
      <c r="VAO139" s="23"/>
      <c r="VAP139" s="23"/>
      <c r="VAQ139" s="23"/>
      <c r="VAR139" s="23"/>
      <c r="VAS139" s="23"/>
      <c r="VAT139" s="23"/>
      <c r="VAU139" s="23"/>
      <c r="VAV139" s="23"/>
      <c r="VAW139" s="23"/>
      <c r="VAX139" s="23"/>
      <c r="VAY139" s="23"/>
      <c r="VAZ139" s="23"/>
      <c r="VBA139" s="23"/>
      <c r="VBB139" s="23"/>
      <c r="VBC139" s="23"/>
      <c r="VBD139" s="23"/>
      <c r="VBE139" s="23"/>
      <c r="VBF139" s="23"/>
      <c r="VBG139" s="23"/>
      <c r="VBH139" s="23"/>
      <c r="VBI139" s="23"/>
      <c r="VBJ139" s="23"/>
      <c r="VBK139" s="23"/>
      <c r="VBL139" s="23"/>
      <c r="VBM139" s="23"/>
      <c r="VBN139" s="23"/>
      <c r="VBO139" s="23"/>
      <c r="VBP139" s="23"/>
      <c r="VBQ139" s="23"/>
      <c r="VBR139" s="23"/>
      <c r="VBS139" s="23"/>
      <c r="VBT139" s="23"/>
      <c r="VBU139" s="23"/>
      <c r="VBV139" s="23"/>
      <c r="VBW139" s="23"/>
      <c r="VBX139" s="23"/>
      <c r="VBY139" s="23"/>
      <c r="VBZ139" s="23"/>
      <c r="VCA139" s="23"/>
      <c r="VCB139" s="23"/>
      <c r="VCC139" s="23"/>
      <c r="VCD139" s="23"/>
      <c r="VCE139" s="23"/>
      <c r="VCF139" s="23"/>
      <c r="VCG139" s="23"/>
      <c r="VCH139" s="23"/>
      <c r="VCI139" s="23"/>
      <c r="VCJ139" s="23"/>
      <c r="VCK139" s="23"/>
      <c r="VCL139" s="23"/>
      <c r="VCM139" s="23"/>
      <c r="VCN139" s="23"/>
      <c r="VCO139" s="23"/>
      <c r="VCP139" s="23"/>
      <c r="VCQ139" s="23"/>
      <c r="VCR139" s="23"/>
      <c r="VCS139" s="23"/>
      <c r="VCT139" s="23"/>
      <c r="VCU139" s="23"/>
      <c r="VCV139" s="23"/>
      <c r="VCW139" s="23"/>
      <c r="VCX139" s="23"/>
      <c r="VCY139" s="23"/>
      <c r="VCZ139" s="23"/>
      <c r="VDA139" s="23"/>
      <c r="VDB139" s="23"/>
      <c r="VDC139" s="23"/>
      <c r="VDD139" s="23"/>
      <c r="VDE139" s="23"/>
      <c r="VDF139" s="23"/>
      <c r="VDG139" s="23"/>
      <c r="VDH139" s="23"/>
      <c r="VDI139" s="23"/>
      <c r="VDJ139" s="23"/>
      <c r="VDK139" s="23"/>
      <c r="VDL139" s="23"/>
      <c r="VDM139" s="23"/>
      <c r="VDN139" s="23"/>
      <c r="VDO139" s="23"/>
      <c r="VDP139" s="23"/>
      <c r="VDQ139" s="23"/>
      <c r="VDR139" s="23"/>
      <c r="VDS139" s="23"/>
      <c r="VDT139" s="23"/>
      <c r="VDU139" s="23"/>
      <c r="VDV139" s="23"/>
      <c r="VDW139" s="23"/>
      <c r="VDX139" s="23"/>
      <c r="VDY139" s="23"/>
      <c r="VDZ139" s="23"/>
      <c r="VEA139" s="23"/>
      <c r="VEB139" s="23"/>
      <c r="VEC139" s="23"/>
      <c r="VED139" s="23"/>
      <c r="VEE139" s="23"/>
      <c r="VEF139" s="23"/>
      <c r="VEG139" s="23"/>
      <c r="VEH139" s="23"/>
      <c r="VEI139" s="23"/>
      <c r="VEJ139" s="23"/>
      <c r="VEK139" s="23"/>
      <c r="VEL139" s="23"/>
      <c r="VEM139" s="23"/>
      <c r="VEN139" s="23"/>
      <c r="VEO139" s="23"/>
      <c r="VEP139" s="23"/>
      <c r="VEQ139" s="23"/>
      <c r="VER139" s="23"/>
      <c r="VES139" s="23"/>
      <c r="VET139" s="23"/>
      <c r="VEU139" s="23"/>
      <c r="VEV139" s="23"/>
      <c r="VEW139" s="23"/>
      <c r="VEX139" s="23"/>
      <c r="VEY139" s="23"/>
      <c r="VEZ139" s="23"/>
      <c r="VFA139" s="23"/>
      <c r="VFB139" s="23"/>
      <c r="VFC139" s="23"/>
      <c r="VFD139" s="23"/>
      <c r="VFE139" s="23"/>
      <c r="VFF139" s="23"/>
      <c r="VFG139" s="23"/>
      <c r="VFH139" s="23"/>
      <c r="VFI139" s="23"/>
      <c r="VFJ139" s="23"/>
      <c r="VFK139" s="23"/>
      <c r="VFL139" s="23"/>
      <c r="VFM139" s="23"/>
      <c r="VFN139" s="23"/>
      <c r="VFO139" s="23"/>
      <c r="VFP139" s="23"/>
      <c r="VFQ139" s="23"/>
      <c r="VFR139" s="23"/>
      <c r="VFS139" s="23"/>
      <c r="VFT139" s="23"/>
      <c r="VFU139" s="23"/>
      <c r="VFV139" s="23"/>
      <c r="VFW139" s="23"/>
      <c r="VFX139" s="23"/>
      <c r="VFY139" s="23"/>
      <c r="VFZ139" s="23"/>
      <c r="VGA139" s="23"/>
      <c r="VGB139" s="23"/>
      <c r="VGC139" s="23"/>
      <c r="VGD139" s="23"/>
      <c r="VGE139" s="23"/>
      <c r="VGF139" s="23"/>
      <c r="VGG139" s="23"/>
      <c r="VGH139" s="23"/>
      <c r="VGI139" s="23"/>
      <c r="VGJ139" s="23"/>
      <c r="VGK139" s="23"/>
      <c r="VGL139" s="23"/>
      <c r="VGM139" s="23"/>
      <c r="VGN139" s="23"/>
      <c r="VGO139" s="23"/>
      <c r="VGP139" s="23"/>
      <c r="VGQ139" s="23"/>
      <c r="VGR139" s="23"/>
      <c r="VGS139" s="23"/>
      <c r="VGT139" s="23"/>
      <c r="VGU139" s="23"/>
      <c r="VGV139" s="23"/>
      <c r="VGW139" s="23"/>
      <c r="VGX139" s="23"/>
      <c r="VGY139" s="23"/>
      <c r="VGZ139" s="23"/>
      <c r="VHA139" s="23"/>
      <c r="VHB139" s="23"/>
      <c r="VHC139" s="23"/>
      <c r="VHD139" s="23"/>
      <c r="VHE139" s="23"/>
      <c r="VHF139" s="23"/>
      <c r="VHG139" s="23"/>
      <c r="VHH139" s="23"/>
      <c r="VHI139" s="23"/>
      <c r="VHJ139" s="23"/>
      <c r="VHK139" s="23"/>
      <c r="VHL139" s="23"/>
      <c r="VHM139" s="23"/>
      <c r="VHN139" s="23"/>
      <c r="VHO139" s="23"/>
      <c r="VHP139" s="23"/>
      <c r="VHQ139" s="23"/>
      <c r="VHR139" s="23"/>
      <c r="VHS139" s="23"/>
      <c r="VHT139" s="23"/>
      <c r="VHU139" s="23"/>
      <c r="VHV139" s="23"/>
      <c r="VHW139" s="23"/>
      <c r="VHX139" s="23"/>
      <c r="VHY139" s="23"/>
      <c r="VHZ139" s="23"/>
      <c r="VIA139" s="23"/>
      <c r="VIB139" s="23"/>
      <c r="VIC139" s="23"/>
      <c r="VID139" s="23"/>
      <c r="VIE139" s="23"/>
      <c r="VIF139" s="23"/>
      <c r="VIG139" s="23"/>
      <c r="VIH139" s="23"/>
      <c r="VII139" s="23"/>
      <c r="VIJ139" s="23"/>
      <c r="VIK139" s="23"/>
      <c r="VIL139" s="23"/>
      <c r="VIM139" s="23"/>
      <c r="VIN139" s="23"/>
      <c r="VIO139" s="23"/>
      <c r="VIP139" s="23"/>
      <c r="VIQ139" s="23"/>
      <c r="VIR139" s="23"/>
      <c r="VIS139" s="23"/>
      <c r="VIT139" s="23"/>
      <c r="VIU139" s="23"/>
      <c r="VIV139" s="23"/>
      <c r="VIW139" s="23"/>
      <c r="VIX139" s="23"/>
      <c r="VIY139" s="23"/>
      <c r="VIZ139" s="23"/>
      <c r="VJA139" s="23"/>
      <c r="VJB139" s="23"/>
      <c r="VJC139" s="23"/>
      <c r="VJD139" s="23"/>
      <c r="VJE139" s="23"/>
      <c r="VJF139" s="23"/>
      <c r="VJG139" s="23"/>
      <c r="VJH139" s="23"/>
      <c r="VJI139" s="23"/>
      <c r="VJJ139" s="23"/>
      <c r="VJK139" s="23"/>
      <c r="VJL139" s="23"/>
      <c r="VJM139" s="23"/>
      <c r="VJN139" s="23"/>
      <c r="VJO139" s="23"/>
      <c r="VJP139" s="23"/>
      <c r="VJQ139" s="23"/>
      <c r="VJR139" s="23"/>
      <c r="VJS139" s="23"/>
      <c r="VJT139" s="23"/>
      <c r="VJU139" s="23"/>
      <c r="VJV139" s="23"/>
      <c r="VJW139" s="23"/>
      <c r="VJX139" s="23"/>
      <c r="VJY139" s="23"/>
      <c r="VJZ139" s="23"/>
      <c r="VKA139" s="23"/>
      <c r="VKB139" s="23"/>
      <c r="VKC139" s="23"/>
      <c r="VKD139" s="23"/>
      <c r="VKE139" s="23"/>
      <c r="VKF139" s="23"/>
      <c r="VKG139" s="23"/>
      <c r="VKH139" s="23"/>
      <c r="VKI139" s="23"/>
      <c r="VKJ139" s="23"/>
      <c r="VKK139" s="23"/>
      <c r="VKL139" s="23"/>
      <c r="VKM139" s="23"/>
      <c r="VKN139" s="23"/>
      <c r="VKO139" s="23"/>
      <c r="VKP139" s="23"/>
      <c r="VKQ139" s="23"/>
      <c r="VKR139" s="23"/>
      <c r="VKS139" s="23"/>
      <c r="VKT139" s="23"/>
      <c r="VKU139" s="23"/>
      <c r="VKV139" s="23"/>
      <c r="VKW139" s="23"/>
      <c r="VKX139" s="23"/>
      <c r="VKY139" s="23"/>
      <c r="VKZ139" s="23"/>
      <c r="VLA139" s="23"/>
      <c r="VLB139" s="23"/>
      <c r="VLC139" s="23"/>
      <c r="VLD139" s="23"/>
      <c r="VLE139" s="23"/>
      <c r="VLF139" s="23"/>
      <c r="VLG139" s="23"/>
      <c r="VLH139" s="23"/>
      <c r="VLI139" s="23"/>
      <c r="VLJ139" s="23"/>
      <c r="VLK139" s="23"/>
      <c r="VLL139" s="23"/>
      <c r="VLM139" s="23"/>
      <c r="VLN139" s="23"/>
      <c r="VLO139" s="23"/>
      <c r="VLP139" s="23"/>
      <c r="VLQ139" s="23"/>
      <c r="VLR139" s="23"/>
      <c r="VLS139" s="23"/>
      <c r="VLT139" s="23"/>
      <c r="VLU139" s="23"/>
      <c r="VLV139" s="23"/>
      <c r="VLW139" s="23"/>
      <c r="VLX139" s="23"/>
      <c r="VLY139" s="23"/>
      <c r="VLZ139" s="23"/>
      <c r="VMA139" s="23"/>
      <c r="VMB139" s="23"/>
      <c r="VMC139" s="23"/>
      <c r="VMD139" s="23"/>
      <c r="VME139" s="23"/>
      <c r="VMF139" s="23"/>
      <c r="VMG139" s="23"/>
      <c r="VMH139" s="23"/>
      <c r="VMI139" s="23"/>
      <c r="VMJ139" s="23"/>
      <c r="VMK139" s="23"/>
      <c r="VML139" s="23"/>
      <c r="VMM139" s="23"/>
      <c r="VMN139" s="23"/>
      <c r="VMO139" s="23"/>
      <c r="VMP139" s="23"/>
      <c r="VMQ139" s="23"/>
      <c r="VMR139" s="23"/>
      <c r="VMS139" s="23"/>
      <c r="VMT139" s="23"/>
      <c r="VMU139" s="23"/>
      <c r="VMV139" s="23"/>
      <c r="VMW139" s="23"/>
      <c r="VMX139" s="23"/>
      <c r="VMY139" s="23"/>
      <c r="VMZ139" s="23"/>
      <c r="VNA139" s="23"/>
      <c r="VNB139" s="23"/>
      <c r="VNC139" s="23"/>
      <c r="VND139" s="23"/>
      <c r="VNE139" s="23"/>
      <c r="VNF139" s="23"/>
      <c r="VNG139" s="23"/>
      <c r="VNH139" s="23"/>
      <c r="VNI139" s="23"/>
      <c r="VNJ139" s="23"/>
      <c r="VNK139" s="23"/>
      <c r="VNL139" s="23"/>
      <c r="VNM139" s="23"/>
      <c r="VNN139" s="23"/>
      <c r="VNO139" s="23"/>
      <c r="VNP139" s="23"/>
      <c r="VNQ139" s="23"/>
      <c r="VNR139" s="23"/>
      <c r="VNS139" s="23"/>
      <c r="VNT139" s="23"/>
      <c r="VNU139" s="23"/>
      <c r="VNV139" s="23"/>
      <c r="VNW139" s="23"/>
      <c r="VNX139" s="23"/>
      <c r="VNY139" s="23"/>
      <c r="VNZ139" s="23"/>
      <c r="VOA139" s="23"/>
      <c r="VOB139" s="23"/>
      <c r="VOC139" s="23"/>
      <c r="VOD139" s="23"/>
      <c r="VOE139" s="23"/>
      <c r="VOF139" s="23"/>
      <c r="VOG139" s="23"/>
      <c r="VOH139" s="23"/>
      <c r="VOI139" s="23"/>
      <c r="VOJ139" s="23"/>
      <c r="VOK139" s="23"/>
      <c r="VOL139" s="23"/>
      <c r="VOM139" s="23"/>
      <c r="VON139" s="23"/>
      <c r="VOO139" s="23"/>
      <c r="VOP139" s="23"/>
      <c r="VOQ139" s="23"/>
      <c r="VOR139" s="23"/>
      <c r="VOS139" s="23"/>
      <c r="VOT139" s="23"/>
      <c r="VOU139" s="23"/>
      <c r="VOV139" s="23"/>
      <c r="VOW139" s="23"/>
      <c r="VOX139" s="23"/>
      <c r="VOY139" s="23"/>
      <c r="VOZ139" s="23"/>
      <c r="VPA139" s="23"/>
      <c r="VPB139" s="23"/>
      <c r="VPC139" s="23"/>
      <c r="VPD139" s="23"/>
      <c r="VPE139" s="23"/>
      <c r="VPF139" s="23"/>
      <c r="VPG139" s="23"/>
      <c r="VPH139" s="23"/>
      <c r="VPI139" s="23"/>
      <c r="VPJ139" s="23"/>
      <c r="VPK139" s="23"/>
      <c r="VPL139" s="23"/>
      <c r="VPM139" s="23"/>
      <c r="VPN139" s="23"/>
      <c r="VPO139" s="23"/>
      <c r="VPP139" s="23"/>
      <c r="VPQ139" s="23"/>
      <c r="VPR139" s="23"/>
      <c r="VPS139" s="23"/>
      <c r="VPT139" s="23"/>
      <c r="VPU139" s="23"/>
      <c r="VPV139" s="23"/>
      <c r="VPW139" s="23"/>
      <c r="VPX139" s="23"/>
      <c r="VPY139" s="23"/>
      <c r="VPZ139" s="23"/>
      <c r="VQA139" s="23"/>
      <c r="VQB139" s="23"/>
      <c r="VQC139" s="23"/>
      <c r="VQD139" s="23"/>
      <c r="VQE139" s="23"/>
      <c r="VQF139" s="23"/>
      <c r="VQG139" s="23"/>
      <c r="VQH139" s="23"/>
      <c r="VQI139" s="23"/>
      <c r="VQJ139" s="23"/>
      <c r="VQK139" s="23"/>
      <c r="VQL139" s="23"/>
      <c r="VQM139" s="23"/>
      <c r="VQN139" s="23"/>
      <c r="VQO139" s="23"/>
      <c r="VQP139" s="23"/>
      <c r="VQQ139" s="23"/>
      <c r="VQR139" s="23"/>
      <c r="VQS139" s="23"/>
      <c r="VQT139" s="23"/>
      <c r="VQU139" s="23"/>
      <c r="VQV139" s="23"/>
      <c r="VQW139" s="23"/>
      <c r="VQX139" s="23"/>
      <c r="VQY139" s="23"/>
      <c r="VQZ139" s="23"/>
      <c r="VRA139" s="23"/>
      <c r="VRB139" s="23"/>
      <c r="VRC139" s="23"/>
      <c r="VRD139" s="23"/>
      <c r="VRE139" s="23"/>
      <c r="VRF139" s="23"/>
      <c r="VRG139" s="23"/>
      <c r="VRH139" s="23"/>
      <c r="VRI139" s="23"/>
      <c r="VRJ139" s="23"/>
      <c r="VRK139" s="23"/>
      <c r="VRL139" s="23"/>
      <c r="VRM139" s="23"/>
      <c r="VRN139" s="23"/>
      <c r="VRO139" s="23"/>
      <c r="VRP139" s="23"/>
      <c r="VRQ139" s="23"/>
      <c r="VRR139" s="23"/>
      <c r="VRS139" s="23"/>
      <c r="VRT139" s="23"/>
      <c r="VRU139" s="23"/>
      <c r="VRV139" s="23"/>
      <c r="VRW139" s="23"/>
      <c r="VRX139" s="23"/>
      <c r="VRY139" s="23"/>
      <c r="VRZ139" s="23"/>
      <c r="VSA139" s="23"/>
      <c r="VSB139" s="23"/>
      <c r="VSC139" s="23"/>
      <c r="VSD139" s="23"/>
      <c r="VSE139" s="23"/>
      <c r="VSF139" s="23"/>
      <c r="VSG139" s="23"/>
      <c r="VSH139" s="23"/>
      <c r="VSI139" s="23"/>
      <c r="VSJ139" s="23"/>
      <c r="VSK139" s="23"/>
      <c r="VSL139" s="23"/>
      <c r="VSM139" s="23"/>
      <c r="VSN139" s="23"/>
      <c r="VSO139" s="23"/>
      <c r="VSP139" s="23"/>
      <c r="VSQ139" s="23"/>
      <c r="VSR139" s="23"/>
      <c r="VSS139" s="23"/>
      <c r="VST139" s="23"/>
      <c r="VSU139" s="23"/>
      <c r="VSV139" s="23"/>
      <c r="VSW139" s="23"/>
      <c r="VSX139" s="23"/>
      <c r="VSY139" s="23"/>
      <c r="VSZ139" s="23"/>
      <c r="VTA139" s="23"/>
      <c r="VTB139" s="23"/>
      <c r="VTC139" s="23"/>
      <c r="VTD139" s="23"/>
      <c r="VTE139" s="23"/>
      <c r="VTF139" s="23"/>
      <c r="VTG139" s="23"/>
      <c r="VTH139" s="23"/>
      <c r="VTI139" s="23"/>
      <c r="VTJ139" s="23"/>
      <c r="VTK139" s="23"/>
      <c r="VTL139" s="23"/>
      <c r="VTM139" s="23"/>
      <c r="VTN139" s="23"/>
      <c r="VTO139" s="23"/>
      <c r="VTP139" s="23"/>
      <c r="VTQ139" s="23"/>
      <c r="VTR139" s="23"/>
      <c r="VTS139" s="23"/>
      <c r="VTT139" s="23"/>
      <c r="VTU139" s="23"/>
      <c r="VTV139" s="23"/>
      <c r="VTW139" s="23"/>
      <c r="VTX139" s="23"/>
      <c r="VTY139" s="23"/>
      <c r="VTZ139" s="23"/>
      <c r="VUA139" s="23"/>
      <c r="VUB139" s="23"/>
      <c r="VUC139" s="23"/>
      <c r="VUD139" s="23"/>
      <c r="VUE139" s="23"/>
      <c r="VUF139" s="23"/>
      <c r="VUG139" s="23"/>
      <c r="VUH139" s="23"/>
      <c r="VUI139" s="23"/>
      <c r="VUJ139" s="23"/>
      <c r="VUK139" s="23"/>
      <c r="VUL139" s="23"/>
      <c r="VUM139" s="23"/>
      <c r="VUN139" s="23"/>
      <c r="VUO139" s="23"/>
      <c r="VUP139" s="23"/>
      <c r="VUQ139" s="23"/>
      <c r="VUR139" s="23"/>
      <c r="VUS139" s="23"/>
      <c r="VUT139" s="23"/>
      <c r="VUU139" s="23"/>
      <c r="VUV139" s="23"/>
      <c r="VUW139" s="23"/>
      <c r="VUX139" s="23"/>
      <c r="VUY139" s="23"/>
      <c r="VUZ139" s="23"/>
      <c r="VVA139" s="23"/>
      <c r="VVB139" s="23"/>
      <c r="VVC139" s="23"/>
      <c r="VVD139" s="23"/>
      <c r="VVE139" s="23"/>
      <c r="VVF139" s="23"/>
      <c r="VVG139" s="23"/>
      <c r="VVH139" s="23"/>
      <c r="VVI139" s="23"/>
      <c r="VVJ139" s="23"/>
      <c r="VVK139" s="23"/>
      <c r="VVL139" s="23"/>
      <c r="VVM139" s="23"/>
      <c r="VVN139" s="23"/>
      <c r="VVO139" s="23"/>
      <c r="VVP139" s="23"/>
      <c r="VVQ139" s="23"/>
      <c r="VVR139" s="23"/>
      <c r="VVS139" s="23"/>
      <c r="VVT139" s="23"/>
      <c r="VVU139" s="23"/>
      <c r="VVV139" s="23"/>
      <c r="VVW139" s="23"/>
      <c r="VVX139" s="23"/>
      <c r="VVY139" s="23"/>
      <c r="VVZ139" s="23"/>
      <c r="VWA139" s="23"/>
      <c r="VWB139" s="23"/>
      <c r="VWC139" s="23"/>
      <c r="VWD139" s="23"/>
      <c r="VWE139" s="23"/>
      <c r="VWF139" s="23"/>
      <c r="VWG139" s="23"/>
      <c r="VWH139" s="23"/>
      <c r="VWI139" s="23"/>
      <c r="VWJ139" s="23"/>
      <c r="VWK139" s="23"/>
      <c r="VWL139" s="23"/>
      <c r="VWM139" s="23"/>
      <c r="VWN139" s="23"/>
      <c r="VWO139" s="23"/>
      <c r="VWP139" s="23"/>
      <c r="VWQ139" s="23"/>
      <c r="VWR139" s="23"/>
      <c r="VWS139" s="23"/>
      <c r="VWT139" s="23"/>
      <c r="VWU139" s="23"/>
      <c r="VWV139" s="23"/>
      <c r="VWW139" s="23"/>
      <c r="VWX139" s="23"/>
      <c r="VWY139" s="23"/>
      <c r="VWZ139" s="23"/>
      <c r="VXA139" s="23"/>
      <c r="VXB139" s="23"/>
      <c r="VXC139" s="23"/>
      <c r="VXD139" s="23"/>
      <c r="VXE139" s="23"/>
      <c r="VXF139" s="23"/>
      <c r="VXG139" s="23"/>
      <c r="VXH139" s="23"/>
      <c r="VXI139" s="23"/>
      <c r="VXJ139" s="23"/>
      <c r="VXK139" s="23"/>
      <c r="VXL139" s="23"/>
      <c r="VXM139" s="23"/>
      <c r="VXN139" s="23"/>
      <c r="VXO139" s="23"/>
      <c r="VXP139" s="23"/>
      <c r="VXQ139" s="23"/>
      <c r="VXR139" s="23"/>
      <c r="VXS139" s="23"/>
      <c r="VXT139" s="23"/>
      <c r="VXU139" s="23"/>
      <c r="VXV139" s="23"/>
      <c r="VXW139" s="23"/>
      <c r="VXX139" s="23"/>
      <c r="VXY139" s="23"/>
      <c r="VXZ139" s="23"/>
      <c r="VYA139" s="23"/>
      <c r="VYB139" s="23"/>
      <c r="VYC139" s="23"/>
      <c r="VYD139" s="23"/>
      <c r="VYE139" s="23"/>
      <c r="VYF139" s="23"/>
      <c r="VYG139" s="23"/>
      <c r="VYH139" s="23"/>
      <c r="VYI139" s="23"/>
      <c r="VYJ139" s="23"/>
      <c r="VYK139" s="23"/>
      <c r="VYL139" s="23"/>
      <c r="VYM139" s="23"/>
      <c r="VYN139" s="23"/>
      <c r="VYO139" s="23"/>
      <c r="VYP139" s="23"/>
      <c r="VYQ139" s="23"/>
      <c r="VYR139" s="23"/>
      <c r="VYS139" s="23"/>
      <c r="VYT139" s="23"/>
      <c r="VYU139" s="23"/>
      <c r="VYV139" s="23"/>
      <c r="VYW139" s="23"/>
      <c r="VYX139" s="23"/>
      <c r="VYY139" s="23"/>
      <c r="VYZ139" s="23"/>
      <c r="VZA139" s="23"/>
      <c r="VZB139" s="23"/>
      <c r="VZC139" s="23"/>
      <c r="VZD139" s="23"/>
      <c r="VZE139" s="23"/>
      <c r="VZF139" s="23"/>
      <c r="VZG139" s="23"/>
      <c r="VZH139" s="23"/>
      <c r="VZI139" s="23"/>
      <c r="VZJ139" s="23"/>
      <c r="VZK139" s="23"/>
      <c r="VZL139" s="23"/>
      <c r="VZM139" s="23"/>
      <c r="VZN139" s="23"/>
      <c r="VZO139" s="23"/>
      <c r="VZP139" s="23"/>
      <c r="VZQ139" s="23"/>
      <c r="VZR139" s="23"/>
      <c r="VZS139" s="23"/>
      <c r="VZT139" s="23"/>
      <c r="VZU139" s="23"/>
      <c r="VZV139" s="23"/>
      <c r="VZW139" s="23"/>
      <c r="VZX139" s="23"/>
      <c r="VZY139" s="23"/>
      <c r="VZZ139" s="23"/>
      <c r="WAA139" s="23"/>
      <c r="WAB139" s="23"/>
      <c r="WAC139" s="23"/>
      <c r="WAD139" s="23"/>
      <c r="WAE139" s="23"/>
      <c r="WAF139" s="23"/>
      <c r="WAG139" s="23"/>
      <c r="WAH139" s="23"/>
      <c r="WAI139" s="23"/>
      <c r="WAJ139" s="23"/>
      <c r="WAK139" s="23"/>
      <c r="WAL139" s="23"/>
      <c r="WAM139" s="23"/>
      <c r="WAN139" s="23"/>
      <c r="WAO139" s="23"/>
      <c r="WAP139" s="23"/>
      <c r="WAQ139" s="23"/>
      <c r="WAR139" s="23"/>
      <c r="WAS139" s="23"/>
      <c r="WAT139" s="23"/>
      <c r="WAU139" s="23"/>
      <c r="WAV139" s="23"/>
      <c r="WAW139" s="23"/>
      <c r="WAX139" s="23"/>
      <c r="WAY139" s="23"/>
      <c r="WAZ139" s="23"/>
      <c r="WBA139" s="23"/>
      <c r="WBB139" s="23"/>
      <c r="WBC139" s="23"/>
      <c r="WBD139" s="23"/>
      <c r="WBE139" s="23"/>
      <c r="WBF139" s="23"/>
      <c r="WBG139" s="23"/>
      <c r="WBH139" s="23"/>
      <c r="WBI139" s="23"/>
      <c r="WBJ139" s="23"/>
      <c r="WBK139" s="23"/>
      <c r="WBL139" s="23"/>
      <c r="WBM139" s="23"/>
      <c r="WBN139" s="23"/>
      <c r="WBO139" s="23"/>
      <c r="WBP139" s="23"/>
      <c r="WBQ139" s="23"/>
      <c r="WBR139" s="23"/>
      <c r="WBS139" s="23"/>
      <c r="WBT139" s="23"/>
      <c r="WBU139" s="23"/>
      <c r="WBV139" s="23"/>
      <c r="WBW139" s="23"/>
      <c r="WBX139" s="23"/>
      <c r="WBY139" s="23"/>
      <c r="WBZ139" s="23"/>
      <c r="WCA139" s="23"/>
      <c r="WCB139" s="23"/>
      <c r="WCC139" s="23"/>
      <c r="WCD139" s="23"/>
      <c r="WCE139" s="23"/>
      <c r="WCF139" s="23"/>
      <c r="WCG139" s="23"/>
      <c r="WCH139" s="23"/>
      <c r="WCI139" s="23"/>
      <c r="WCJ139" s="23"/>
      <c r="WCK139" s="23"/>
      <c r="WCL139" s="23"/>
      <c r="WCM139" s="23"/>
      <c r="WCN139" s="23"/>
      <c r="WCO139" s="23"/>
      <c r="WCP139" s="23"/>
      <c r="WCQ139" s="23"/>
      <c r="WCR139" s="23"/>
      <c r="WCS139" s="23"/>
      <c r="WCT139" s="23"/>
      <c r="WCU139" s="23"/>
      <c r="WCV139" s="23"/>
      <c r="WCW139" s="23"/>
      <c r="WCX139" s="23"/>
      <c r="WCY139" s="23"/>
      <c r="WCZ139" s="23"/>
      <c r="WDA139" s="23"/>
      <c r="WDB139" s="23"/>
      <c r="WDC139" s="23"/>
      <c r="WDD139" s="23"/>
      <c r="WDE139" s="23"/>
      <c r="WDF139" s="23"/>
      <c r="WDG139" s="23"/>
      <c r="WDH139" s="23"/>
      <c r="WDI139" s="23"/>
      <c r="WDJ139" s="23"/>
      <c r="WDK139" s="23"/>
      <c r="WDL139" s="23"/>
      <c r="WDM139" s="23"/>
      <c r="WDN139" s="23"/>
      <c r="WDO139" s="23"/>
      <c r="WDP139" s="23"/>
      <c r="WDQ139" s="23"/>
      <c r="WDR139" s="23"/>
      <c r="WDS139" s="23"/>
      <c r="WDT139" s="23"/>
      <c r="WDU139" s="23"/>
      <c r="WDV139" s="23"/>
      <c r="WDW139" s="23"/>
      <c r="WDX139" s="23"/>
      <c r="WDY139" s="23"/>
      <c r="WDZ139" s="23"/>
      <c r="WEA139" s="23"/>
      <c r="WEB139" s="23"/>
      <c r="WEC139" s="23"/>
      <c r="WED139" s="23"/>
      <c r="WEE139" s="23"/>
      <c r="WEF139" s="23"/>
      <c r="WEG139" s="23"/>
      <c r="WEH139" s="23"/>
      <c r="WEI139" s="23"/>
      <c r="WEJ139" s="23"/>
      <c r="WEK139" s="23"/>
      <c r="WEL139" s="23"/>
      <c r="WEM139" s="23"/>
      <c r="WEN139" s="23"/>
      <c r="WEO139" s="23"/>
      <c r="WEP139" s="23"/>
      <c r="WEQ139" s="23"/>
      <c r="WER139" s="23"/>
      <c r="WES139" s="23"/>
      <c r="WET139" s="23"/>
      <c r="WEU139" s="23"/>
      <c r="WEV139" s="23"/>
      <c r="WEW139" s="23"/>
      <c r="WEX139" s="23"/>
      <c r="WEY139" s="23"/>
      <c r="WEZ139" s="23"/>
      <c r="WFA139" s="23"/>
      <c r="WFB139" s="23"/>
      <c r="WFC139" s="23"/>
      <c r="WFD139" s="23"/>
      <c r="WFE139" s="23"/>
      <c r="WFF139" s="23"/>
      <c r="WFG139" s="23"/>
      <c r="WFH139" s="23"/>
      <c r="WFI139" s="23"/>
      <c r="WFJ139" s="23"/>
      <c r="WFK139" s="23"/>
      <c r="WFL139" s="23"/>
      <c r="WFM139" s="23"/>
      <c r="WFN139" s="23"/>
      <c r="WFO139" s="23"/>
      <c r="WFP139" s="23"/>
      <c r="WFQ139" s="23"/>
      <c r="WFR139" s="23"/>
      <c r="WFS139" s="23"/>
      <c r="WFT139" s="23"/>
      <c r="WFU139" s="23"/>
      <c r="WFV139" s="23"/>
      <c r="WFW139" s="23"/>
      <c r="WFX139" s="23"/>
      <c r="WFY139" s="23"/>
      <c r="WFZ139" s="23"/>
      <c r="WGA139" s="23"/>
      <c r="WGB139" s="23"/>
      <c r="WGC139" s="23"/>
      <c r="WGD139" s="23"/>
      <c r="WGE139" s="23"/>
      <c r="WGF139" s="23"/>
      <c r="WGG139" s="23"/>
      <c r="WGH139" s="23"/>
      <c r="WGI139" s="23"/>
      <c r="WGJ139" s="23"/>
      <c r="WGK139" s="23"/>
      <c r="WGL139" s="23"/>
      <c r="WGM139" s="23"/>
      <c r="WGN139" s="23"/>
      <c r="WGO139" s="23"/>
      <c r="WGP139" s="23"/>
      <c r="WGQ139" s="23"/>
      <c r="WGR139" s="23"/>
      <c r="WGS139" s="23"/>
      <c r="WGT139" s="23"/>
      <c r="WGU139" s="23"/>
      <c r="WGV139" s="23"/>
      <c r="WGW139" s="23"/>
      <c r="WGX139" s="23"/>
      <c r="WGY139" s="23"/>
      <c r="WGZ139" s="23"/>
      <c r="WHA139" s="23"/>
      <c r="WHB139" s="23"/>
      <c r="WHC139" s="23"/>
      <c r="WHD139" s="23"/>
      <c r="WHE139" s="23"/>
      <c r="WHF139" s="23"/>
      <c r="WHG139" s="23"/>
      <c r="WHH139" s="23"/>
      <c r="WHI139" s="23"/>
      <c r="WHJ139" s="23"/>
      <c r="WHK139" s="23"/>
      <c r="WHL139" s="23"/>
      <c r="WHM139" s="23"/>
      <c r="WHN139" s="23"/>
      <c r="WHO139" s="23"/>
      <c r="WHP139" s="23"/>
      <c r="WHQ139" s="23"/>
      <c r="WHR139" s="23"/>
      <c r="WHS139" s="23"/>
      <c r="WHT139" s="23"/>
      <c r="WHU139" s="23"/>
      <c r="WHV139" s="23"/>
      <c r="WHW139" s="23"/>
      <c r="WHX139" s="23"/>
      <c r="WHY139" s="23"/>
      <c r="WHZ139" s="23"/>
      <c r="WIA139" s="23"/>
      <c r="WIB139" s="23"/>
      <c r="WIC139" s="23"/>
      <c r="WID139" s="23"/>
      <c r="WIE139" s="23"/>
      <c r="WIF139" s="23"/>
      <c r="WIG139" s="23"/>
      <c r="WIH139" s="23"/>
      <c r="WII139" s="23"/>
      <c r="WIJ139" s="23"/>
      <c r="WIK139" s="23"/>
      <c r="WIL139" s="23"/>
      <c r="WIM139" s="23"/>
      <c r="WIN139" s="23"/>
      <c r="WIO139" s="23"/>
      <c r="WIP139" s="23"/>
      <c r="WIQ139" s="23"/>
      <c r="WIR139" s="23"/>
      <c r="WIS139" s="23"/>
      <c r="WIT139" s="23"/>
      <c r="WIU139" s="23"/>
      <c r="WIV139" s="23"/>
      <c r="WIW139" s="23"/>
      <c r="WIX139" s="23"/>
      <c r="WIY139" s="23"/>
      <c r="WIZ139" s="23"/>
      <c r="WJA139" s="23"/>
      <c r="WJB139" s="23"/>
      <c r="WJC139" s="23"/>
      <c r="WJD139" s="23"/>
      <c r="WJE139" s="23"/>
      <c r="WJF139" s="23"/>
      <c r="WJG139" s="23"/>
      <c r="WJH139" s="23"/>
      <c r="WJI139" s="23"/>
      <c r="WJJ139" s="23"/>
      <c r="WJK139" s="23"/>
      <c r="WJL139" s="23"/>
      <c r="WJM139" s="23"/>
      <c r="WJN139" s="23"/>
      <c r="WJO139" s="23"/>
      <c r="WJP139" s="23"/>
      <c r="WJQ139" s="23"/>
      <c r="WJR139" s="23"/>
      <c r="WJS139" s="23"/>
      <c r="WJT139" s="23"/>
      <c r="WJU139" s="23"/>
      <c r="WJV139" s="23"/>
      <c r="WJW139" s="23"/>
      <c r="WJX139" s="23"/>
      <c r="WJY139" s="23"/>
      <c r="WJZ139" s="23"/>
      <c r="WKA139" s="23"/>
      <c r="WKB139" s="23"/>
      <c r="WKC139" s="23"/>
      <c r="WKD139" s="23"/>
      <c r="WKE139" s="23"/>
      <c r="WKF139" s="23"/>
      <c r="WKG139" s="23"/>
      <c r="WKH139" s="23"/>
      <c r="WKI139" s="23"/>
      <c r="WKJ139" s="23"/>
      <c r="WKK139" s="23"/>
      <c r="WKL139" s="23"/>
      <c r="WKM139" s="23"/>
      <c r="WKN139" s="23"/>
      <c r="WKO139" s="23"/>
      <c r="WKP139" s="23"/>
      <c r="WKQ139" s="23"/>
      <c r="WKR139" s="23"/>
      <c r="WKS139" s="23"/>
      <c r="WKT139" s="23"/>
      <c r="WKU139" s="23"/>
      <c r="WKV139" s="23"/>
      <c r="WKW139" s="23"/>
      <c r="WKX139" s="23"/>
      <c r="WKY139" s="23"/>
      <c r="WKZ139" s="23"/>
      <c r="WLA139" s="23"/>
      <c r="WLB139" s="23"/>
      <c r="WLC139" s="23"/>
      <c r="WLD139" s="23"/>
      <c r="WLE139" s="23"/>
      <c r="WLF139" s="23"/>
      <c r="WLG139" s="23"/>
      <c r="WLH139" s="23"/>
      <c r="WLI139" s="23"/>
      <c r="WLJ139" s="23"/>
      <c r="WLK139" s="23"/>
      <c r="WLL139" s="23"/>
      <c r="WLM139" s="23"/>
      <c r="WLN139" s="23"/>
      <c r="WLO139" s="23"/>
      <c r="WLP139" s="23"/>
      <c r="WLQ139" s="23"/>
      <c r="WLR139" s="23"/>
      <c r="WLS139" s="23"/>
      <c r="WLT139" s="23"/>
      <c r="WLU139" s="23"/>
      <c r="WLV139" s="23"/>
      <c r="WLW139" s="23"/>
      <c r="WLX139" s="23"/>
      <c r="WLY139" s="23"/>
      <c r="WLZ139" s="23"/>
      <c r="WMA139" s="23"/>
      <c r="WMB139" s="23"/>
      <c r="WMC139" s="23"/>
      <c r="WMD139" s="23"/>
      <c r="WME139" s="23"/>
      <c r="WMF139" s="23"/>
      <c r="WMG139" s="23"/>
      <c r="WMH139" s="23"/>
      <c r="WMI139" s="23"/>
      <c r="WMJ139" s="23"/>
      <c r="WMK139" s="23"/>
      <c r="WML139" s="23"/>
      <c r="WMM139" s="23"/>
      <c r="WMN139" s="23"/>
      <c r="WMO139" s="23"/>
      <c r="WMP139" s="23"/>
      <c r="WMQ139" s="23"/>
      <c r="WMR139" s="23"/>
      <c r="WMS139" s="23"/>
      <c r="WMT139" s="23"/>
      <c r="WMU139" s="23"/>
      <c r="WMV139" s="23"/>
      <c r="WMW139" s="23"/>
      <c r="WMX139" s="23"/>
      <c r="WMY139" s="23"/>
      <c r="WMZ139" s="23"/>
      <c r="WNA139" s="23"/>
      <c r="WNB139" s="23"/>
      <c r="WNC139" s="23"/>
      <c r="WND139" s="23"/>
      <c r="WNE139" s="23"/>
      <c r="WNF139" s="23"/>
      <c r="WNG139" s="23"/>
      <c r="WNH139" s="23"/>
      <c r="WNI139" s="23"/>
      <c r="WNJ139" s="23"/>
      <c r="WNK139" s="23"/>
      <c r="WNL139" s="23"/>
      <c r="WNM139" s="23"/>
      <c r="WNN139" s="23"/>
      <c r="WNO139" s="23"/>
      <c r="WNP139" s="23"/>
      <c r="WNQ139" s="23"/>
      <c r="WNR139" s="23"/>
      <c r="WNS139" s="23"/>
      <c r="WNT139" s="23"/>
      <c r="WNU139" s="23"/>
      <c r="WNV139" s="23"/>
      <c r="WNW139" s="23"/>
      <c r="WNX139" s="23"/>
      <c r="WNY139" s="23"/>
      <c r="WNZ139" s="23"/>
      <c r="WOA139" s="23"/>
      <c r="WOB139" s="23"/>
      <c r="WOC139" s="23"/>
      <c r="WOD139" s="23"/>
      <c r="WOE139" s="23"/>
      <c r="WOF139" s="23"/>
      <c r="WOG139" s="23"/>
      <c r="WOH139" s="23"/>
      <c r="WOI139" s="23"/>
      <c r="WOJ139" s="23"/>
      <c r="WOK139" s="23"/>
      <c r="WOL139" s="23"/>
      <c r="WOM139" s="23"/>
      <c r="WON139" s="23"/>
      <c r="WOO139" s="23"/>
      <c r="WOP139" s="23"/>
      <c r="WOQ139" s="23"/>
      <c r="WOR139" s="23"/>
      <c r="WOS139" s="23"/>
      <c r="WOT139" s="23"/>
      <c r="WOU139" s="23"/>
      <c r="WOV139" s="23"/>
      <c r="WOW139" s="23"/>
      <c r="WOX139" s="23"/>
      <c r="WOY139" s="23"/>
      <c r="WOZ139" s="23"/>
      <c r="WPA139" s="23"/>
      <c r="WPB139" s="23"/>
      <c r="WPC139" s="23"/>
      <c r="WPD139" s="23"/>
      <c r="WPE139" s="23"/>
      <c r="WPF139" s="23"/>
      <c r="WPG139" s="23"/>
      <c r="WPH139" s="23"/>
      <c r="WPI139" s="23"/>
      <c r="WPJ139" s="23"/>
      <c r="WPK139" s="23"/>
      <c r="WPL139" s="23"/>
      <c r="WPM139" s="23"/>
      <c r="WPN139" s="23"/>
      <c r="WPO139" s="23"/>
      <c r="WPP139" s="23"/>
      <c r="WPQ139" s="23"/>
      <c r="WPR139" s="23"/>
      <c r="WPS139" s="23"/>
      <c r="WPT139" s="23"/>
      <c r="WPU139" s="23"/>
      <c r="WPV139" s="23"/>
      <c r="WPW139" s="23"/>
      <c r="WPX139" s="23"/>
      <c r="WPY139" s="23"/>
      <c r="WPZ139" s="23"/>
      <c r="WQA139" s="23"/>
      <c r="WQB139" s="23"/>
      <c r="WQC139" s="23"/>
      <c r="WQD139" s="23"/>
      <c r="WQE139" s="23"/>
      <c r="WQF139" s="23"/>
      <c r="WQG139" s="23"/>
      <c r="WQH139" s="23"/>
      <c r="WQI139" s="23"/>
      <c r="WQJ139" s="23"/>
      <c r="WQK139" s="23"/>
      <c r="WQL139" s="23"/>
      <c r="WQM139" s="23"/>
      <c r="WQN139" s="23"/>
      <c r="WQO139" s="23"/>
      <c r="WQP139" s="23"/>
      <c r="WQQ139" s="23"/>
      <c r="WQR139" s="23"/>
      <c r="WQS139" s="23"/>
      <c r="WQT139" s="23"/>
      <c r="WQU139" s="23"/>
      <c r="WQV139" s="23"/>
      <c r="WQW139" s="23"/>
      <c r="WQX139" s="23"/>
      <c r="WQY139" s="23"/>
      <c r="WQZ139" s="23"/>
      <c r="WRA139" s="23"/>
      <c r="WRB139" s="23"/>
      <c r="WRC139" s="23"/>
      <c r="WRD139" s="23"/>
      <c r="WRE139" s="23"/>
      <c r="WRF139" s="23"/>
      <c r="WRG139" s="23"/>
      <c r="WRH139" s="23"/>
      <c r="WRI139" s="23"/>
      <c r="WRJ139" s="23"/>
      <c r="WRK139" s="23"/>
      <c r="WRL139" s="23"/>
      <c r="WRM139" s="23"/>
      <c r="WRN139" s="23"/>
      <c r="WRO139" s="23"/>
      <c r="WRP139" s="23"/>
      <c r="WRQ139" s="23"/>
      <c r="WRR139" s="23"/>
      <c r="WRS139" s="23"/>
      <c r="WRT139" s="23"/>
      <c r="WRU139" s="23"/>
      <c r="WRV139" s="23"/>
      <c r="WRW139" s="23"/>
      <c r="WRX139" s="23"/>
      <c r="WRY139" s="23"/>
      <c r="WRZ139" s="23"/>
      <c r="WSA139" s="23"/>
      <c r="WSB139" s="23"/>
      <c r="WSC139" s="23"/>
      <c r="WSD139" s="23"/>
      <c r="WSE139" s="23"/>
      <c r="WSF139" s="23"/>
      <c r="WSG139" s="23"/>
      <c r="WSH139" s="23"/>
      <c r="WSI139" s="23"/>
      <c r="WSJ139" s="23"/>
      <c r="WSK139" s="23"/>
      <c r="WSL139" s="23"/>
      <c r="WSM139" s="23"/>
      <c r="WSN139" s="23"/>
      <c r="WSO139" s="23"/>
      <c r="WSP139" s="23"/>
      <c r="WSQ139" s="23"/>
      <c r="WSR139" s="23"/>
      <c r="WSS139" s="23"/>
      <c r="WST139" s="23"/>
      <c r="WSU139" s="23"/>
      <c r="WSV139" s="23"/>
      <c r="WSW139" s="23"/>
      <c r="WSX139" s="23"/>
      <c r="WSY139" s="23"/>
      <c r="WSZ139" s="23"/>
      <c r="WTA139" s="23"/>
      <c r="WTB139" s="23"/>
      <c r="WTC139" s="23"/>
      <c r="WTD139" s="23"/>
      <c r="WTE139" s="23"/>
      <c r="WTF139" s="23"/>
      <c r="WTG139" s="23"/>
      <c r="WTH139" s="23"/>
      <c r="WTI139" s="23"/>
      <c r="WTJ139" s="23"/>
      <c r="WTK139" s="23"/>
      <c r="WTL139" s="23"/>
      <c r="WTM139" s="23"/>
      <c r="WTN139" s="23"/>
      <c r="WTO139" s="23"/>
      <c r="WTP139" s="23"/>
      <c r="WTQ139" s="23"/>
      <c r="WTR139" s="23"/>
      <c r="WTS139" s="23"/>
      <c r="WTT139" s="23"/>
      <c r="WTU139" s="23"/>
      <c r="WTV139" s="23"/>
      <c r="WTW139" s="23"/>
      <c r="WTX139" s="23"/>
      <c r="WTY139" s="23"/>
      <c r="WTZ139" s="23"/>
      <c r="WUA139" s="23"/>
      <c r="WUB139" s="23"/>
      <c r="WUC139" s="23"/>
      <c r="WUD139" s="23"/>
      <c r="WUE139" s="23"/>
      <c r="WUF139" s="23"/>
      <c r="WUG139" s="23"/>
      <c r="WUH139" s="23"/>
      <c r="WUI139" s="23"/>
      <c r="WUJ139" s="23"/>
      <c r="WUK139" s="23"/>
      <c r="WUL139" s="23"/>
      <c r="WUM139" s="23"/>
      <c r="WUN139" s="23"/>
      <c r="WUO139" s="23"/>
      <c r="WUP139" s="23"/>
      <c r="WUQ139" s="23"/>
      <c r="WUR139" s="23"/>
      <c r="WUS139" s="23"/>
      <c r="WUT139" s="23"/>
      <c r="WUU139" s="23"/>
      <c r="WUV139" s="23"/>
      <c r="WUW139" s="23"/>
      <c r="WUX139" s="23"/>
      <c r="WUY139" s="23"/>
      <c r="WUZ139" s="23"/>
      <c r="WVA139" s="23"/>
      <c r="WVB139" s="23"/>
      <c r="WVC139" s="23"/>
      <c r="WVD139" s="23"/>
      <c r="WVE139" s="23"/>
      <c r="WVF139" s="23"/>
      <c r="WVG139" s="23"/>
      <c r="WVH139" s="23"/>
      <c r="WVI139" s="23"/>
      <c r="WVJ139" s="23"/>
      <c r="WVK139" s="23"/>
      <c r="WVL139" s="23"/>
      <c r="WVM139" s="23"/>
      <c r="WVN139" s="23"/>
      <c r="WVO139" s="23"/>
      <c r="WVP139" s="23"/>
      <c r="WVQ139" s="23"/>
      <c r="WVR139" s="23"/>
      <c r="WVS139" s="23"/>
      <c r="WVT139" s="23"/>
      <c r="WVU139" s="23"/>
      <c r="WVV139" s="23"/>
      <c r="WVW139" s="23"/>
      <c r="WVX139" s="23"/>
      <c r="WVY139" s="23"/>
      <c r="WVZ139" s="23"/>
      <c r="WWA139" s="23"/>
      <c r="WWB139" s="23"/>
      <c r="WWC139" s="23"/>
      <c r="WWD139" s="23"/>
      <c r="WWE139" s="23"/>
      <c r="WWF139" s="23"/>
      <c r="WWG139" s="23"/>
      <c r="WWH139" s="23"/>
      <c r="WWI139" s="23"/>
      <c r="WWJ139" s="23"/>
      <c r="WWK139" s="23"/>
      <c r="WWL139" s="23"/>
      <c r="WWM139" s="23"/>
      <c r="WWN139" s="23"/>
      <c r="WWO139" s="23"/>
      <c r="WWP139" s="23"/>
      <c r="WWQ139" s="23"/>
      <c r="WWR139" s="23"/>
      <c r="WWS139" s="23"/>
      <c r="WWT139" s="23"/>
      <c r="WWU139" s="23"/>
      <c r="WWV139" s="23"/>
      <c r="WWW139" s="23"/>
      <c r="WWX139" s="23"/>
      <c r="WWY139" s="23"/>
      <c r="WWZ139" s="23"/>
      <c r="WXA139" s="23"/>
      <c r="WXB139" s="23"/>
      <c r="WXC139" s="23"/>
      <c r="WXD139" s="23"/>
      <c r="WXE139" s="23"/>
      <c r="WXF139" s="23"/>
      <c r="WXG139" s="23"/>
      <c r="WXH139" s="23"/>
      <c r="WXI139" s="23"/>
      <c r="WXJ139" s="23"/>
      <c r="WXK139" s="23"/>
      <c r="WXL139" s="23"/>
      <c r="WXM139" s="23"/>
      <c r="WXN139" s="23"/>
      <c r="WXO139" s="23"/>
      <c r="WXP139" s="23"/>
      <c r="WXQ139" s="23"/>
      <c r="WXR139" s="23"/>
      <c r="WXS139" s="23"/>
      <c r="WXT139" s="23"/>
      <c r="WXU139" s="23"/>
      <c r="WXV139" s="23"/>
      <c r="WXW139" s="23"/>
      <c r="WXX139" s="23"/>
      <c r="WXY139" s="23"/>
      <c r="WXZ139" s="23"/>
      <c r="WYA139" s="23"/>
      <c r="WYB139" s="23"/>
      <c r="WYC139" s="23"/>
      <c r="WYD139" s="23"/>
      <c r="WYE139" s="23"/>
      <c r="WYF139" s="23"/>
      <c r="WYG139" s="23"/>
      <c r="WYH139" s="23"/>
      <c r="WYI139" s="23"/>
      <c r="WYJ139" s="23"/>
      <c r="WYK139" s="23"/>
      <c r="WYL139" s="23"/>
      <c r="WYM139" s="23"/>
      <c r="WYN139" s="23"/>
      <c r="WYO139" s="23"/>
      <c r="WYP139" s="23"/>
      <c r="WYQ139" s="23"/>
      <c r="WYR139" s="23"/>
      <c r="WYS139" s="23"/>
      <c r="WYT139" s="23"/>
      <c r="WYU139" s="23"/>
      <c r="WYV139" s="23"/>
      <c r="WYW139" s="23"/>
      <c r="WYX139" s="23"/>
      <c r="WYY139" s="23"/>
      <c r="WYZ139" s="23"/>
      <c r="WZA139" s="23"/>
      <c r="WZB139" s="23"/>
      <c r="WZC139" s="23"/>
      <c r="WZD139" s="23"/>
      <c r="WZE139" s="23"/>
      <c r="WZF139" s="23"/>
      <c r="WZG139" s="23"/>
      <c r="WZH139" s="23"/>
      <c r="WZI139" s="23"/>
      <c r="WZJ139" s="23"/>
      <c r="WZK139" s="23"/>
      <c r="WZL139" s="23"/>
      <c r="WZM139" s="23"/>
      <c r="WZN139" s="23"/>
      <c r="WZO139" s="23"/>
      <c r="WZP139" s="23"/>
      <c r="WZQ139" s="23"/>
      <c r="WZR139" s="23"/>
      <c r="WZS139" s="23"/>
      <c r="WZT139" s="23"/>
      <c r="WZU139" s="23"/>
      <c r="WZV139" s="23"/>
      <c r="WZW139" s="23"/>
      <c r="WZX139" s="23"/>
      <c r="WZY139" s="23"/>
      <c r="WZZ139" s="23"/>
      <c r="XAA139" s="23"/>
      <c r="XAB139" s="23"/>
      <c r="XAC139" s="23"/>
      <c r="XAD139" s="23"/>
      <c r="XAE139" s="23"/>
      <c r="XAF139" s="23"/>
      <c r="XAG139" s="23"/>
      <c r="XAH139" s="23"/>
      <c r="XAI139" s="23"/>
      <c r="XAJ139" s="23"/>
      <c r="XAK139" s="23"/>
      <c r="XAL139" s="23"/>
      <c r="XAM139" s="23"/>
      <c r="XAN139" s="23"/>
      <c r="XAO139" s="23"/>
      <c r="XAP139" s="23"/>
      <c r="XAQ139" s="23"/>
      <c r="XAR139" s="23"/>
      <c r="XAS139" s="23"/>
      <c r="XAT139" s="23"/>
      <c r="XAU139" s="23"/>
      <c r="XAV139" s="23"/>
      <c r="XAW139" s="23"/>
      <c r="XAX139" s="23"/>
      <c r="XAY139" s="23"/>
      <c r="XAZ139" s="23"/>
      <c r="XBA139" s="23"/>
      <c r="XBB139" s="23"/>
      <c r="XBC139" s="23"/>
      <c r="XBD139" s="23"/>
      <c r="XBE139" s="23"/>
      <c r="XBF139" s="23"/>
      <c r="XBG139" s="23"/>
      <c r="XBH139" s="23"/>
      <c r="XBI139" s="23"/>
      <c r="XBJ139" s="23"/>
      <c r="XBK139" s="23"/>
      <c r="XBL139" s="23"/>
      <c r="XBM139" s="23"/>
      <c r="XBN139" s="23"/>
      <c r="XBO139" s="23"/>
      <c r="XBP139" s="23"/>
      <c r="XBQ139" s="23"/>
      <c r="XBR139" s="23"/>
      <c r="XBS139" s="23"/>
      <c r="XBT139" s="23"/>
      <c r="XBU139" s="23"/>
      <c r="XBV139" s="23"/>
      <c r="XBW139" s="23"/>
      <c r="XBX139" s="23"/>
      <c r="XBY139" s="23"/>
      <c r="XBZ139" s="23"/>
      <c r="XCA139" s="23"/>
      <c r="XCB139" s="23"/>
      <c r="XCC139" s="23"/>
      <c r="XCD139" s="23"/>
      <c r="XCE139" s="23"/>
      <c r="XCF139" s="23"/>
      <c r="XCG139" s="23"/>
      <c r="XCH139" s="23"/>
      <c r="XCI139" s="23"/>
      <c r="XCJ139" s="23"/>
      <c r="XCK139" s="23"/>
      <c r="XCL139" s="23"/>
      <c r="XCM139" s="23"/>
      <c r="XCN139" s="23"/>
      <c r="XCO139" s="23"/>
      <c r="XCP139" s="23"/>
      <c r="XCQ139" s="23"/>
      <c r="XCR139" s="23"/>
      <c r="XCS139" s="23"/>
      <c r="XCT139" s="23"/>
      <c r="XCU139" s="23"/>
      <c r="XCV139" s="23"/>
      <c r="XCW139" s="23"/>
      <c r="XCX139" s="23"/>
      <c r="XCY139" s="23"/>
      <c r="XCZ139" s="23"/>
      <c r="XDA139" s="23"/>
      <c r="XDB139" s="23"/>
      <c r="XDC139" s="23"/>
      <c r="XDD139" s="23"/>
      <c r="XDE139" s="23"/>
      <c r="XDF139" s="23"/>
      <c r="XDG139" s="23"/>
      <c r="XDH139" s="23"/>
      <c r="XDI139" s="23"/>
      <c r="XDJ139" s="23"/>
      <c r="XDK139" s="23"/>
      <c r="XDL139" s="23"/>
      <c r="XDM139" s="23"/>
      <c r="XDN139" s="23"/>
      <c r="XDO139" s="23"/>
      <c r="XDP139" s="23"/>
      <c r="XDQ139" s="23"/>
      <c r="XDR139" s="23"/>
      <c r="XDS139" s="23"/>
      <c r="XDT139" s="23"/>
      <c r="XDU139" s="23"/>
      <c r="XDV139" s="23"/>
      <c r="XDW139" s="23"/>
      <c r="XDX139" s="23"/>
      <c r="XDY139" s="23"/>
      <c r="XDZ139" s="23"/>
      <c r="XEA139" s="23"/>
      <c r="XEB139" s="23"/>
      <c r="XEC139" s="23"/>
      <c r="XED139" s="23"/>
      <c r="XEE139" s="23"/>
      <c r="XEF139" s="23"/>
      <c r="XEG139" s="23"/>
      <c r="XEH139" s="23"/>
      <c r="XEI139" s="23"/>
      <c r="XEJ139" s="23"/>
      <c r="XEK139" s="23"/>
      <c r="XEL139" s="23"/>
      <c r="XEM139" s="23"/>
      <c r="XEN139" s="23"/>
      <c r="XEO139" s="23"/>
      <c r="XEP139" s="23"/>
      <c r="XEQ139" s="23"/>
    </row>
    <row r="140" spans="1:16371" s="22" customFormat="1" ht="64.8" x14ac:dyDescent="0.2">
      <c r="A140" s="4" t="s">
        <v>302</v>
      </c>
      <c r="B140" s="4" t="s">
        <v>416</v>
      </c>
      <c r="C140" s="4" t="s">
        <v>417</v>
      </c>
      <c r="D140" s="4" t="s">
        <v>418</v>
      </c>
      <c r="E140" s="4"/>
    </row>
    <row r="141" spans="1:16371" s="22" customFormat="1" ht="75.599999999999994" x14ac:dyDescent="0.2">
      <c r="A141" s="4" t="s">
        <v>302</v>
      </c>
      <c r="B141" s="4" t="s">
        <v>419</v>
      </c>
      <c r="C141" s="4" t="s">
        <v>420</v>
      </c>
      <c r="D141" s="4" t="s">
        <v>421</v>
      </c>
      <c r="E141" s="4"/>
    </row>
    <row r="142" spans="1:16371" s="22" customFormat="1" ht="43.2" x14ac:dyDescent="0.2">
      <c r="A142" s="4" t="s">
        <v>302</v>
      </c>
      <c r="B142" s="4" t="s">
        <v>422</v>
      </c>
      <c r="C142" s="4" t="s">
        <v>423</v>
      </c>
      <c r="D142" s="4" t="s">
        <v>424</v>
      </c>
      <c r="E142" s="4"/>
    </row>
    <row r="143" spans="1:16371" s="22" customFormat="1" ht="97.2" x14ac:dyDescent="0.2">
      <c r="A143" s="4" t="s">
        <v>302</v>
      </c>
      <c r="B143" s="4" t="s">
        <v>425</v>
      </c>
      <c r="C143" s="4" t="s">
        <v>426</v>
      </c>
      <c r="D143" s="4" t="s">
        <v>427</v>
      </c>
      <c r="E143" s="4"/>
    </row>
    <row r="144" spans="1:16371" s="22" customFormat="1" ht="64.8" x14ac:dyDescent="0.2">
      <c r="A144" s="4" t="s">
        <v>302</v>
      </c>
      <c r="B144" s="4" t="s">
        <v>428</v>
      </c>
      <c r="C144" s="4" t="s">
        <v>429</v>
      </c>
      <c r="D144" s="4" t="s">
        <v>430</v>
      </c>
      <c r="E144" s="4"/>
    </row>
    <row r="145" spans="1:16371" s="22" customFormat="1" ht="64.8" x14ac:dyDescent="0.2">
      <c r="A145" s="4" t="s">
        <v>302</v>
      </c>
      <c r="B145" s="4" t="s">
        <v>431</v>
      </c>
      <c r="C145" s="4" t="s">
        <v>432</v>
      </c>
      <c r="D145" s="4" t="s">
        <v>433</v>
      </c>
      <c r="E145" s="4"/>
    </row>
    <row r="146" spans="1:16371" s="22" customFormat="1" ht="54" x14ac:dyDescent="0.2">
      <c r="A146" s="4" t="s">
        <v>302</v>
      </c>
      <c r="B146" s="4" t="s">
        <v>434</v>
      </c>
      <c r="C146" s="4" t="s">
        <v>435</v>
      </c>
      <c r="D146" s="4" t="s">
        <v>436</v>
      </c>
      <c r="E146" s="4"/>
    </row>
    <row r="147" spans="1:16371" s="22" customFormat="1" ht="75.599999999999994" x14ac:dyDescent="0.2">
      <c r="A147" s="4" t="s">
        <v>302</v>
      </c>
      <c r="B147" s="4" t="s">
        <v>437</v>
      </c>
      <c r="C147" s="4" t="s">
        <v>438</v>
      </c>
      <c r="D147" s="4" t="s">
        <v>439</v>
      </c>
      <c r="E147" s="4"/>
    </row>
    <row r="148" spans="1:16371" s="22" customFormat="1" ht="43.2" x14ac:dyDescent="0.2">
      <c r="A148" s="4" t="s">
        <v>302</v>
      </c>
      <c r="B148" s="4" t="s">
        <v>440</v>
      </c>
      <c r="C148" s="4" t="s">
        <v>429</v>
      </c>
      <c r="D148" s="4" t="s">
        <v>441</v>
      </c>
      <c r="E148" s="4"/>
    </row>
    <row r="149" spans="1:16371" s="22" customFormat="1" ht="21.6" x14ac:dyDescent="0.2">
      <c r="A149" s="4" t="s">
        <v>302</v>
      </c>
      <c r="B149" s="4" t="s">
        <v>442</v>
      </c>
      <c r="C149" s="4" t="s">
        <v>443</v>
      </c>
      <c r="D149" s="4" t="s">
        <v>444</v>
      </c>
      <c r="E149" s="4"/>
      <c r="F149" s="35"/>
      <c r="G149" s="35"/>
      <c r="H149" s="35"/>
      <c r="I149" s="35"/>
      <c r="J149" s="35"/>
      <c r="K149" s="35"/>
      <c r="L149" s="35"/>
      <c r="M149" s="35"/>
      <c r="N149" s="35"/>
      <c r="O149" s="35"/>
      <c r="P149" s="35"/>
      <c r="Q149" s="35"/>
      <c r="R149" s="35"/>
      <c r="S149" s="35"/>
      <c r="T149" s="35"/>
      <c r="U149" s="35"/>
      <c r="V149" s="35"/>
      <c r="W149" s="35"/>
      <c r="X149" s="35"/>
      <c r="Y149" s="35"/>
      <c r="Z149" s="35"/>
      <c r="AA149" s="35"/>
      <c r="AB149" s="35"/>
      <c r="AC149" s="35"/>
      <c r="AD149" s="35"/>
      <c r="AE149" s="35"/>
      <c r="AF149" s="35"/>
      <c r="AG149" s="35"/>
      <c r="AH149" s="35"/>
      <c r="AI149" s="35"/>
      <c r="AJ149" s="35"/>
      <c r="AK149" s="35"/>
      <c r="AL149" s="35"/>
      <c r="AM149" s="35"/>
      <c r="AN149" s="35"/>
      <c r="AO149" s="35"/>
      <c r="AP149" s="35"/>
      <c r="AQ149" s="35"/>
      <c r="AR149" s="35"/>
      <c r="AS149" s="35"/>
      <c r="AT149" s="35"/>
      <c r="AU149" s="35"/>
      <c r="AV149" s="35"/>
      <c r="AW149" s="35"/>
      <c r="AX149" s="35"/>
      <c r="AY149" s="35"/>
      <c r="AZ149" s="35"/>
      <c r="BA149" s="35"/>
      <c r="BB149" s="35"/>
      <c r="BC149" s="35"/>
      <c r="BD149" s="35"/>
      <c r="BE149" s="35"/>
      <c r="BF149" s="35"/>
      <c r="BG149" s="35"/>
      <c r="BH149" s="35"/>
      <c r="BI149" s="35"/>
      <c r="BJ149" s="35"/>
      <c r="BK149" s="35"/>
      <c r="BL149" s="35"/>
      <c r="BM149" s="35"/>
      <c r="BN149" s="35"/>
      <c r="BO149" s="35"/>
      <c r="BP149" s="35"/>
      <c r="BQ149" s="35"/>
      <c r="BR149" s="35"/>
      <c r="BS149" s="35"/>
      <c r="BT149" s="35"/>
      <c r="BU149" s="35"/>
      <c r="BV149" s="35"/>
      <c r="BW149" s="35"/>
      <c r="BX149" s="35"/>
      <c r="BY149" s="35"/>
      <c r="BZ149" s="35"/>
      <c r="CA149" s="35"/>
      <c r="CB149" s="35"/>
      <c r="CC149" s="35"/>
      <c r="CD149" s="35"/>
      <c r="CE149" s="35"/>
      <c r="CF149" s="35"/>
      <c r="CG149" s="35"/>
      <c r="CH149" s="35"/>
      <c r="CI149" s="35"/>
      <c r="CJ149" s="35"/>
      <c r="CK149" s="35"/>
      <c r="CL149" s="35"/>
      <c r="CM149" s="35"/>
      <c r="CN149" s="35"/>
      <c r="CO149" s="35"/>
      <c r="CP149" s="35"/>
      <c r="CQ149" s="35"/>
      <c r="CR149" s="35"/>
      <c r="CS149" s="35"/>
      <c r="CT149" s="35"/>
      <c r="CU149" s="35"/>
      <c r="CV149" s="35"/>
      <c r="CW149" s="35"/>
      <c r="CX149" s="35"/>
      <c r="CY149" s="35"/>
      <c r="CZ149" s="35"/>
      <c r="DA149" s="35"/>
      <c r="DB149" s="35"/>
      <c r="DC149" s="35"/>
      <c r="DD149" s="35"/>
      <c r="DE149" s="35"/>
      <c r="DF149" s="35"/>
      <c r="DG149" s="35"/>
      <c r="DH149" s="35"/>
      <c r="DI149" s="35"/>
      <c r="DJ149" s="35"/>
      <c r="DK149" s="35"/>
      <c r="DL149" s="35"/>
      <c r="DM149" s="35"/>
      <c r="DN149" s="35"/>
      <c r="DO149" s="35"/>
      <c r="DP149" s="35"/>
      <c r="DQ149" s="35"/>
      <c r="DR149" s="35"/>
      <c r="DS149" s="35"/>
      <c r="DT149" s="35"/>
      <c r="DU149" s="35"/>
      <c r="DV149" s="35"/>
      <c r="DW149" s="35"/>
      <c r="DX149" s="35"/>
      <c r="DY149" s="35"/>
      <c r="DZ149" s="35"/>
      <c r="EA149" s="35"/>
      <c r="EB149" s="35"/>
      <c r="EC149" s="35"/>
      <c r="ED149" s="35"/>
      <c r="EE149" s="35"/>
      <c r="EF149" s="35"/>
      <c r="EG149" s="35"/>
      <c r="EH149" s="35"/>
      <c r="EI149" s="35"/>
      <c r="EJ149" s="35"/>
      <c r="EK149" s="35"/>
      <c r="EL149" s="35"/>
      <c r="EM149" s="35"/>
      <c r="EN149" s="35"/>
      <c r="EO149" s="35"/>
      <c r="EP149" s="35"/>
      <c r="EQ149" s="35"/>
      <c r="ER149" s="35"/>
      <c r="ES149" s="35"/>
      <c r="ET149" s="35"/>
      <c r="EU149" s="35"/>
      <c r="EV149" s="35"/>
      <c r="EW149" s="35"/>
      <c r="EX149" s="35"/>
      <c r="EY149" s="35"/>
      <c r="EZ149" s="35"/>
      <c r="FA149" s="35"/>
      <c r="FB149" s="35"/>
      <c r="FC149" s="35"/>
      <c r="FD149" s="35"/>
      <c r="FE149" s="35"/>
      <c r="FF149" s="35"/>
      <c r="FG149" s="35"/>
      <c r="FH149" s="35"/>
      <c r="FI149" s="35"/>
      <c r="FJ149" s="35"/>
      <c r="FK149" s="35"/>
      <c r="FL149" s="35"/>
      <c r="FM149" s="35"/>
      <c r="FN149" s="35"/>
      <c r="FO149" s="35"/>
      <c r="FP149" s="35"/>
      <c r="FQ149" s="35"/>
      <c r="FR149" s="35"/>
      <c r="FS149" s="35"/>
      <c r="FT149" s="35"/>
      <c r="FU149" s="35"/>
      <c r="FV149" s="35"/>
      <c r="FW149" s="35"/>
      <c r="FX149" s="35"/>
      <c r="FY149" s="35"/>
      <c r="FZ149" s="35"/>
      <c r="GA149" s="35"/>
      <c r="GB149" s="35"/>
      <c r="GC149" s="35"/>
      <c r="GD149" s="35"/>
      <c r="GE149" s="35"/>
      <c r="GF149" s="35"/>
      <c r="GG149" s="35"/>
      <c r="GH149" s="35"/>
      <c r="GI149" s="35"/>
      <c r="GJ149" s="35"/>
      <c r="GK149" s="35"/>
      <c r="GL149" s="35"/>
      <c r="GM149" s="35"/>
      <c r="GN149" s="35"/>
      <c r="GO149" s="35"/>
      <c r="GP149" s="35"/>
      <c r="GQ149" s="35"/>
      <c r="GR149" s="35"/>
      <c r="GS149" s="35"/>
      <c r="GT149" s="35"/>
      <c r="GU149" s="35"/>
      <c r="GV149" s="35"/>
      <c r="GW149" s="35"/>
      <c r="GX149" s="35"/>
      <c r="GY149" s="35"/>
      <c r="GZ149" s="35"/>
      <c r="HA149" s="35"/>
      <c r="HB149" s="35"/>
      <c r="HC149" s="35"/>
      <c r="HD149" s="35"/>
      <c r="HE149" s="35"/>
      <c r="HF149" s="35"/>
      <c r="HG149" s="35"/>
      <c r="HH149" s="35"/>
      <c r="HI149" s="35"/>
      <c r="HJ149" s="35"/>
      <c r="HK149" s="35"/>
      <c r="HL149" s="35"/>
      <c r="HM149" s="35"/>
      <c r="HN149" s="35"/>
      <c r="HO149" s="35"/>
      <c r="HP149" s="35"/>
      <c r="HQ149" s="35"/>
      <c r="HR149" s="35"/>
      <c r="HS149" s="35"/>
      <c r="HT149" s="35"/>
      <c r="HU149" s="35"/>
      <c r="HV149" s="35"/>
      <c r="HW149" s="35"/>
      <c r="HX149" s="35"/>
      <c r="HY149" s="35"/>
      <c r="HZ149" s="35"/>
      <c r="IA149" s="35"/>
      <c r="IB149" s="35"/>
      <c r="IC149" s="35"/>
      <c r="ID149" s="35"/>
      <c r="IE149" s="35"/>
      <c r="IF149" s="35"/>
      <c r="IG149" s="35"/>
      <c r="IH149" s="35"/>
      <c r="II149" s="35"/>
      <c r="IJ149" s="35"/>
      <c r="IK149" s="35"/>
      <c r="IL149" s="35"/>
      <c r="IM149" s="35"/>
      <c r="IN149" s="35"/>
      <c r="IO149" s="35"/>
      <c r="IP149" s="35"/>
      <c r="IQ149" s="35"/>
      <c r="IR149" s="35"/>
      <c r="IS149" s="35"/>
      <c r="IT149" s="35"/>
      <c r="IU149" s="35"/>
      <c r="IV149" s="35"/>
      <c r="IW149" s="35"/>
      <c r="IX149" s="35"/>
      <c r="IY149" s="35"/>
      <c r="IZ149" s="35"/>
      <c r="JA149" s="35"/>
      <c r="JB149" s="35"/>
      <c r="JC149" s="35"/>
      <c r="JD149" s="35"/>
      <c r="JE149" s="35"/>
      <c r="JF149" s="35"/>
      <c r="JG149" s="35"/>
      <c r="JH149" s="35"/>
      <c r="JI149" s="35"/>
      <c r="JJ149" s="35"/>
      <c r="JK149" s="35"/>
      <c r="JL149" s="35"/>
      <c r="JM149" s="35"/>
      <c r="JN149" s="35"/>
      <c r="JO149" s="35"/>
      <c r="JP149" s="35"/>
      <c r="JQ149" s="35"/>
      <c r="JR149" s="35"/>
      <c r="JS149" s="35"/>
      <c r="JT149" s="35"/>
      <c r="JU149" s="35"/>
      <c r="JV149" s="35"/>
      <c r="JW149" s="35"/>
      <c r="JX149" s="35"/>
      <c r="JY149" s="35"/>
      <c r="JZ149" s="35"/>
      <c r="KA149" s="35"/>
      <c r="KB149" s="35"/>
      <c r="KC149" s="35"/>
      <c r="KD149" s="35"/>
      <c r="KE149" s="35"/>
      <c r="KF149" s="35"/>
      <c r="KG149" s="35"/>
      <c r="KH149" s="35"/>
      <c r="KI149" s="35"/>
      <c r="KJ149" s="35"/>
      <c r="KK149" s="35"/>
      <c r="KL149" s="35"/>
      <c r="KM149" s="35"/>
      <c r="KN149" s="35"/>
      <c r="KO149" s="35"/>
      <c r="KP149" s="35"/>
      <c r="KQ149" s="35"/>
      <c r="KR149" s="35"/>
      <c r="KS149" s="35"/>
      <c r="KT149" s="35"/>
      <c r="KU149" s="35"/>
      <c r="KV149" s="35"/>
      <c r="KW149" s="35"/>
      <c r="KX149" s="35"/>
      <c r="KY149" s="35"/>
      <c r="KZ149" s="35"/>
      <c r="LA149" s="35"/>
      <c r="LB149" s="35"/>
      <c r="LC149" s="35"/>
      <c r="LD149" s="35"/>
      <c r="LE149" s="35"/>
      <c r="LF149" s="35"/>
      <c r="LG149" s="35"/>
      <c r="LH149" s="35"/>
      <c r="LI149" s="35"/>
      <c r="LJ149" s="35"/>
      <c r="LK149" s="35"/>
      <c r="LL149" s="35"/>
      <c r="LM149" s="35"/>
      <c r="LN149" s="35"/>
      <c r="LO149" s="35"/>
      <c r="LP149" s="35"/>
      <c r="LQ149" s="35"/>
      <c r="LR149" s="35"/>
      <c r="LS149" s="35"/>
      <c r="LT149" s="35"/>
      <c r="LU149" s="35"/>
      <c r="LV149" s="35"/>
      <c r="LW149" s="35"/>
      <c r="LX149" s="35"/>
      <c r="LY149" s="35"/>
      <c r="LZ149" s="35"/>
      <c r="MA149" s="35"/>
      <c r="MB149" s="35"/>
      <c r="MC149" s="35"/>
      <c r="MD149" s="35"/>
      <c r="ME149" s="35"/>
      <c r="MF149" s="35"/>
      <c r="MG149" s="35"/>
      <c r="MH149" s="35"/>
      <c r="MI149" s="35"/>
      <c r="MJ149" s="35"/>
      <c r="MK149" s="35"/>
      <c r="ML149" s="35"/>
      <c r="MM149" s="35"/>
      <c r="MN149" s="35"/>
      <c r="MO149" s="35"/>
      <c r="MP149" s="35"/>
      <c r="MQ149" s="35"/>
      <c r="MR149" s="35"/>
      <c r="MS149" s="35"/>
      <c r="MT149" s="35"/>
      <c r="MU149" s="35"/>
      <c r="MV149" s="35"/>
      <c r="MW149" s="35"/>
      <c r="MX149" s="35"/>
      <c r="MY149" s="35"/>
      <c r="MZ149" s="35"/>
      <c r="NA149" s="35"/>
      <c r="NB149" s="35"/>
      <c r="NC149" s="35"/>
      <c r="ND149" s="35"/>
      <c r="NE149" s="35"/>
      <c r="NF149" s="35"/>
      <c r="NG149" s="35"/>
      <c r="NH149" s="35"/>
      <c r="NI149" s="35"/>
      <c r="NJ149" s="35"/>
      <c r="NK149" s="35"/>
      <c r="NL149" s="35"/>
      <c r="NM149" s="35"/>
      <c r="NN149" s="35"/>
      <c r="NO149" s="35"/>
      <c r="NP149" s="35"/>
      <c r="NQ149" s="35"/>
      <c r="NR149" s="35"/>
      <c r="NS149" s="35"/>
      <c r="NT149" s="35"/>
      <c r="NU149" s="35"/>
      <c r="NV149" s="35"/>
      <c r="NW149" s="35"/>
      <c r="NX149" s="35"/>
      <c r="NY149" s="35"/>
      <c r="NZ149" s="35"/>
      <c r="OA149" s="35"/>
      <c r="OB149" s="35"/>
      <c r="OC149" s="35"/>
      <c r="OD149" s="35"/>
      <c r="OE149" s="35"/>
      <c r="OF149" s="35"/>
      <c r="OG149" s="35"/>
      <c r="OH149" s="35"/>
      <c r="OI149" s="35"/>
      <c r="OJ149" s="35"/>
      <c r="OK149" s="35"/>
      <c r="OL149" s="35"/>
      <c r="OM149" s="35"/>
      <c r="ON149" s="35"/>
      <c r="OO149" s="35"/>
      <c r="OP149" s="35"/>
      <c r="OQ149" s="35"/>
      <c r="OR149" s="35"/>
      <c r="OS149" s="35"/>
      <c r="OT149" s="35"/>
      <c r="OU149" s="35"/>
      <c r="OV149" s="35"/>
      <c r="OW149" s="35"/>
      <c r="OX149" s="35"/>
      <c r="OY149" s="35"/>
      <c r="OZ149" s="35"/>
      <c r="PA149" s="35"/>
      <c r="PB149" s="35"/>
      <c r="PC149" s="35"/>
      <c r="PD149" s="35"/>
      <c r="PE149" s="35"/>
      <c r="PF149" s="35"/>
      <c r="PG149" s="35"/>
      <c r="PH149" s="35"/>
      <c r="PI149" s="35"/>
      <c r="PJ149" s="35"/>
      <c r="PK149" s="35"/>
      <c r="PL149" s="35"/>
      <c r="PM149" s="35"/>
      <c r="PN149" s="35"/>
      <c r="PO149" s="35"/>
      <c r="PP149" s="35"/>
      <c r="PQ149" s="35"/>
      <c r="PR149" s="35"/>
      <c r="PS149" s="35"/>
      <c r="PT149" s="35"/>
      <c r="PU149" s="35"/>
      <c r="PV149" s="35"/>
      <c r="PW149" s="35"/>
      <c r="PX149" s="35"/>
      <c r="PY149" s="35"/>
      <c r="PZ149" s="35"/>
      <c r="QA149" s="35"/>
      <c r="QB149" s="35"/>
      <c r="QC149" s="35"/>
      <c r="QD149" s="35"/>
      <c r="QE149" s="35"/>
      <c r="QF149" s="35"/>
      <c r="QG149" s="35"/>
      <c r="QH149" s="35"/>
      <c r="QI149" s="35"/>
      <c r="QJ149" s="35"/>
      <c r="QK149" s="35"/>
      <c r="QL149" s="35"/>
      <c r="QM149" s="35"/>
      <c r="QN149" s="35"/>
      <c r="QO149" s="35"/>
      <c r="QP149" s="35"/>
      <c r="QQ149" s="35"/>
      <c r="QR149" s="35"/>
      <c r="QS149" s="35"/>
      <c r="QT149" s="35"/>
      <c r="QU149" s="35"/>
      <c r="QV149" s="35"/>
      <c r="QW149" s="35"/>
      <c r="QX149" s="35"/>
      <c r="QY149" s="35"/>
      <c r="QZ149" s="35"/>
      <c r="RA149" s="35"/>
      <c r="RB149" s="35"/>
      <c r="RC149" s="35"/>
      <c r="RD149" s="35"/>
      <c r="RE149" s="35"/>
      <c r="RF149" s="35"/>
      <c r="RG149" s="35"/>
      <c r="RH149" s="35"/>
      <c r="RI149" s="35"/>
      <c r="RJ149" s="35"/>
      <c r="RK149" s="35"/>
      <c r="RL149" s="35"/>
      <c r="RM149" s="35"/>
      <c r="RN149" s="35"/>
      <c r="RO149" s="35"/>
      <c r="RP149" s="35"/>
      <c r="RQ149" s="35"/>
      <c r="RR149" s="35"/>
      <c r="RS149" s="35"/>
      <c r="RT149" s="35"/>
      <c r="RU149" s="35"/>
      <c r="RV149" s="35"/>
      <c r="RW149" s="35"/>
      <c r="RX149" s="35"/>
      <c r="RY149" s="35"/>
      <c r="RZ149" s="35"/>
      <c r="SA149" s="35"/>
      <c r="SB149" s="35"/>
      <c r="SC149" s="35"/>
      <c r="SD149" s="35"/>
      <c r="SE149" s="35"/>
      <c r="SF149" s="35"/>
      <c r="SG149" s="35"/>
      <c r="SH149" s="35"/>
      <c r="SI149" s="35"/>
      <c r="SJ149" s="35"/>
      <c r="SK149" s="35"/>
      <c r="SL149" s="35"/>
      <c r="SM149" s="35"/>
      <c r="SN149" s="35"/>
      <c r="SO149" s="35"/>
      <c r="SP149" s="35"/>
      <c r="SQ149" s="35"/>
      <c r="SR149" s="35"/>
      <c r="SS149" s="35"/>
      <c r="ST149" s="35"/>
      <c r="SU149" s="35"/>
      <c r="SV149" s="35"/>
      <c r="SW149" s="35"/>
      <c r="SX149" s="35"/>
      <c r="SY149" s="35"/>
      <c r="SZ149" s="35"/>
      <c r="TA149" s="35"/>
      <c r="TB149" s="35"/>
      <c r="TC149" s="35"/>
      <c r="TD149" s="35"/>
      <c r="TE149" s="35"/>
      <c r="TF149" s="35"/>
      <c r="TG149" s="35"/>
      <c r="TH149" s="35"/>
      <c r="TI149" s="35"/>
      <c r="TJ149" s="35"/>
      <c r="TK149" s="35"/>
      <c r="TL149" s="35"/>
      <c r="TM149" s="35"/>
      <c r="TN149" s="35"/>
      <c r="TO149" s="35"/>
      <c r="TP149" s="35"/>
      <c r="TQ149" s="35"/>
      <c r="TR149" s="35"/>
      <c r="TS149" s="35"/>
      <c r="TT149" s="35"/>
      <c r="TU149" s="35"/>
      <c r="TV149" s="35"/>
      <c r="TW149" s="35"/>
      <c r="TX149" s="35"/>
      <c r="TY149" s="35"/>
      <c r="TZ149" s="35"/>
      <c r="UA149" s="35"/>
      <c r="UB149" s="35"/>
      <c r="UC149" s="35"/>
      <c r="UD149" s="35"/>
      <c r="UE149" s="35"/>
      <c r="UF149" s="35"/>
      <c r="UG149" s="35"/>
      <c r="UH149" s="35"/>
      <c r="UI149" s="35"/>
      <c r="UJ149" s="35"/>
      <c r="UK149" s="35"/>
      <c r="UL149" s="35"/>
      <c r="UM149" s="35"/>
      <c r="UN149" s="35"/>
      <c r="UO149" s="35"/>
      <c r="UP149" s="35"/>
      <c r="UQ149" s="35"/>
      <c r="UR149" s="35"/>
      <c r="US149" s="35"/>
      <c r="UT149" s="35"/>
      <c r="UU149" s="35"/>
      <c r="UV149" s="35"/>
      <c r="UW149" s="35"/>
      <c r="UX149" s="35"/>
      <c r="UY149" s="35"/>
      <c r="UZ149" s="35"/>
      <c r="VA149" s="35"/>
      <c r="VB149" s="35"/>
      <c r="VC149" s="35"/>
      <c r="VD149" s="35"/>
      <c r="VE149" s="35"/>
      <c r="VF149" s="35"/>
      <c r="VG149" s="35"/>
      <c r="VH149" s="35"/>
      <c r="VI149" s="35"/>
      <c r="VJ149" s="35"/>
      <c r="VK149" s="35"/>
      <c r="VL149" s="35"/>
      <c r="VM149" s="35"/>
      <c r="VN149" s="35"/>
      <c r="VO149" s="35"/>
      <c r="VP149" s="35"/>
      <c r="VQ149" s="35"/>
      <c r="VR149" s="35"/>
      <c r="VS149" s="35"/>
      <c r="VT149" s="35"/>
      <c r="VU149" s="35"/>
      <c r="VV149" s="35"/>
      <c r="VW149" s="35"/>
      <c r="VX149" s="35"/>
      <c r="VY149" s="35"/>
      <c r="VZ149" s="35"/>
      <c r="WA149" s="35"/>
      <c r="WB149" s="35"/>
      <c r="WC149" s="35"/>
      <c r="WD149" s="35"/>
      <c r="WE149" s="35"/>
      <c r="WF149" s="35"/>
      <c r="WG149" s="35"/>
      <c r="WH149" s="35"/>
      <c r="WI149" s="35"/>
      <c r="WJ149" s="35"/>
      <c r="WK149" s="35"/>
      <c r="WL149" s="35"/>
      <c r="WM149" s="35"/>
      <c r="WN149" s="35"/>
      <c r="WO149" s="35"/>
      <c r="WP149" s="35"/>
      <c r="WQ149" s="35"/>
      <c r="WR149" s="35"/>
      <c r="WS149" s="35"/>
      <c r="WT149" s="35"/>
      <c r="WU149" s="35"/>
      <c r="WV149" s="35"/>
      <c r="WW149" s="35"/>
      <c r="WX149" s="35"/>
      <c r="WY149" s="35"/>
      <c r="WZ149" s="35"/>
      <c r="XA149" s="35"/>
      <c r="XB149" s="35"/>
      <c r="XC149" s="35"/>
      <c r="XD149" s="35"/>
      <c r="XE149" s="35"/>
      <c r="XF149" s="35"/>
      <c r="XG149" s="35"/>
      <c r="XH149" s="35"/>
      <c r="XI149" s="35"/>
      <c r="XJ149" s="35"/>
      <c r="XK149" s="35"/>
      <c r="XL149" s="35"/>
      <c r="XM149" s="35"/>
      <c r="XN149" s="35"/>
      <c r="XO149" s="35"/>
      <c r="XP149" s="35"/>
      <c r="XQ149" s="35"/>
      <c r="XR149" s="35"/>
      <c r="XS149" s="35"/>
      <c r="XT149" s="35"/>
      <c r="XU149" s="35"/>
      <c r="XV149" s="35"/>
      <c r="XW149" s="35"/>
      <c r="XX149" s="35"/>
      <c r="XY149" s="35"/>
      <c r="XZ149" s="35"/>
      <c r="YA149" s="35"/>
      <c r="YB149" s="35"/>
      <c r="YC149" s="35"/>
      <c r="YD149" s="35"/>
      <c r="YE149" s="35"/>
      <c r="YF149" s="35"/>
      <c r="YG149" s="35"/>
      <c r="YH149" s="35"/>
      <c r="YI149" s="35"/>
      <c r="YJ149" s="35"/>
      <c r="YK149" s="35"/>
      <c r="YL149" s="35"/>
      <c r="YM149" s="35"/>
      <c r="YN149" s="35"/>
      <c r="YO149" s="35"/>
      <c r="YP149" s="35"/>
      <c r="YQ149" s="35"/>
      <c r="YR149" s="35"/>
      <c r="YS149" s="35"/>
      <c r="YT149" s="35"/>
      <c r="YU149" s="35"/>
      <c r="YV149" s="35"/>
      <c r="YW149" s="35"/>
      <c r="YX149" s="35"/>
      <c r="YY149" s="35"/>
      <c r="YZ149" s="35"/>
      <c r="ZA149" s="35"/>
      <c r="ZB149" s="35"/>
      <c r="ZC149" s="35"/>
      <c r="ZD149" s="35"/>
      <c r="ZE149" s="35"/>
      <c r="ZF149" s="35"/>
      <c r="ZG149" s="35"/>
      <c r="ZH149" s="35"/>
      <c r="ZI149" s="35"/>
      <c r="ZJ149" s="35"/>
      <c r="ZK149" s="35"/>
      <c r="ZL149" s="35"/>
      <c r="ZM149" s="35"/>
      <c r="ZN149" s="35"/>
      <c r="ZO149" s="35"/>
      <c r="ZP149" s="35"/>
      <c r="ZQ149" s="35"/>
      <c r="ZR149" s="35"/>
      <c r="ZS149" s="35"/>
      <c r="ZT149" s="35"/>
      <c r="ZU149" s="35"/>
      <c r="ZV149" s="35"/>
      <c r="ZW149" s="35"/>
      <c r="ZX149" s="35"/>
      <c r="ZY149" s="35"/>
      <c r="ZZ149" s="35"/>
      <c r="AAA149" s="35"/>
      <c r="AAB149" s="35"/>
      <c r="AAC149" s="35"/>
      <c r="AAD149" s="35"/>
      <c r="AAE149" s="35"/>
      <c r="AAF149" s="35"/>
      <c r="AAG149" s="35"/>
      <c r="AAH149" s="35"/>
      <c r="AAI149" s="35"/>
      <c r="AAJ149" s="35"/>
      <c r="AAK149" s="35"/>
      <c r="AAL149" s="35"/>
      <c r="AAM149" s="35"/>
      <c r="AAN149" s="35"/>
      <c r="AAO149" s="35"/>
      <c r="AAP149" s="35"/>
      <c r="AAQ149" s="35"/>
      <c r="AAR149" s="35"/>
      <c r="AAS149" s="35"/>
      <c r="AAT149" s="35"/>
      <c r="AAU149" s="35"/>
      <c r="AAV149" s="35"/>
      <c r="AAW149" s="35"/>
      <c r="AAX149" s="35"/>
      <c r="AAY149" s="35"/>
      <c r="AAZ149" s="35"/>
      <c r="ABA149" s="35"/>
      <c r="ABB149" s="35"/>
      <c r="ABC149" s="35"/>
      <c r="ABD149" s="35"/>
      <c r="ABE149" s="35"/>
      <c r="ABF149" s="35"/>
      <c r="ABG149" s="35"/>
      <c r="ABH149" s="35"/>
      <c r="ABI149" s="35"/>
      <c r="ABJ149" s="35"/>
      <c r="ABK149" s="35"/>
      <c r="ABL149" s="35"/>
      <c r="ABM149" s="35"/>
      <c r="ABN149" s="35"/>
      <c r="ABO149" s="35"/>
      <c r="ABP149" s="35"/>
      <c r="ABQ149" s="35"/>
      <c r="ABR149" s="35"/>
      <c r="ABS149" s="35"/>
      <c r="ABT149" s="35"/>
      <c r="ABU149" s="35"/>
      <c r="ABV149" s="35"/>
      <c r="ABW149" s="35"/>
      <c r="ABX149" s="35"/>
      <c r="ABY149" s="35"/>
      <c r="ABZ149" s="35"/>
      <c r="ACA149" s="35"/>
      <c r="ACB149" s="35"/>
      <c r="ACC149" s="35"/>
      <c r="ACD149" s="35"/>
      <c r="ACE149" s="35"/>
      <c r="ACF149" s="35"/>
      <c r="ACG149" s="35"/>
      <c r="ACH149" s="35"/>
      <c r="ACI149" s="35"/>
      <c r="ACJ149" s="35"/>
      <c r="ACK149" s="35"/>
      <c r="ACL149" s="35"/>
      <c r="ACM149" s="35"/>
      <c r="ACN149" s="35"/>
      <c r="ACO149" s="35"/>
      <c r="ACP149" s="35"/>
      <c r="ACQ149" s="35"/>
      <c r="ACR149" s="35"/>
      <c r="ACS149" s="35"/>
      <c r="ACT149" s="35"/>
      <c r="ACU149" s="35"/>
      <c r="ACV149" s="35"/>
      <c r="ACW149" s="35"/>
      <c r="ACX149" s="35"/>
      <c r="ACY149" s="35"/>
      <c r="ACZ149" s="35"/>
      <c r="ADA149" s="35"/>
      <c r="ADB149" s="35"/>
      <c r="ADC149" s="35"/>
      <c r="ADD149" s="35"/>
      <c r="ADE149" s="35"/>
      <c r="ADF149" s="35"/>
      <c r="ADG149" s="35"/>
      <c r="ADH149" s="35"/>
      <c r="ADI149" s="35"/>
      <c r="ADJ149" s="35"/>
      <c r="ADK149" s="35"/>
      <c r="ADL149" s="35"/>
      <c r="ADM149" s="35"/>
      <c r="ADN149" s="35"/>
      <c r="ADO149" s="35"/>
      <c r="ADP149" s="35"/>
      <c r="ADQ149" s="35"/>
      <c r="ADR149" s="35"/>
      <c r="ADS149" s="35"/>
      <c r="ADT149" s="35"/>
      <c r="ADU149" s="35"/>
      <c r="ADV149" s="35"/>
      <c r="ADW149" s="35"/>
      <c r="ADX149" s="35"/>
      <c r="ADY149" s="35"/>
      <c r="ADZ149" s="35"/>
      <c r="AEA149" s="35"/>
      <c r="AEB149" s="35"/>
      <c r="AEC149" s="35"/>
      <c r="AED149" s="35"/>
      <c r="AEE149" s="35"/>
      <c r="AEF149" s="35"/>
      <c r="AEG149" s="35"/>
      <c r="AEH149" s="35"/>
      <c r="AEI149" s="35"/>
      <c r="AEJ149" s="35"/>
      <c r="AEK149" s="35"/>
      <c r="AEL149" s="35"/>
      <c r="AEM149" s="35"/>
      <c r="AEN149" s="35"/>
      <c r="AEO149" s="35"/>
      <c r="AEP149" s="35"/>
      <c r="AEQ149" s="35"/>
      <c r="AER149" s="35"/>
      <c r="AES149" s="35"/>
      <c r="AET149" s="35"/>
      <c r="AEU149" s="35"/>
      <c r="AEV149" s="35"/>
      <c r="AEW149" s="35"/>
      <c r="AEX149" s="35"/>
      <c r="AEY149" s="35"/>
      <c r="AEZ149" s="35"/>
      <c r="AFA149" s="35"/>
      <c r="AFB149" s="35"/>
      <c r="AFC149" s="35"/>
      <c r="AFD149" s="35"/>
      <c r="AFE149" s="35"/>
      <c r="AFF149" s="35"/>
      <c r="AFG149" s="35"/>
      <c r="AFH149" s="35"/>
      <c r="AFI149" s="35"/>
      <c r="AFJ149" s="35"/>
      <c r="AFK149" s="35"/>
      <c r="AFL149" s="35"/>
      <c r="AFM149" s="35"/>
      <c r="AFN149" s="35"/>
      <c r="AFO149" s="35"/>
      <c r="AFP149" s="35"/>
      <c r="AFQ149" s="35"/>
      <c r="AFR149" s="35"/>
      <c r="AFS149" s="35"/>
      <c r="AFT149" s="35"/>
      <c r="AFU149" s="35"/>
      <c r="AFV149" s="35"/>
      <c r="AFW149" s="35"/>
      <c r="AFX149" s="35"/>
      <c r="AFY149" s="35"/>
      <c r="AFZ149" s="35"/>
      <c r="AGA149" s="35"/>
      <c r="AGB149" s="35"/>
      <c r="AGC149" s="35"/>
      <c r="AGD149" s="35"/>
      <c r="AGE149" s="35"/>
      <c r="AGF149" s="35"/>
      <c r="AGG149" s="35"/>
      <c r="AGH149" s="35"/>
      <c r="AGI149" s="35"/>
      <c r="AGJ149" s="35"/>
      <c r="AGK149" s="35"/>
      <c r="AGL149" s="35"/>
      <c r="AGM149" s="35"/>
      <c r="AGN149" s="35"/>
      <c r="AGO149" s="35"/>
      <c r="AGP149" s="35"/>
      <c r="AGQ149" s="35"/>
      <c r="AGR149" s="35"/>
      <c r="AGS149" s="35"/>
      <c r="AGT149" s="35"/>
      <c r="AGU149" s="35"/>
      <c r="AGV149" s="35"/>
      <c r="AGW149" s="35"/>
      <c r="AGX149" s="35"/>
      <c r="AGY149" s="35"/>
      <c r="AGZ149" s="35"/>
      <c r="AHA149" s="35"/>
      <c r="AHB149" s="35"/>
      <c r="AHC149" s="35"/>
      <c r="AHD149" s="35"/>
      <c r="AHE149" s="35"/>
      <c r="AHF149" s="35"/>
      <c r="AHG149" s="35"/>
      <c r="AHH149" s="35"/>
      <c r="AHI149" s="35"/>
      <c r="AHJ149" s="35"/>
      <c r="AHK149" s="35"/>
      <c r="AHL149" s="35"/>
      <c r="AHM149" s="35"/>
      <c r="AHN149" s="35"/>
      <c r="AHO149" s="35"/>
      <c r="AHP149" s="35"/>
      <c r="AHQ149" s="35"/>
      <c r="AHR149" s="35"/>
      <c r="AHS149" s="35"/>
      <c r="AHT149" s="35"/>
      <c r="AHU149" s="35"/>
      <c r="AHV149" s="35"/>
      <c r="AHW149" s="35"/>
      <c r="AHX149" s="35"/>
      <c r="AHY149" s="35"/>
      <c r="AHZ149" s="35"/>
      <c r="AIA149" s="35"/>
      <c r="AIB149" s="35"/>
      <c r="AIC149" s="35"/>
      <c r="AID149" s="35"/>
      <c r="AIE149" s="35"/>
      <c r="AIF149" s="35"/>
      <c r="AIG149" s="35"/>
      <c r="AIH149" s="35"/>
      <c r="AII149" s="35"/>
      <c r="AIJ149" s="35"/>
      <c r="AIK149" s="35"/>
      <c r="AIL149" s="35"/>
      <c r="AIM149" s="35"/>
      <c r="AIN149" s="35"/>
      <c r="AIO149" s="35"/>
      <c r="AIP149" s="35"/>
      <c r="AIQ149" s="35"/>
      <c r="AIR149" s="35"/>
      <c r="AIS149" s="35"/>
      <c r="AIT149" s="35"/>
      <c r="AIU149" s="35"/>
      <c r="AIV149" s="35"/>
      <c r="AIW149" s="35"/>
      <c r="AIX149" s="35"/>
      <c r="AIY149" s="35"/>
      <c r="AIZ149" s="35"/>
      <c r="AJA149" s="35"/>
      <c r="AJB149" s="35"/>
      <c r="AJC149" s="35"/>
      <c r="AJD149" s="35"/>
      <c r="AJE149" s="35"/>
      <c r="AJF149" s="35"/>
      <c r="AJG149" s="35"/>
      <c r="AJH149" s="35"/>
      <c r="AJI149" s="35"/>
      <c r="AJJ149" s="35"/>
      <c r="AJK149" s="35"/>
      <c r="AJL149" s="35"/>
      <c r="AJM149" s="35"/>
      <c r="AJN149" s="35"/>
      <c r="AJO149" s="35"/>
      <c r="AJP149" s="35"/>
      <c r="AJQ149" s="35"/>
      <c r="AJR149" s="35"/>
      <c r="AJS149" s="35"/>
      <c r="AJT149" s="35"/>
      <c r="AJU149" s="35"/>
      <c r="AJV149" s="35"/>
      <c r="AJW149" s="35"/>
      <c r="AJX149" s="35"/>
      <c r="AJY149" s="35"/>
      <c r="AJZ149" s="35"/>
      <c r="AKA149" s="35"/>
      <c r="AKB149" s="35"/>
      <c r="AKC149" s="35"/>
      <c r="AKD149" s="35"/>
      <c r="AKE149" s="35"/>
      <c r="AKF149" s="35"/>
      <c r="AKG149" s="35"/>
      <c r="AKH149" s="35"/>
      <c r="AKI149" s="35"/>
      <c r="AKJ149" s="35"/>
      <c r="AKK149" s="35"/>
      <c r="AKL149" s="35"/>
      <c r="AKM149" s="35"/>
      <c r="AKN149" s="35"/>
      <c r="AKO149" s="35"/>
      <c r="AKP149" s="35"/>
      <c r="AKQ149" s="35"/>
      <c r="AKR149" s="35"/>
      <c r="AKS149" s="35"/>
      <c r="AKT149" s="35"/>
      <c r="AKU149" s="35"/>
      <c r="AKV149" s="35"/>
      <c r="AKW149" s="35"/>
      <c r="AKX149" s="35"/>
      <c r="AKY149" s="35"/>
      <c r="AKZ149" s="35"/>
      <c r="ALA149" s="35"/>
      <c r="ALB149" s="35"/>
      <c r="ALC149" s="35"/>
      <c r="ALD149" s="35"/>
      <c r="ALE149" s="35"/>
      <c r="ALF149" s="35"/>
      <c r="ALG149" s="35"/>
      <c r="ALH149" s="35"/>
      <c r="ALI149" s="35"/>
      <c r="ALJ149" s="35"/>
      <c r="ALK149" s="35"/>
      <c r="ALL149" s="35"/>
      <c r="ALM149" s="35"/>
      <c r="ALN149" s="35"/>
      <c r="ALO149" s="35"/>
      <c r="ALP149" s="35"/>
      <c r="ALQ149" s="35"/>
      <c r="ALR149" s="35"/>
      <c r="ALS149" s="35"/>
      <c r="ALT149" s="35"/>
      <c r="ALU149" s="35"/>
      <c r="ALV149" s="35"/>
      <c r="ALW149" s="35"/>
      <c r="ALX149" s="35"/>
      <c r="ALY149" s="35"/>
      <c r="ALZ149" s="35"/>
      <c r="AMA149" s="35"/>
      <c r="AMB149" s="35"/>
      <c r="AMC149" s="35"/>
      <c r="AMD149" s="35"/>
      <c r="AME149" s="35"/>
      <c r="AMF149" s="35"/>
      <c r="AMG149" s="35"/>
      <c r="AMH149" s="35"/>
      <c r="AMI149" s="35"/>
      <c r="AMJ149" s="35"/>
      <c r="AMK149" s="35"/>
      <c r="AML149" s="35"/>
      <c r="AMM149" s="35"/>
      <c r="AMN149" s="35"/>
      <c r="AMO149" s="35"/>
      <c r="AMP149" s="35"/>
      <c r="AMQ149" s="35"/>
      <c r="AMR149" s="35"/>
      <c r="AMS149" s="35"/>
      <c r="AMT149" s="35"/>
      <c r="AMU149" s="35"/>
      <c r="AMV149" s="35"/>
      <c r="AMW149" s="35"/>
      <c r="AMX149" s="35"/>
      <c r="AMY149" s="35"/>
      <c r="AMZ149" s="35"/>
      <c r="ANA149" s="35"/>
      <c r="ANB149" s="35"/>
      <c r="ANC149" s="35"/>
      <c r="AND149" s="35"/>
      <c r="ANE149" s="35"/>
      <c r="ANF149" s="35"/>
      <c r="ANG149" s="35"/>
      <c r="ANH149" s="35"/>
      <c r="ANI149" s="35"/>
      <c r="ANJ149" s="35"/>
      <c r="ANK149" s="35"/>
      <c r="ANL149" s="35"/>
      <c r="ANM149" s="35"/>
      <c r="ANN149" s="35"/>
      <c r="ANO149" s="35"/>
      <c r="ANP149" s="35"/>
      <c r="ANQ149" s="35"/>
      <c r="ANR149" s="35"/>
      <c r="ANS149" s="35"/>
      <c r="ANT149" s="35"/>
      <c r="ANU149" s="35"/>
      <c r="ANV149" s="35"/>
      <c r="ANW149" s="35"/>
      <c r="ANX149" s="35"/>
      <c r="ANY149" s="35"/>
      <c r="ANZ149" s="35"/>
      <c r="AOA149" s="35"/>
      <c r="AOB149" s="35"/>
      <c r="AOC149" s="35"/>
      <c r="AOD149" s="35"/>
      <c r="AOE149" s="35"/>
      <c r="AOF149" s="35"/>
      <c r="AOG149" s="35"/>
      <c r="AOH149" s="35"/>
      <c r="AOI149" s="35"/>
      <c r="AOJ149" s="35"/>
      <c r="AOK149" s="35"/>
      <c r="AOL149" s="35"/>
      <c r="AOM149" s="35"/>
      <c r="AON149" s="35"/>
      <c r="AOO149" s="35"/>
      <c r="AOP149" s="35"/>
      <c r="AOQ149" s="35"/>
      <c r="AOR149" s="35"/>
      <c r="AOS149" s="35"/>
      <c r="AOT149" s="35"/>
      <c r="AOU149" s="35"/>
      <c r="AOV149" s="35"/>
      <c r="AOW149" s="35"/>
      <c r="AOX149" s="35"/>
      <c r="AOY149" s="35"/>
      <c r="AOZ149" s="35"/>
      <c r="APA149" s="35"/>
      <c r="APB149" s="35"/>
      <c r="APC149" s="35"/>
      <c r="APD149" s="35"/>
      <c r="APE149" s="35"/>
      <c r="APF149" s="35"/>
      <c r="APG149" s="35"/>
      <c r="APH149" s="35"/>
      <c r="API149" s="35"/>
      <c r="APJ149" s="35"/>
      <c r="APK149" s="35"/>
      <c r="APL149" s="35"/>
      <c r="APM149" s="35"/>
      <c r="APN149" s="35"/>
      <c r="APO149" s="35"/>
      <c r="APP149" s="35"/>
      <c r="APQ149" s="35"/>
      <c r="APR149" s="35"/>
      <c r="APS149" s="35"/>
      <c r="APT149" s="35"/>
      <c r="APU149" s="35"/>
      <c r="APV149" s="35"/>
      <c r="APW149" s="35"/>
      <c r="APX149" s="35"/>
      <c r="APY149" s="35"/>
      <c r="APZ149" s="35"/>
      <c r="AQA149" s="35"/>
      <c r="AQB149" s="35"/>
      <c r="AQC149" s="35"/>
      <c r="AQD149" s="35"/>
      <c r="AQE149" s="35"/>
      <c r="AQF149" s="35"/>
      <c r="AQG149" s="35"/>
      <c r="AQH149" s="35"/>
      <c r="AQI149" s="35"/>
      <c r="AQJ149" s="35"/>
      <c r="AQK149" s="35"/>
      <c r="AQL149" s="35"/>
      <c r="AQM149" s="35"/>
      <c r="AQN149" s="35"/>
      <c r="AQO149" s="35"/>
      <c r="AQP149" s="35"/>
      <c r="AQQ149" s="35"/>
      <c r="AQR149" s="35"/>
      <c r="AQS149" s="35"/>
      <c r="AQT149" s="35"/>
      <c r="AQU149" s="35"/>
      <c r="AQV149" s="35"/>
      <c r="AQW149" s="35"/>
      <c r="AQX149" s="35"/>
      <c r="AQY149" s="35"/>
      <c r="AQZ149" s="35"/>
      <c r="ARA149" s="35"/>
      <c r="ARB149" s="35"/>
      <c r="ARC149" s="35"/>
      <c r="ARD149" s="35"/>
      <c r="ARE149" s="35"/>
      <c r="ARF149" s="35"/>
      <c r="ARG149" s="35"/>
      <c r="ARH149" s="35"/>
      <c r="ARI149" s="35"/>
      <c r="ARJ149" s="35"/>
      <c r="ARK149" s="35"/>
      <c r="ARL149" s="35"/>
      <c r="ARM149" s="35"/>
      <c r="ARN149" s="35"/>
      <c r="ARO149" s="35"/>
      <c r="ARP149" s="35"/>
      <c r="ARQ149" s="35"/>
      <c r="ARR149" s="35"/>
      <c r="ARS149" s="35"/>
      <c r="ART149" s="35"/>
      <c r="ARU149" s="35"/>
      <c r="ARV149" s="35"/>
      <c r="ARW149" s="35"/>
      <c r="ARX149" s="35"/>
      <c r="ARY149" s="35"/>
      <c r="ARZ149" s="35"/>
      <c r="ASA149" s="35"/>
      <c r="ASB149" s="35"/>
      <c r="ASC149" s="35"/>
      <c r="ASD149" s="35"/>
      <c r="ASE149" s="35"/>
      <c r="ASF149" s="35"/>
      <c r="ASG149" s="35"/>
      <c r="ASH149" s="35"/>
      <c r="ASI149" s="35"/>
      <c r="ASJ149" s="35"/>
      <c r="ASK149" s="35"/>
      <c r="ASL149" s="35"/>
      <c r="ASM149" s="35"/>
      <c r="ASN149" s="35"/>
      <c r="ASO149" s="35"/>
      <c r="ASP149" s="35"/>
      <c r="ASQ149" s="35"/>
      <c r="ASR149" s="35"/>
      <c r="ASS149" s="35"/>
      <c r="AST149" s="35"/>
      <c r="ASU149" s="35"/>
      <c r="ASV149" s="35"/>
      <c r="ASW149" s="35"/>
      <c r="ASX149" s="35"/>
      <c r="ASY149" s="35"/>
      <c r="ASZ149" s="35"/>
      <c r="ATA149" s="35"/>
      <c r="ATB149" s="35"/>
      <c r="ATC149" s="35"/>
      <c r="ATD149" s="35"/>
      <c r="ATE149" s="35"/>
      <c r="ATF149" s="35"/>
      <c r="ATG149" s="35"/>
      <c r="ATH149" s="35"/>
      <c r="ATI149" s="35"/>
      <c r="ATJ149" s="35"/>
      <c r="ATK149" s="35"/>
      <c r="ATL149" s="35"/>
      <c r="ATM149" s="35"/>
      <c r="ATN149" s="35"/>
      <c r="ATO149" s="35"/>
      <c r="ATP149" s="35"/>
      <c r="ATQ149" s="35"/>
      <c r="ATR149" s="35"/>
      <c r="ATS149" s="35"/>
      <c r="ATT149" s="35"/>
      <c r="ATU149" s="35"/>
      <c r="ATV149" s="35"/>
      <c r="ATW149" s="35"/>
      <c r="ATX149" s="35"/>
      <c r="ATY149" s="35"/>
      <c r="ATZ149" s="35"/>
      <c r="AUA149" s="35"/>
      <c r="AUB149" s="35"/>
      <c r="AUC149" s="35"/>
      <c r="AUD149" s="35"/>
      <c r="AUE149" s="35"/>
      <c r="AUF149" s="35"/>
      <c r="AUG149" s="35"/>
      <c r="AUH149" s="35"/>
      <c r="AUI149" s="35"/>
      <c r="AUJ149" s="35"/>
      <c r="AUK149" s="35"/>
      <c r="AUL149" s="35"/>
      <c r="AUM149" s="35"/>
      <c r="AUN149" s="35"/>
      <c r="AUO149" s="35"/>
      <c r="AUP149" s="35"/>
      <c r="AUQ149" s="35"/>
      <c r="AUR149" s="35"/>
      <c r="AUS149" s="35"/>
      <c r="AUT149" s="35"/>
      <c r="AUU149" s="35"/>
      <c r="AUV149" s="35"/>
      <c r="AUW149" s="35"/>
      <c r="AUX149" s="35"/>
      <c r="AUY149" s="35"/>
      <c r="AUZ149" s="35"/>
      <c r="AVA149" s="35"/>
      <c r="AVB149" s="35"/>
      <c r="AVC149" s="35"/>
      <c r="AVD149" s="35"/>
      <c r="AVE149" s="35"/>
      <c r="AVF149" s="35"/>
      <c r="AVG149" s="35"/>
      <c r="AVH149" s="35"/>
      <c r="AVI149" s="35"/>
      <c r="AVJ149" s="35"/>
      <c r="AVK149" s="35"/>
      <c r="AVL149" s="35"/>
      <c r="AVM149" s="35"/>
      <c r="AVN149" s="35"/>
      <c r="AVO149" s="35"/>
      <c r="AVP149" s="35"/>
      <c r="AVQ149" s="35"/>
      <c r="AVR149" s="35"/>
      <c r="AVS149" s="35"/>
      <c r="AVT149" s="35"/>
      <c r="AVU149" s="35"/>
      <c r="AVV149" s="35"/>
      <c r="AVW149" s="35"/>
      <c r="AVX149" s="35"/>
      <c r="AVY149" s="35"/>
      <c r="AVZ149" s="35"/>
      <c r="AWA149" s="35"/>
      <c r="AWB149" s="35"/>
      <c r="AWC149" s="35"/>
      <c r="AWD149" s="35"/>
      <c r="AWE149" s="35"/>
      <c r="AWF149" s="35"/>
      <c r="AWG149" s="35"/>
      <c r="AWH149" s="35"/>
      <c r="AWI149" s="35"/>
      <c r="AWJ149" s="35"/>
      <c r="AWK149" s="35"/>
      <c r="AWL149" s="35"/>
      <c r="AWM149" s="35"/>
      <c r="AWN149" s="35"/>
      <c r="AWO149" s="35"/>
      <c r="AWP149" s="35"/>
      <c r="AWQ149" s="35"/>
      <c r="AWR149" s="35"/>
      <c r="AWS149" s="35"/>
      <c r="AWT149" s="35"/>
      <c r="AWU149" s="35"/>
      <c r="AWV149" s="35"/>
      <c r="AWW149" s="35"/>
      <c r="AWX149" s="35"/>
      <c r="AWY149" s="35"/>
      <c r="AWZ149" s="35"/>
      <c r="AXA149" s="35"/>
      <c r="AXB149" s="35"/>
      <c r="AXC149" s="35"/>
      <c r="AXD149" s="35"/>
      <c r="AXE149" s="35"/>
      <c r="AXF149" s="35"/>
      <c r="AXG149" s="35"/>
      <c r="AXH149" s="35"/>
      <c r="AXI149" s="35"/>
      <c r="AXJ149" s="35"/>
      <c r="AXK149" s="35"/>
      <c r="AXL149" s="35"/>
      <c r="AXM149" s="35"/>
      <c r="AXN149" s="35"/>
      <c r="AXO149" s="35"/>
      <c r="AXP149" s="35"/>
      <c r="AXQ149" s="35"/>
      <c r="AXR149" s="35"/>
      <c r="AXS149" s="35"/>
      <c r="AXT149" s="35"/>
      <c r="AXU149" s="35"/>
      <c r="AXV149" s="35"/>
      <c r="AXW149" s="35"/>
      <c r="AXX149" s="35"/>
      <c r="AXY149" s="35"/>
      <c r="AXZ149" s="35"/>
      <c r="AYA149" s="35"/>
      <c r="AYB149" s="35"/>
      <c r="AYC149" s="35"/>
      <c r="AYD149" s="35"/>
      <c r="AYE149" s="35"/>
      <c r="AYF149" s="35"/>
      <c r="AYG149" s="35"/>
      <c r="AYH149" s="35"/>
      <c r="AYI149" s="35"/>
      <c r="AYJ149" s="35"/>
      <c r="AYK149" s="35"/>
      <c r="AYL149" s="35"/>
      <c r="AYM149" s="35"/>
      <c r="AYN149" s="35"/>
      <c r="AYO149" s="35"/>
      <c r="AYP149" s="35"/>
      <c r="AYQ149" s="35"/>
      <c r="AYR149" s="35"/>
      <c r="AYS149" s="35"/>
      <c r="AYT149" s="35"/>
      <c r="AYU149" s="35"/>
      <c r="AYV149" s="35"/>
      <c r="AYW149" s="35"/>
      <c r="AYX149" s="35"/>
      <c r="AYY149" s="35"/>
      <c r="AYZ149" s="35"/>
      <c r="AZA149" s="35"/>
      <c r="AZB149" s="35"/>
      <c r="AZC149" s="35"/>
      <c r="AZD149" s="35"/>
      <c r="AZE149" s="35"/>
      <c r="AZF149" s="35"/>
      <c r="AZG149" s="35"/>
      <c r="AZH149" s="35"/>
      <c r="AZI149" s="35"/>
      <c r="AZJ149" s="35"/>
      <c r="AZK149" s="35"/>
      <c r="AZL149" s="35"/>
      <c r="AZM149" s="35"/>
      <c r="AZN149" s="35"/>
      <c r="AZO149" s="35"/>
      <c r="AZP149" s="35"/>
      <c r="AZQ149" s="35"/>
      <c r="AZR149" s="35"/>
      <c r="AZS149" s="35"/>
      <c r="AZT149" s="35"/>
      <c r="AZU149" s="35"/>
      <c r="AZV149" s="35"/>
      <c r="AZW149" s="35"/>
      <c r="AZX149" s="35"/>
      <c r="AZY149" s="35"/>
      <c r="AZZ149" s="35"/>
      <c r="BAA149" s="35"/>
      <c r="BAB149" s="35"/>
      <c r="BAC149" s="35"/>
      <c r="BAD149" s="35"/>
      <c r="BAE149" s="35"/>
      <c r="BAF149" s="35"/>
      <c r="BAG149" s="35"/>
      <c r="BAH149" s="35"/>
      <c r="BAI149" s="35"/>
      <c r="BAJ149" s="35"/>
      <c r="BAK149" s="35"/>
      <c r="BAL149" s="35"/>
      <c r="BAM149" s="35"/>
      <c r="BAN149" s="35"/>
      <c r="BAO149" s="35"/>
      <c r="BAP149" s="35"/>
      <c r="BAQ149" s="35"/>
      <c r="BAR149" s="35"/>
      <c r="BAS149" s="35"/>
      <c r="BAT149" s="35"/>
      <c r="BAU149" s="35"/>
      <c r="BAV149" s="35"/>
      <c r="BAW149" s="35"/>
      <c r="BAX149" s="35"/>
      <c r="BAY149" s="35"/>
      <c r="BAZ149" s="35"/>
      <c r="BBA149" s="35"/>
      <c r="BBB149" s="35"/>
      <c r="BBC149" s="35"/>
      <c r="BBD149" s="35"/>
      <c r="BBE149" s="35"/>
      <c r="BBF149" s="35"/>
      <c r="BBG149" s="35"/>
      <c r="BBH149" s="35"/>
      <c r="BBI149" s="35"/>
      <c r="BBJ149" s="35"/>
      <c r="BBK149" s="35"/>
      <c r="BBL149" s="35"/>
      <c r="BBM149" s="35"/>
      <c r="BBN149" s="35"/>
      <c r="BBO149" s="35"/>
      <c r="BBP149" s="35"/>
      <c r="BBQ149" s="35"/>
      <c r="BBR149" s="35"/>
      <c r="BBS149" s="35"/>
      <c r="BBT149" s="35"/>
      <c r="BBU149" s="35"/>
      <c r="BBV149" s="35"/>
      <c r="BBW149" s="35"/>
      <c r="BBX149" s="35"/>
      <c r="BBY149" s="35"/>
      <c r="BBZ149" s="35"/>
      <c r="BCA149" s="35"/>
      <c r="BCB149" s="35"/>
      <c r="BCC149" s="35"/>
      <c r="BCD149" s="35"/>
      <c r="BCE149" s="35"/>
      <c r="BCF149" s="35"/>
      <c r="BCG149" s="35"/>
      <c r="BCH149" s="35"/>
      <c r="BCI149" s="35"/>
      <c r="BCJ149" s="35"/>
      <c r="BCK149" s="35"/>
      <c r="BCL149" s="35"/>
      <c r="BCM149" s="35"/>
      <c r="BCN149" s="35"/>
      <c r="BCO149" s="35"/>
      <c r="BCP149" s="35"/>
      <c r="BCQ149" s="35"/>
      <c r="BCR149" s="35"/>
      <c r="BCS149" s="35"/>
      <c r="BCT149" s="35"/>
      <c r="BCU149" s="35"/>
      <c r="BCV149" s="35"/>
      <c r="BCW149" s="35"/>
      <c r="BCX149" s="35"/>
      <c r="BCY149" s="35"/>
      <c r="BCZ149" s="35"/>
      <c r="BDA149" s="35"/>
      <c r="BDB149" s="35"/>
      <c r="BDC149" s="35"/>
      <c r="BDD149" s="35"/>
      <c r="BDE149" s="35"/>
      <c r="BDF149" s="35"/>
      <c r="BDG149" s="35"/>
      <c r="BDH149" s="35"/>
      <c r="BDI149" s="35"/>
      <c r="BDJ149" s="35"/>
      <c r="BDK149" s="35"/>
      <c r="BDL149" s="35"/>
      <c r="BDM149" s="35"/>
      <c r="BDN149" s="35"/>
      <c r="BDO149" s="35"/>
      <c r="BDP149" s="35"/>
      <c r="BDQ149" s="35"/>
      <c r="BDR149" s="35"/>
      <c r="BDS149" s="35"/>
      <c r="BDT149" s="35"/>
      <c r="BDU149" s="35"/>
      <c r="BDV149" s="35"/>
      <c r="BDW149" s="35"/>
      <c r="BDX149" s="35"/>
      <c r="BDY149" s="35"/>
      <c r="BDZ149" s="35"/>
      <c r="BEA149" s="35"/>
      <c r="BEB149" s="35"/>
      <c r="BEC149" s="35"/>
      <c r="BED149" s="35"/>
      <c r="BEE149" s="35"/>
      <c r="BEF149" s="35"/>
      <c r="BEG149" s="35"/>
      <c r="BEH149" s="35"/>
      <c r="BEI149" s="35"/>
      <c r="BEJ149" s="35"/>
      <c r="BEK149" s="35"/>
      <c r="BEL149" s="35"/>
      <c r="BEM149" s="35"/>
      <c r="BEN149" s="35"/>
      <c r="BEO149" s="35"/>
      <c r="BEP149" s="35"/>
      <c r="BEQ149" s="35"/>
      <c r="BER149" s="35"/>
      <c r="BES149" s="35"/>
      <c r="BET149" s="35"/>
      <c r="BEU149" s="35"/>
      <c r="BEV149" s="35"/>
      <c r="BEW149" s="35"/>
      <c r="BEX149" s="35"/>
      <c r="BEY149" s="35"/>
      <c r="BEZ149" s="35"/>
      <c r="BFA149" s="35"/>
      <c r="BFB149" s="35"/>
      <c r="BFC149" s="35"/>
      <c r="BFD149" s="35"/>
      <c r="BFE149" s="35"/>
      <c r="BFF149" s="35"/>
      <c r="BFG149" s="35"/>
      <c r="BFH149" s="35"/>
      <c r="BFI149" s="35"/>
      <c r="BFJ149" s="35"/>
      <c r="BFK149" s="35"/>
      <c r="BFL149" s="35"/>
      <c r="BFM149" s="35"/>
      <c r="BFN149" s="35"/>
      <c r="BFO149" s="35"/>
      <c r="BFP149" s="35"/>
      <c r="BFQ149" s="35"/>
      <c r="BFR149" s="35"/>
      <c r="BFS149" s="35"/>
      <c r="BFT149" s="35"/>
      <c r="BFU149" s="35"/>
      <c r="BFV149" s="35"/>
      <c r="BFW149" s="35"/>
      <c r="BFX149" s="35"/>
      <c r="BFY149" s="35"/>
      <c r="BFZ149" s="35"/>
      <c r="BGA149" s="35"/>
      <c r="BGB149" s="35"/>
      <c r="BGC149" s="35"/>
      <c r="BGD149" s="35"/>
      <c r="BGE149" s="35"/>
      <c r="BGF149" s="35"/>
      <c r="BGG149" s="35"/>
      <c r="BGH149" s="35"/>
      <c r="BGI149" s="35"/>
      <c r="BGJ149" s="35"/>
      <c r="BGK149" s="35"/>
      <c r="BGL149" s="35"/>
      <c r="BGM149" s="35"/>
      <c r="BGN149" s="35"/>
      <c r="BGO149" s="35"/>
      <c r="BGP149" s="35"/>
      <c r="BGQ149" s="35"/>
      <c r="BGR149" s="35"/>
      <c r="BGS149" s="35"/>
      <c r="BGT149" s="35"/>
      <c r="BGU149" s="35"/>
      <c r="BGV149" s="35"/>
      <c r="BGW149" s="35"/>
      <c r="BGX149" s="35"/>
      <c r="BGY149" s="35"/>
      <c r="BGZ149" s="35"/>
      <c r="BHA149" s="35"/>
      <c r="BHB149" s="35"/>
      <c r="BHC149" s="35"/>
      <c r="BHD149" s="35"/>
      <c r="BHE149" s="35"/>
      <c r="BHF149" s="35"/>
      <c r="BHG149" s="35"/>
      <c r="BHH149" s="35"/>
      <c r="BHI149" s="35"/>
      <c r="BHJ149" s="35"/>
      <c r="BHK149" s="35"/>
      <c r="BHL149" s="35"/>
      <c r="BHM149" s="35"/>
      <c r="BHN149" s="35"/>
      <c r="BHO149" s="35"/>
      <c r="BHP149" s="35"/>
      <c r="BHQ149" s="35"/>
      <c r="BHR149" s="35"/>
      <c r="BHS149" s="35"/>
      <c r="BHT149" s="35"/>
      <c r="BHU149" s="35"/>
      <c r="BHV149" s="35"/>
      <c r="BHW149" s="35"/>
      <c r="BHX149" s="35"/>
      <c r="BHY149" s="35"/>
      <c r="BHZ149" s="35"/>
      <c r="BIA149" s="35"/>
      <c r="BIB149" s="35"/>
      <c r="BIC149" s="35"/>
      <c r="BID149" s="35"/>
      <c r="BIE149" s="35"/>
      <c r="BIF149" s="35"/>
      <c r="BIG149" s="35"/>
      <c r="BIH149" s="35"/>
      <c r="BII149" s="35"/>
      <c r="BIJ149" s="35"/>
      <c r="BIK149" s="35"/>
      <c r="BIL149" s="35"/>
      <c r="BIM149" s="35"/>
      <c r="BIN149" s="35"/>
      <c r="BIO149" s="35"/>
      <c r="BIP149" s="35"/>
      <c r="BIQ149" s="35"/>
      <c r="BIR149" s="35"/>
      <c r="BIS149" s="35"/>
      <c r="BIT149" s="35"/>
      <c r="BIU149" s="35"/>
      <c r="BIV149" s="35"/>
      <c r="BIW149" s="35"/>
      <c r="BIX149" s="35"/>
      <c r="BIY149" s="35"/>
      <c r="BIZ149" s="35"/>
      <c r="BJA149" s="35"/>
      <c r="BJB149" s="35"/>
      <c r="BJC149" s="35"/>
      <c r="BJD149" s="35"/>
      <c r="BJE149" s="35"/>
      <c r="BJF149" s="35"/>
      <c r="BJG149" s="35"/>
      <c r="BJH149" s="35"/>
      <c r="BJI149" s="35"/>
      <c r="BJJ149" s="35"/>
      <c r="BJK149" s="35"/>
      <c r="BJL149" s="35"/>
      <c r="BJM149" s="35"/>
      <c r="BJN149" s="35"/>
      <c r="BJO149" s="35"/>
      <c r="BJP149" s="35"/>
      <c r="BJQ149" s="35"/>
      <c r="BJR149" s="35"/>
      <c r="BJS149" s="35"/>
      <c r="BJT149" s="35"/>
      <c r="BJU149" s="35"/>
      <c r="BJV149" s="35"/>
      <c r="BJW149" s="35"/>
      <c r="BJX149" s="35"/>
      <c r="BJY149" s="35"/>
      <c r="BJZ149" s="35"/>
      <c r="BKA149" s="35"/>
      <c r="BKB149" s="35"/>
      <c r="BKC149" s="35"/>
      <c r="BKD149" s="35"/>
      <c r="BKE149" s="35"/>
      <c r="BKF149" s="35"/>
      <c r="BKG149" s="35"/>
      <c r="BKH149" s="35"/>
      <c r="BKI149" s="35"/>
      <c r="BKJ149" s="35"/>
      <c r="BKK149" s="35"/>
      <c r="BKL149" s="35"/>
      <c r="BKM149" s="35"/>
      <c r="BKN149" s="35"/>
      <c r="BKO149" s="35"/>
      <c r="BKP149" s="35"/>
      <c r="BKQ149" s="35"/>
      <c r="BKR149" s="35"/>
      <c r="BKS149" s="35"/>
      <c r="BKT149" s="35"/>
      <c r="BKU149" s="35"/>
      <c r="BKV149" s="35"/>
      <c r="BKW149" s="35"/>
      <c r="BKX149" s="35"/>
      <c r="BKY149" s="35"/>
      <c r="BKZ149" s="35"/>
      <c r="BLA149" s="35"/>
      <c r="BLB149" s="35"/>
      <c r="BLC149" s="35"/>
      <c r="BLD149" s="35"/>
      <c r="BLE149" s="35"/>
      <c r="BLF149" s="35"/>
      <c r="BLG149" s="35"/>
      <c r="BLH149" s="35"/>
      <c r="BLI149" s="35"/>
      <c r="BLJ149" s="35"/>
      <c r="BLK149" s="35"/>
      <c r="BLL149" s="35"/>
      <c r="BLM149" s="35"/>
      <c r="BLN149" s="35"/>
      <c r="BLO149" s="35"/>
      <c r="BLP149" s="35"/>
      <c r="BLQ149" s="35"/>
      <c r="BLR149" s="35"/>
      <c r="BLS149" s="35"/>
      <c r="BLT149" s="35"/>
      <c r="BLU149" s="35"/>
      <c r="BLV149" s="35"/>
      <c r="BLW149" s="35"/>
      <c r="BLX149" s="35"/>
      <c r="BLY149" s="35"/>
      <c r="BLZ149" s="35"/>
      <c r="BMA149" s="35"/>
      <c r="BMB149" s="35"/>
      <c r="BMC149" s="35"/>
      <c r="BMD149" s="35"/>
      <c r="BME149" s="35"/>
      <c r="BMF149" s="35"/>
      <c r="BMG149" s="35"/>
      <c r="BMH149" s="35"/>
      <c r="BMI149" s="35"/>
      <c r="BMJ149" s="35"/>
      <c r="BMK149" s="35"/>
      <c r="BML149" s="35"/>
      <c r="BMM149" s="35"/>
      <c r="BMN149" s="35"/>
      <c r="BMO149" s="35"/>
      <c r="BMP149" s="35"/>
      <c r="BMQ149" s="35"/>
      <c r="BMR149" s="35"/>
      <c r="BMS149" s="35"/>
      <c r="BMT149" s="35"/>
      <c r="BMU149" s="35"/>
      <c r="BMV149" s="35"/>
      <c r="BMW149" s="35"/>
      <c r="BMX149" s="35"/>
      <c r="BMY149" s="35"/>
      <c r="BMZ149" s="35"/>
      <c r="BNA149" s="35"/>
      <c r="BNB149" s="35"/>
      <c r="BNC149" s="35"/>
      <c r="BND149" s="35"/>
      <c r="BNE149" s="35"/>
      <c r="BNF149" s="35"/>
      <c r="BNG149" s="35"/>
      <c r="BNH149" s="35"/>
      <c r="BNI149" s="35"/>
      <c r="BNJ149" s="35"/>
      <c r="BNK149" s="35"/>
      <c r="BNL149" s="35"/>
      <c r="BNM149" s="35"/>
      <c r="BNN149" s="35"/>
      <c r="BNO149" s="35"/>
      <c r="BNP149" s="35"/>
      <c r="BNQ149" s="35"/>
      <c r="BNR149" s="35"/>
      <c r="BNS149" s="35"/>
      <c r="BNT149" s="35"/>
      <c r="BNU149" s="35"/>
      <c r="BNV149" s="35"/>
      <c r="BNW149" s="35"/>
      <c r="BNX149" s="35"/>
      <c r="BNY149" s="35"/>
      <c r="BNZ149" s="35"/>
      <c r="BOA149" s="35"/>
      <c r="BOB149" s="35"/>
      <c r="BOC149" s="35"/>
      <c r="BOD149" s="35"/>
      <c r="BOE149" s="35"/>
      <c r="BOF149" s="35"/>
      <c r="BOG149" s="35"/>
      <c r="BOH149" s="35"/>
      <c r="BOI149" s="35"/>
      <c r="BOJ149" s="35"/>
      <c r="BOK149" s="35"/>
      <c r="BOL149" s="35"/>
      <c r="BOM149" s="35"/>
      <c r="BON149" s="35"/>
      <c r="BOO149" s="35"/>
      <c r="BOP149" s="35"/>
      <c r="BOQ149" s="35"/>
      <c r="BOR149" s="35"/>
      <c r="BOS149" s="35"/>
      <c r="BOT149" s="35"/>
      <c r="BOU149" s="35"/>
      <c r="BOV149" s="35"/>
      <c r="BOW149" s="35"/>
      <c r="BOX149" s="35"/>
      <c r="BOY149" s="35"/>
      <c r="BOZ149" s="35"/>
      <c r="BPA149" s="35"/>
      <c r="BPB149" s="35"/>
      <c r="BPC149" s="35"/>
      <c r="BPD149" s="35"/>
      <c r="BPE149" s="35"/>
      <c r="BPF149" s="35"/>
      <c r="BPG149" s="35"/>
      <c r="BPH149" s="35"/>
      <c r="BPI149" s="35"/>
      <c r="BPJ149" s="35"/>
      <c r="BPK149" s="35"/>
      <c r="BPL149" s="35"/>
      <c r="BPM149" s="35"/>
      <c r="BPN149" s="35"/>
      <c r="BPO149" s="35"/>
      <c r="BPP149" s="35"/>
      <c r="BPQ149" s="35"/>
      <c r="BPR149" s="35"/>
      <c r="BPS149" s="35"/>
      <c r="BPT149" s="35"/>
      <c r="BPU149" s="35"/>
      <c r="BPV149" s="35"/>
      <c r="BPW149" s="35"/>
      <c r="BPX149" s="35"/>
      <c r="BPY149" s="35"/>
      <c r="BPZ149" s="35"/>
      <c r="BQA149" s="35"/>
      <c r="BQB149" s="35"/>
      <c r="BQC149" s="35"/>
      <c r="BQD149" s="35"/>
      <c r="BQE149" s="35"/>
      <c r="BQF149" s="35"/>
      <c r="BQG149" s="35"/>
      <c r="BQH149" s="35"/>
      <c r="BQI149" s="35"/>
      <c r="BQJ149" s="35"/>
      <c r="BQK149" s="35"/>
      <c r="BQL149" s="35"/>
      <c r="BQM149" s="35"/>
      <c r="BQN149" s="35"/>
      <c r="BQO149" s="35"/>
      <c r="BQP149" s="35"/>
      <c r="BQQ149" s="35"/>
      <c r="BQR149" s="35"/>
      <c r="BQS149" s="35"/>
      <c r="BQT149" s="35"/>
      <c r="BQU149" s="35"/>
      <c r="BQV149" s="35"/>
      <c r="BQW149" s="35"/>
      <c r="BQX149" s="35"/>
      <c r="BQY149" s="35"/>
      <c r="BQZ149" s="35"/>
      <c r="BRA149" s="35"/>
      <c r="BRB149" s="35"/>
      <c r="BRC149" s="35"/>
      <c r="BRD149" s="35"/>
      <c r="BRE149" s="35"/>
      <c r="BRF149" s="35"/>
      <c r="BRG149" s="35"/>
      <c r="BRH149" s="35"/>
      <c r="BRI149" s="35"/>
      <c r="BRJ149" s="35"/>
      <c r="BRK149" s="35"/>
      <c r="BRL149" s="35"/>
      <c r="BRM149" s="35"/>
      <c r="BRN149" s="35"/>
      <c r="BRO149" s="35"/>
      <c r="BRP149" s="35"/>
      <c r="BRQ149" s="35"/>
      <c r="BRR149" s="35"/>
      <c r="BRS149" s="35"/>
      <c r="BRT149" s="35"/>
      <c r="BRU149" s="35"/>
      <c r="BRV149" s="35"/>
      <c r="BRW149" s="35"/>
      <c r="BRX149" s="35"/>
      <c r="BRY149" s="35"/>
      <c r="BRZ149" s="35"/>
      <c r="BSA149" s="35"/>
      <c r="BSB149" s="35"/>
      <c r="BSC149" s="35"/>
      <c r="BSD149" s="35"/>
      <c r="BSE149" s="35"/>
      <c r="BSF149" s="35"/>
      <c r="BSG149" s="35"/>
      <c r="BSH149" s="35"/>
      <c r="BSI149" s="35"/>
      <c r="BSJ149" s="35"/>
      <c r="BSK149" s="35"/>
      <c r="BSL149" s="35"/>
      <c r="BSM149" s="35"/>
      <c r="BSN149" s="35"/>
      <c r="BSO149" s="35"/>
      <c r="BSP149" s="35"/>
      <c r="BSQ149" s="35"/>
      <c r="BSR149" s="35"/>
      <c r="BSS149" s="35"/>
      <c r="BST149" s="35"/>
      <c r="BSU149" s="35"/>
      <c r="BSV149" s="35"/>
      <c r="BSW149" s="35"/>
      <c r="BSX149" s="35"/>
      <c r="BSY149" s="35"/>
      <c r="BSZ149" s="35"/>
      <c r="BTA149" s="35"/>
      <c r="BTB149" s="35"/>
      <c r="BTC149" s="35"/>
      <c r="BTD149" s="35"/>
      <c r="BTE149" s="35"/>
      <c r="BTF149" s="35"/>
      <c r="BTG149" s="35"/>
      <c r="BTH149" s="35"/>
      <c r="BTI149" s="35"/>
      <c r="BTJ149" s="35"/>
      <c r="BTK149" s="35"/>
      <c r="BTL149" s="35"/>
      <c r="BTM149" s="35"/>
      <c r="BTN149" s="35"/>
      <c r="BTO149" s="35"/>
      <c r="BTP149" s="35"/>
      <c r="BTQ149" s="35"/>
      <c r="BTR149" s="35"/>
      <c r="BTS149" s="35"/>
      <c r="BTT149" s="35"/>
      <c r="BTU149" s="35"/>
      <c r="BTV149" s="35"/>
      <c r="BTW149" s="35"/>
      <c r="BTX149" s="35"/>
      <c r="BTY149" s="35"/>
      <c r="BTZ149" s="35"/>
      <c r="BUA149" s="35"/>
      <c r="BUB149" s="35"/>
      <c r="BUC149" s="35"/>
      <c r="BUD149" s="35"/>
      <c r="BUE149" s="35"/>
      <c r="BUF149" s="35"/>
      <c r="BUG149" s="35"/>
      <c r="BUH149" s="35"/>
      <c r="BUI149" s="35"/>
      <c r="BUJ149" s="35"/>
      <c r="BUK149" s="35"/>
      <c r="BUL149" s="35"/>
      <c r="BUM149" s="35"/>
      <c r="BUN149" s="35"/>
      <c r="BUO149" s="35"/>
      <c r="BUP149" s="35"/>
      <c r="BUQ149" s="35"/>
      <c r="BUR149" s="35"/>
      <c r="BUS149" s="35"/>
      <c r="BUT149" s="35"/>
      <c r="BUU149" s="35"/>
      <c r="BUV149" s="35"/>
      <c r="BUW149" s="35"/>
      <c r="BUX149" s="35"/>
      <c r="BUY149" s="35"/>
      <c r="BUZ149" s="35"/>
      <c r="BVA149" s="35"/>
      <c r="BVB149" s="35"/>
      <c r="BVC149" s="35"/>
      <c r="BVD149" s="35"/>
      <c r="BVE149" s="35"/>
      <c r="BVF149" s="35"/>
      <c r="BVG149" s="35"/>
      <c r="BVH149" s="35"/>
      <c r="BVI149" s="35"/>
      <c r="BVJ149" s="35"/>
      <c r="BVK149" s="35"/>
      <c r="BVL149" s="35"/>
      <c r="BVM149" s="35"/>
      <c r="BVN149" s="35"/>
      <c r="BVO149" s="35"/>
      <c r="BVP149" s="35"/>
      <c r="BVQ149" s="35"/>
      <c r="BVR149" s="35"/>
      <c r="BVS149" s="35"/>
      <c r="BVT149" s="35"/>
      <c r="BVU149" s="35"/>
      <c r="BVV149" s="35"/>
      <c r="BVW149" s="35"/>
      <c r="BVX149" s="35"/>
      <c r="BVY149" s="35"/>
      <c r="BVZ149" s="35"/>
      <c r="BWA149" s="35"/>
      <c r="BWB149" s="35"/>
      <c r="BWC149" s="35"/>
      <c r="BWD149" s="35"/>
      <c r="BWE149" s="35"/>
      <c r="BWF149" s="35"/>
      <c r="BWG149" s="35"/>
      <c r="BWH149" s="35"/>
      <c r="BWI149" s="35"/>
      <c r="BWJ149" s="35"/>
      <c r="BWK149" s="35"/>
      <c r="BWL149" s="35"/>
      <c r="BWM149" s="35"/>
      <c r="BWN149" s="35"/>
      <c r="BWO149" s="35"/>
      <c r="BWP149" s="35"/>
      <c r="BWQ149" s="35"/>
      <c r="BWR149" s="35"/>
      <c r="BWS149" s="35"/>
      <c r="BWT149" s="35"/>
      <c r="BWU149" s="35"/>
      <c r="BWV149" s="35"/>
      <c r="BWW149" s="35"/>
      <c r="BWX149" s="35"/>
      <c r="BWY149" s="35"/>
      <c r="BWZ149" s="35"/>
      <c r="BXA149" s="35"/>
      <c r="BXB149" s="35"/>
      <c r="BXC149" s="35"/>
      <c r="BXD149" s="35"/>
      <c r="BXE149" s="35"/>
      <c r="BXF149" s="35"/>
      <c r="BXG149" s="35"/>
      <c r="BXH149" s="35"/>
      <c r="BXI149" s="35"/>
      <c r="BXJ149" s="35"/>
      <c r="BXK149" s="35"/>
      <c r="BXL149" s="35"/>
      <c r="BXM149" s="35"/>
      <c r="BXN149" s="35"/>
      <c r="BXO149" s="35"/>
      <c r="BXP149" s="35"/>
      <c r="BXQ149" s="35"/>
      <c r="BXR149" s="35"/>
      <c r="BXS149" s="35"/>
      <c r="BXT149" s="35"/>
      <c r="BXU149" s="35"/>
      <c r="BXV149" s="35"/>
      <c r="BXW149" s="35"/>
      <c r="BXX149" s="35"/>
      <c r="BXY149" s="35"/>
      <c r="BXZ149" s="35"/>
      <c r="BYA149" s="35"/>
      <c r="BYB149" s="35"/>
      <c r="BYC149" s="35"/>
      <c r="BYD149" s="35"/>
      <c r="BYE149" s="35"/>
      <c r="BYF149" s="35"/>
      <c r="BYG149" s="35"/>
      <c r="BYH149" s="35"/>
      <c r="BYI149" s="35"/>
      <c r="BYJ149" s="35"/>
      <c r="BYK149" s="35"/>
      <c r="BYL149" s="35"/>
      <c r="BYM149" s="35"/>
      <c r="BYN149" s="35"/>
      <c r="BYO149" s="35"/>
      <c r="BYP149" s="35"/>
      <c r="BYQ149" s="35"/>
      <c r="BYR149" s="35"/>
      <c r="BYS149" s="35"/>
      <c r="BYT149" s="35"/>
      <c r="BYU149" s="35"/>
      <c r="BYV149" s="35"/>
      <c r="BYW149" s="35"/>
      <c r="BYX149" s="35"/>
      <c r="BYY149" s="35"/>
      <c r="BYZ149" s="35"/>
      <c r="BZA149" s="35"/>
      <c r="BZB149" s="35"/>
      <c r="BZC149" s="35"/>
      <c r="BZD149" s="35"/>
      <c r="BZE149" s="35"/>
      <c r="BZF149" s="35"/>
      <c r="BZG149" s="35"/>
      <c r="BZH149" s="35"/>
      <c r="BZI149" s="35"/>
      <c r="BZJ149" s="35"/>
      <c r="BZK149" s="35"/>
      <c r="BZL149" s="35"/>
      <c r="BZM149" s="35"/>
      <c r="BZN149" s="35"/>
      <c r="BZO149" s="35"/>
      <c r="BZP149" s="35"/>
      <c r="BZQ149" s="35"/>
      <c r="BZR149" s="35"/>
      <c r="BZS149" s="35"/>
      <c r="BZT149" s="35"/>
      <c r="BZU149" s="35"/>
      <c r="BZV149" s="35"/>
      <c r="BZW149" s="35"/>
      <c r="BZX149" s="35"/>
      <c r="BZY149" s="35"/>
      <c r="BZZ149" s="35"/>
      <c r="CAA149" s="35"/>
      <c r="CAB149" s="35"/>
      <c r="CAC149" s="35"/>
      <c r="CAD149" s="35"/>
      <c r="CAE149" s="35"/>
      <c r="CAF149" s="35"/>
      <c r="CAG149" s="35"/>
      <c r="CAH149" s="35"/>
      <c r="CAI149" s="35"/>
      <c r="CAJ149" s="35"/>
      <c r="CAK149" s="35"/>
      <c r="CAL149" s="35"/>
      <c r="CAM149" s="35"/>
      <c r="CAN149" s="35"/>
      <c r="CAO149" s="35"/>
      <c r="CAP149" s="35"/>
      <c r="CAQ149" s="35"/>
      <c r="CAR149" s="35"/>
      <c r="CAS149" s="35"/>
      <c r="CAT149" s="35"/>
      <c r="CAU149" s="35"/>
      <c r="CAV149" s="35"/>
      <c r="CAW149" s="35"/>
      <c r="CAX149" s="35"/>
      <c r="CAY149" s="35"/>
      <c r="CAZ149" s="35"/>
      <c r="CBA149" s="35"/>
      <c r="CBB149" s="35"/>
      <c r="CBC149" s="35"/>
      <c r="CBD149" s="35"/>
      <c r="CBE149" s="35"/>
      <c r="CBF149" s="35"/>
      <c r="CBG149" s="35"/>
      <c r="CBH149" s="35"/>
      <c r="CBI149" s="35"/>
      <c r="CBJ149" s="35"/>
      <c r="CBK149" s="35"/>
      <c r="CBL149" s="35"/>
      <c r="CBM149" s="35"/>
      <c r="CBN149" s="35"/>
      <c r="CBO149" s="35"/>
      <c r="CBP149" s="35"/>
      <c r="CBQ149" s="35"/>
      <c r="CBR149" s="35"/>
      <c r="CBS149" s="35"/>
      <c r="CBT149" s="35"/>
      <c r="CBU149" s="35"/>
      <c r="CBV149" s="35"/>
      <c r="CBW149" s="35"/>
      <c r="CBX149" s="35"/>
      <c r="CBY149" s="35"/>
      <c r="CBZ149" s="35"/>
      <c r="CCA149" s="35"/>
      <c r="CCB149" s="35"/>
      <c r="CCC149" s="35"/>
      <c r="CCD149" s="35"/>
      <c r="CCE149" s="35"/>
      <c r="CCF149" s="35"/>
      <c r="CCG149" s="35"/>
      <c r="CCH149" s="35"/>
      <c r="CCI149" s="35"/>
      <c r="CCJ149" s="35"/>
      <c r="CCK149" s="35"/>
      <c r="CCL149" s="35"/>
      <c r="CCM149" s="35"/>
      <c r="CCN149" s="35"/>
      <c r="CCO149" s="35"/>
      <c r="CCP149" s="35"/>
      <c r="CCQ149" s="35"/>
      <c r="CCR149" s="35"/>
      <c r="CCS149" s="35"/>
      <c r="CCT149" s="35"/>
      <c r="CCU149" s="35"/>
      <c r="CCV149" s="35"/>
      <c r="CCW149" s="35"/>
      <c r="CCX149" s="35"/>
      <c r="CCY149" s="35"/>
      <c r="CCZ149" s="35"/>
      <c r="CDA149" s="35"/>
      <c r="CDB149" s="35"/>
      <c r="CDC149" s="35"/>
      <c r="CDD149" s="35"/>
      <c r="CDE149" s="35"/>
      <c r="CDF149" s="35"/>
      <c r="CDG149" s="35"/>
      <c r="CDH149" s="35"/>
      <c r="CDI149" s="35"/>
      <c r="CDJ149" s="35"/>
      <c r="CDK149" s="35"/>
      <c r="CDL149" s="35"/>
      <c r="CDM149" s="35"/>
      <c r="CDN149" s="35"/>
      <c r="CDO149" s="35"/>
      <c r="CDP149" s="35"/>
      <c r="CDQ149" s="35"/>
      <c r="CDR149" s="35"/>
      <c r="CDS149" s="35"/>
      <c r="CDT149" s="35"/>
      <c r="CDU149" s="35"/>
      <c r="CDV149" s="35"/>
      <c r="CDW149" s="35"/>
      <c r="CDX149" s="35"/>
      <c r="CDY149" s="35"/>
      <c r="CDZ149" s="35"/>
      <c r="CEA149" s="35"/>
      <c r="CEB149" s="35"/>
      <c r="CEC149" s="35"/>
      <c r="CED149" s="35"/>
      <c r="CEE149" s="35"/>
      <c r="CEF149" s="35"/>
      <c r="CEG149" s="35"/>
      <c r="CEH149" s="35"/>
      <c r="CEI149" s="35"/>
      <c r="CEJ149" s="35"/>
      <c r="CEK149" s="35"/>
      <c r="CEL149" s="35"/>
      <c r="CEM149" s="35"/>
      <c r="CEN149" s="35"/>
      <c r="CEO149" s="35"/>
      <c r="CEP149" s="35"/>
      <c r="CEQ149" s="35"/>
      <c r="CER149" s="35"/>
      <c r="CES149" s="35"/>
      <c r="CET149" s="35"/>
      <c r="CEU149" s="35"/>
      <c r="CEV149" s="35"/>
      <c r="CEW149" s="35"/>
      <c r="CEX149" s="35"/>
      <c r="CEY149" s="35"/>
      <c r="CEZ149" s="35"/>
      <c r="CFA149" s="35"/>
      <c r="CFB149" s="35"/>
      <c r="CFC149" s="35"/>
      <c r="CFD149" s="35"/>
      <c r="CFE149" s="35"/>
      <c r="CFF149" s="35"/>
      <c r="CFG149" s="35"/>
      <c r="CFH149" s="35"/>
      <c r="CFI149" s="35"/>
      <c r="CFJ149" s="35"/>
      <c r="CFK149" s="35"/>
      <c r="CFL149" s="35"/>
      <c r="CFM149" s="35"/>
      <c r="CFN149" s="35"/>
      <c r="CFO149" s="35"/>
      <c r="CFP149" s="35"/>
      <c r="CFQ149" s="35"/>
      <c r="CFR149" s="35"/>
      <c r="CFS149" s="35"/>
      <c r="CFT149" s="35"/>
      <c r="CFU149" s="35"/>
      <c r="CFV149" s="35"/>
      <c r="CFW149" s="35"/>
      <c r="CFX149" s="35"/>
      <c r="CFY149" s="35"/>
      <c r="CFZ149" s="35"/>
      <c r="CGA149" s="35"/>
      <c r="CGB149" s="35"/>
      <c r="CGC149" s="35"/>
      <c r="CGD149" s="35"/>
      <c r="CGE149" s="35"/>
      <c r="CGF149" s="35"/>
      <c r="CGG149" s="35"/>
      <c r="CGH149" s="35"/>
      <c r="CGI149" s="35"/>
      <c r="CGJ149" s="35"/>
      <c r="CGK149" s="35"/>
      <c r="CGL149" s="35"/>
      <c r="CGM149" s="35"/>
      <c r="CGN149" s="35"/>
      <c r="CGO149" s="35"/>
      <c r="CGP149" s="35"/>
      <c r="CGQ149" s="35"/>
      <c r="CGR149" s="35"/>
      <c r="CGS149" s="35"/>
      <c r="CGT149" s="35"/>
      <c r="CGU149" s="35"/>
      <c r="CGV149" s="35"/>
      <c r="CGW149" s="35"/>
      <c r="CGX149" s="35"/>
      <c r="CGY149" s="35"/>
      <c r="CGZ149" s="35"/>
      <c r="CHA149" s="35"/>
      <c r="CHB149" s="35"/>
      <c r="CHC149" s="35"/>
      <c r="CHD149" s="35"/>
      <c r="CHE149" s="35"/>
      <c r="CHF149" s="35"/>
      <c r="CHG149" s="35"/>
      <c r="CHH149" s="35"/>
      <c r="CHI149" s="35"/>
      <c r="CHJ149" s="35"/>
      <c r="CHK149" s="35"/>
      <c r="CHL149" s="35"/>
      <c r="CHM149" s="35"/>
      <c r="CHN149" s="35"/>
      <c r="CHO149" s="35"/>
      <c r="CHP149" s="35"/>
      <c r="CHQ149" s="35"/>
      <c r="CHR149" s="35"/>
      <c r="CHS149" s="35"/>
      <c r="CHT149" s="35"/>
      <c r="CHU149" s="35"/>
      <c r="CHV149" s="35"/>
      <c r="CHW149" s="35"/>
      <c r="CHX149" s="35"/>
      <c r="CHY149" s="35"/>
      <c r="CHZ149" s="35"/>
      <c r="CIA149" s="35"/>
      <c r="CIB149" s="35"/>
      <c r="CIC149" s="35"/>
      <c r="CID149" s="35"/>
      <c r="CIE149" s="35"/>
      <c r="CIF149" s="35"/>
      <c r="CIG149" s="35"/>
      <c r="CIH149" s="35"/>
      <c r="CII149" s="35"/>
      <c r="CIJ149" s="35"/>
      <c r="CIK149" s="35"/>
      <c r="CIL149" s="35"/>
      <c r="CIM149" s="35"/>
      <c r="CIN149" s="35"/>
      <c r="CIO149" s="35"/>
      <c r="CIP149" s="35"/>
      <c r="CIQ149" s="35"/>
      <c r="CIR149" s="35"/>
      <c r="CIS149" s="35"/>
      <c r="CIT149" s="35"/>
      <c r="CIU149" s="35"/>
      <c r="CIV149" s="35"/>
      <c r="CIW149" s="35"/>
      <c r="CIX149" s="35"/>
      <c r="CIY149" s="35"/>
      <c r="CIZ149" s="35"/>
      <c r="CJA149" s="35"/>
      <c r="CJB149" s="35"/>
      <c r="CJC149" s="35"/>
      <c r="CJD149" s="35"/>
      <c r="CJE149" s="35"/>
      <c r="CJF149" s="35"/>
      <c r="CJG149" s="35"/>
      <c r="CJH149" s="35"/>
      <c r="CJI149" s="35"/>
      <c r="CJJ149" s="35"/>
      <c r="CJK149" s="35"/>
      <c r="CJL149" s="35"/>
      <c r="CJM149" s="35"/>
      <c r="CJN149" s="35"/>
      <c r="CJO149" s="35"/>
      <c r="CJP149" s="35"/>
      <c r="CJQ149" s="35"/>
      <c r="CJR149" s="35"/>
      <c r="CJS149" s="35"/>
      <c r="CJT149" s="35"/>
      <c r="CJU149" s="35"/>
      <c r="CJV149" s="35"/>
      <c r="CJW149" s="35"/>
      <c r="CJX149" s="35"/>
      <c r="CJY149" s="35"/>
      <c r="CJZ149" s="35"/>
      <c r="CKA149" s="35"/>
      <c r="CKB149" s="35"/>
      <c r="CKC149" s="35"/>
      <c r="CKD149" s="35"/>
      <c r="CKE149" s="35"/>
      <c r="CKF149" s="35"/>
      <c r="CKG149" s="35"/>
      <c r="CKH149" s="35"/>
      <c r="CKI149" s="35"/>
      <c r="CKJ149" s="35"/>
      <c r="CKK149" s="35"/>
      <c r="CKL149" s="35"/>
      <c r="CKM149" s="35"/>
      <c r="CKN149" s="35"/>
      <c r="CKO149" s="35"/>
      <c r="CKP149" s="35"/>
      <c r="CKQ149" s="35"/>
      <c r="CKR149" s="35"/>
      <c r="CKS149" s="35"/>
      <c r="CKT149" s="35"/>
      <c r="CKU149" s="35"/>
      <c r="CKV149" s="35"/>
      <c r="CKW149" s="35"/>
      <c r="CKX149" s="35"/>
      <c r="CKY149" s="35"/>
      <c r="CKZ149" s="35"/>
      <c r="CLA149" s="35"/>
      <c r="CLB149" s="35"/>
      <c r="CLC149" s="35"/>
      <c r="CLD149" s="35"/>
      <c r="CLE149" s="35"/>
      <c r="CLF149" s="35"/>
      <c r="CLG149" s="35"/>
      <c r="CLH149" s="35"/>
      <c r="CLI149" s="35"/>
      <c r="CLJ149" s="35"/>
      <c r="CLK149" s="35"/>
      <c r="CLL149" s="35"/>
      <c r="CLM149" s="35"/>
      <c r="CLN149" s="35"/>
      <c r="CLO149" s="35"/>
      <c r="CLP149" s="35"/>
      <c r="CLQ149" s="35"/>
      <c r="CLR149" s="35"/>
      <c r="CLS149" s="35"/>
      <c r="CLT149" s="35"/>
      <c r="CLU149" s="35"/>
      <c r="CLV149" s="35"/>
      <c r="CLW149" s="35"/>
      <c r="CLX149" s="35"/>
      <c r="CLY149" s="35"/>
      <c r="CLZ149" s="35"/>
      <c r="CMA149" s="35"/>
      <c r="CMB149" s="35"/>
      <c r="CMC149" s="35"/>
      <c r="CMD149" s="35"/>
      <c r="CME149" s="35"/>
      <c r="CMF149" s="35"/>
      <c r="CMG149" s="35"/>
      <c r="CMH149" s="35"/>
      <c r="CMI149" s="35"/>
      <c r="CMJ149" s="35"/>
      <c r="CMK149" s="35"/>
      <c r="CML149" s="35"/>
      <c r="CMM149" s="35"/>
      <c r="CMN149" s="35"/>
      <c r="CMO149" s="35"/>
      <c r="CMP149" s="35"/>
      <c r="CMQ149" s="35"/>
      <c r="CMR149" s="35"/>
      <c r="CMS149" s="35"/>
      <c r="CMT149" s="35"/>
      <c r="CMU149" s="35"/>
      <c r="CMV149" s="35"/>
      <c r="CMW149" s="35"/>
      <c r="CMX149" s="35"/>
      <c r="CMY149" s="35"/>
      <c r="CMZ149" s="35"/>
      <c r="CNA149" s="35"/>
      <c r="CNB149" s="35"/>
      <c r="CNC149" s="35"/>
      <c r="CND149" s="35"/>
      <c r="CNE149" s="35"/>
      <c r="CNF149" s="35"/>
      <c r="CNG149" s="35"/>
      <c r="CNH149" s="35"/>
      <c r="CNI149" s="35"/>
      <c r="CNJ149" s="35"/>
      <c r="CNK149" s="35"/>
      <c r="CNL149" s="35"/>
      <c r="CNM149" s="35"/>
      <c r="CNN149" s="35"/>
      <c r="CNO149" s="35"/>
      <c r="CNP149" s="35"/>
      <c r="CNQ149" s="35"/>
      <c r="CNR149" s="35"/>
      <c r="CNS149" s="35"/>
      <c r="CNT149" s="35"/>
      <c r="CNU149" s="35"/>
      <c r="CNV149" s="35"/>
      <c r="CNW149" s="35"/>
      <c r="CNX149" s="35"/>
      <c r="CNY149" s="35"/>
      <c r="CNZ149" s="35"/>
      <c r="COA149" s="35"/>
      <c r="COB149" s="35"/>
      <c r="COC149" s="35"/>
      <c r="COD149" s="35"/>
      <c r="COE149" s="35"/>
      <c r="COF149" s="35"/>
      <c r="COG149" s="35"/>
      <c r="COH149" s="35"/>
      <c r="COI149" s="35"/>
      <c r="COJ149" s="35"/>
      <c r="COK149" s="35"/>
      <c r="COL149" s="35"/>
      <c r="COM149" s="35"/>
      <c r="CON149" s="35"/>
      <c r="COO149" s="35"/>
      <c r="COP149" s="35"/>
      <c r="COQ149" s="35"/>
      <c r="COR149" s="35"/>
      <c r="COS149" s="35"/>
      <c r="COT149" s="35"/>
      <c r="COU149" s="35"/>
      <c r="COV149" s="35"/>
      <c r="COW149" s="35"/>
      <c r="COX149" s="35"/>
      <c r="COY149" s="35"/>
      <c r="COZ149" s="35"/>
      <c r="CPA149" s="35"/>
      <c r="CPB149" s="35"/>
      <c r="CPC149" s="35"/>
      <c r="CPD149" s="35"/>
      <c r="CPE149" s="35"/>
      <c r="CPF149" s="35"/>
      <c r="CPG149" s="35"/>
      <c r="CPH149" s="35"/>
      <c r="CPI149" s="35"/>
      <c r="CPJ149" s="35"/>
      <c r="CPK149" s="35"/>
      <c r="CPL149" s="35"/>
      <c r="CPM149" s="35"/>
      <c r="CPN149" s="35"/>
      <c r="CPO149" s="35"/>
      <c r="CPP149" s="35"/>
      <c r="CPQ149" s="35"/>
      <c r="CPR149" s="35"/>
      <c r="CPS149" s="35"/>
      <c r="CPT149" s="35"/>
      <c r="CPU149" s="35"/>
      <c r="CPV149" s="35"/>
      <c r="CPW149" s="35"/>
      <c r="CPX149" s="35"/>
      <c r="CPY149" s="35"/>
      <c r="CPZ149" s="35"/>
      <c r="CQA149" s="35"/>
      <c r="CQB149" s="35"/>
      <c r="CQC149" s="35"/>
      <c r="CQD149" s="35"/>
      <c r="CQE149" s="35"/>
      <c r="CQF149" s="35"/>
      <c r="CQG149" s="35"/>
      <c r="CQH149" s="35"/>
      <c r="CQI149" s="35"/>
      <c r="CQJ149" s="35"/>
      <c r="CQK149" s="35"/>
      <c r="CQL149" s="35"/>
      <c r="CQM149" s="35"/>
      <c r="CQN149" s="35"/>
      <c r="CQO149" s="35"/>
      <c r="CQP149" s="35"/>
      <c r="CQQ149" s="35"/>
      <c r="CQR149" s="35"/>
      <c r="CQS149" s="35"/>
      <c r="CQT149" s="35"/>
      <c r="CQU149" s="35"/>
      <c r="CQV149" s="35"/>
      <c r="CQW149" s="35"/>
      <c r="CQX149" s="35"/>
      <c r="CQY149" s="35"/>
      <c r="CQZ149" s="35"/>
      <c r="CRA149" s="35"/>
      <c r="CRB149" s="35"/>
      <c r="CRC149" s="35"/>
      <c r="CRD149" s="35"/>
      <c r="CRE149" s="35"/>
      <c r="CRF149" s="35"/>
      <c r="CRG149" s="35"/>
      <c r="CRH149" s="35"/>
      <c r="CRI149" s="35"/>
      <c r="CRJ149" s="35"/>
      <c r="CRK149" s="35"/>
      <c r="CRL149" s="35"/>
      <c r="CRM149" s="35"/>
      <c r="CRN149" s="35"/>
      <c r="CRO149" s="35"/>
      <c r="CRP149" s="35"/>
      <c r="CRQ149" s="35"/>
      <c r="CRR149" s="35"/>
      <c r="CRS149" s="35"/>
      <c r="CRT149" s="35"/>
      <c r="CRU149" s="35"/>
      <c r="CRV149" s="35"/>
      <c r="CRW149" s="35"/>
      <c r="CRX149" s="35"/>
      <c r="CRY149" s="35"/>
      <c r="CRZ149" s="35"/>
      <c r="CSA149" s="35"/>
      <c r="CSB149" s="35"/>
      <c r="CSC149" s="35"/>
      <c r="CSD149" s="35"/>
      <c r="CSE149" s="35"/>
      <c r="CSF149" s="35"/>
      <c r="CSG149" s="35"/>
      <c r="CSH149" s="35"/>
      <c r="CSI149" s="35"/>
      <c r="CSJ149" s="35"/>
      <c r="CSK149" s="35"/>
      <c r="CSL149" s="35"/>
      <c r="CSM149" s="35"/>
      <c r="CSN149" s="35"/>
      <c r="CSO149" s="35"/>
      <c r="CSP149" s="35"/>
      <c r="CSQ149" s="35"/>
      <c r="CSR149" s="35"/>
      <c r="CSS149" s="35"/>
      <c r="CST149" s="35"/>
      <c r="CSU149" s="35"/>
      <c r="CSV149" s="35"/>
      <c r="CSW149" s="35"/>
      <c r="CSX149" s="35"/>
      <c r="CSY149" s="35"/>
      <c r="CSZ149" s="35"/>
      <c r="CTA149" s="35"/>
      <c r="CTB149" s="35"/>
      <c r="CTC149" s="35"/>
      <c r="CTD149" s="35"/>
      <c r="CTE149" s="35"/>
      <c r="CTF149" s="35"/>
      <c r="CTG149" s="35"/>
      <c r="CTH149" s="35"/>
      <c r="CTI149" s="35"/>
      <c r="CTJ149" s="35"/>
      <c r="CTK149" s="35"/>
      <c r="CTL149" s="35"/>
      <c r="CTM149" s="35"/>
      <c r="CTN149" s="35"/>
      <c r="CTO149" s="35"/>
      <c r="CTP149" s="35"/>
      <c r="CTQ149" s="35"/>
      <c r="CTR149" s="35"/>
      <c r="CTS149" s="35"/>
      <c r="CTT149" s="35"/>
      <c r="CTU149" s="35"/>
      <c r="CTV149" s="35"/>
      <c r="CTW149" s="35"/>
      <c r="CTX149" s="35"/>
      <c r="CTY149" s="35"/>
      <c r="CTZ149" s="35"/>
      <c r="CUA149" s="35"/>
      <c r="CUB149" s="35"/>
      <c r="CUC149" s="35"/>
      <c r="CUD149" s="35"/>
      <c r="CUE149" s="35"/>
      <c r="CUF149" s="35"/>
      <c r="CUG149" s="35"/>
      <c r="CUH149" s="35"/>
      <c r="CUI149" s="35"/>
      <c r="CUJ149" s="35"/>
      <c r="CUK149" s="35"/>
      <c r="CUL149" s="35"/>
      <c r="CUM149" s="35"/>
      <c r="CUN149" s="35"/>
      <c r="CUO149" s="35"/>
      <c r="CUP149" s="35"/>
      <c r="CUQ149" s="35"/>
      <c r="CUR149" s="35"/>
      <c r="CUS149" s="35"/>
      <c r="CUT149" s="35"/>
      <c r="CUU149" s="35"/>
      <c r="CUV149" s="35"/>
      <c r="CUW149" s="35"/>
      <c r="CUX149" s="35"/>
      <c r="CUY149" s="35"/>
      <c r="CUZ149" s="35"/>
      <c r="CVA149" s="35"/>
      <c r="CVB149" s="35"/>
      <c r="CVC149" s="35"/>
      <c r="CVD149" s="35"/>
      <c r="CVE149" s="35"/>
      <c r="CVF149" s="35"/>
      <c r="CVG149" s="35"/>
      <c r="CVH149" s="35"/>
      <c r="CVI149" s="35"/>
      <c r="CVJ149" s="35"/>
      <c r="CVK149" s="35"/>
      <c r="CVL149" s="35"/>
      <c r="CVM149" s="35"/>
      <c r="CVN149" s="35"/>
      <c r="CVO149" s="35"/>
      <c r="CVP149" s="35"/>
      <c r="CVQ149" s="35"/>
      <c r="CVR149" s="35"/>
      <c r="CVS149" s="35"/>
      <c r="CVT149" s="35"/>
      <c r="CVU149" s="35"/>
      <c r="CVV149" s="35"/>
      <c r="CVW149" s="35"/>
      <c r="CVX149" s="35"/>
      <c r="CVY149" s="35"/>
      <c r="CVZ149" s="35"/>
      <c r="CWA149" s="35"/>
      <c r="CWB149" s="35"/>
      <c r="CWC149" s="35"/>
      <c r="CWD149" s="35"/>
      <c r="CWE149" s="35"/>
      <c r="CWF149" s="35"/>
      <c r="CWG149" s="35"/>
      <c r="CWH149" s="35"/>
      <c r="CWI149" s="35"/>
      <c r="CWJ149" s="35"/>
      <c r="CWK149" s="35"/>
      <c r="CWL149" s="35"/>
      <c r="CWM149" s="35"/>
      <c r="CWN149" s="35"/>
      <c r="CWO149" s="35"/>
      <c r="CWP149" s="35"/>
      <c r="CWQ149" s="35"/>
      <c r="CWR149" s="35"/>
      <c r="CWS149" s="35"/>
      <c r="CWT149" s="35"/>
      <c r="CWU149" s="35"/>
      <c r="CWV149" s="35"/>
      <c r="CWW149" s="35"/>
      <c r="CWX149" s="35"/>
      <c r="CWY149" s="35"/>
      <c r="CWZ149" s="35"/>
      <c r="CXA149" s="35"/>
      <c r="CXB149" s="35"/>
      <c r="CXC149" s="35"/>
      <c r="CXD149" s="35"/>
      <c r="CXE149" s="35"/>
      <c r="CXF149" s="35"/>
      <c r="CXG149" s="35"/>
      <c r="CXH149" s="35"/>
      <c r="CXI149" s="35"/>
      <c r="CXJ149" s="35"/>
      <c r="CXK149" s="35"/>
      <c r="CXL149" s="35"/>
      <c r="CXM149" s="35"/>
      <c r="CXN149" s="35"/>
      <c r="CXO149" s="35"/>
      <c r="CXP149" s="35"/>
      <c r="CXQ149" s="35"/>
      <c r="CXR149" s="35"/>
      <c r="CXS149" s="35"/>
      <c r="CXT149" s="35"/>
      <c r="CXU149" s="35"/>
      <c r="CXV149" s="35"/>
      <c r="CXW149" s="35"/>
      <c r="CXX149" s="35"/>
      <c r="CXY149" s="35"/>
      <c r="CXZ149" s="35"/>
      <c r="CYA149" s="35"/>
      <c r="CYB149" s="35"/>
      <c r="CYC149" s="35"/>
      <c r="CYD149" s="35"/>
      <c r="CYE149" s="35"/>
      <c r="CYF149" s="35"/>
      <c r="CYG149" s="35"/>
      <c r="CYH149" s="35"/>
      <c r="CYI149" s="35"/>
      <c r="CYJ149" s="35"/>
      <c r="CYK149" s="35"/>
      <c r="CYL149" s="35"/>
      <c r="CYM149" s="35"/>
      <c r="CYN149" s="35"/>
      <c r="CYO149" s="35"/>
      <c r="CYP149" s="35"/>
      <c r="CYQ149" s="35"/>
      <c r="CYR149" s="35"/>
      <c r="CYS149" s="35"/>
      <c r="CYT149" s="35"/>
      <c r="CYU149" s="35"/>
      <c r="CYV149" s="35"/>
      <c r="CYW149" s="35"/>
      <c r="CYX149" s="35"/>
      <c r="CYY149" s="35"/>
      <c r="CYZ149" s="35"/>
      <c r="CZA149" s="35"/>
      <c r="CZB149" s="35"/>
      <c r="CZC149" s="35"/>
      <c r="CZD149" s="35"/>
      <c r="CZE149" s="35"/>
      <c r="CZF149" s="35"/>
      <c r="CZG149" s="35"/>
      <c r="CZH149" s="35"/>
      <c r="CZI149" s="35"/>
      <c r="CZJ149" s="35"/>
      <c r="CZK149" s="35"/>
      <c r="CZL149" s="35"/>
      <c r="CZM149" s="35"/>
      <c r="CZN149" s="35"/>
      <c r="CZO149" s="35"/>
      <c r="CZP149" s="35"/>
      <c r="CZQ149" s="35"/>
      <c r="CZR149" s="35"/>
      <c r="CZS149" s="35"/>
      <c r="CZT149" s="35"/>
      <c r="CZU149" s="35"/>
      <c r="CZV149" s="35"/>
      <c r="CZW149" s="35"/>
      <c r="CZX149" s="35"/>
      <c r="CZY149" s="35"/>
      <c r="CZZ149" s="35"/>
      <c r="DAA149" s="35"/>
      <c r="DAB149" s="35"/>
      <c r="DAC149" s="35"/>
      <c r="DAD149" s="35"/>
      <c r="DAE149" s="35"/>
      <c r="DAF149" s="35"/>
      <c r="DAG149" s="35"/>
      <c r="DAH149" s="35"/>
      <c r="DAI149" s="35"/>
      <c r="DAJ149" s="35"/>
      <c r="DAK149" s="35"/>
      <c r="DAL149" s="35"/>
      <c r="DAM149" s="35"/>
      <c r="DAN149" s="35"/>
      <c r="DAO149" s="35"/>
      <c r="DAP149" s="35"/>
      <c r="DAQ149" s="35"/>
      <c r="DAR149" s="35"/>
      <c r="DAS149" s="35"/>
      <c r="DAT149" s="35"/>
      <c r="DAU149" s="35"/>
      <c r="DAV149" s="35"/>
      <c r="DAW149" s="35"/>
      <c r="DAX149" s="35"/>
      <c r="DAY149" s="35"/>
      <c r="DAZ149" s="35"/>
      <c r="DBA149" s="35"/>
      <c r="DBB149" s="35"/>
      <c r="DBC149" s="35"/>
      <c r="DBD149" s="35"/>
      <c r="DBE149" s="35"/>
      <c r="DBF149" s="35"/>
      <c r="DBG149" s="35"/>
      <c r="DBH149" s="35"/>
      <c r="DBI149" s="35"/>
      <c r="DBJ149" s="35"/>
      <c r="DBK149" s="35"/>
      <c r="DBL149" s="35"/>
      <c r="DBM149" s="35"/>
      <c r="DBN149" s="35"/>
      <c r="DBO149" s="35"/>
      <c r="DBP149" s="35"/>
      <c r="DBQ149" s="35"/>
      <c r="DBR149" s="35"/>
      <c r="DBS149" s="35"/>
      <c r="DBT149" s="35"/>
      <c r="DBU149" s="35"/>
      <c r="DBV149" s="35"/>
      <c r="DBW149" s="35"/>
      <c r="DBX149" s="35"/>
      <c r="DBY149" s="35"/>
      <c r="DBZ149" s="35"/>
      <c r="DCA149" s="35"/>
      <c r="DCB149" s="35"/>
      <c r="DCC149" s="35"/>
      <c r="DCD149" s="35"/>
      <c r="DCE149" s="35"/>
      <c r="DCF149" s="35"/>
      <c r="DCG149" s="35"/>
      <c r="DCH149" s="35"/>
      <c r="DCI149" s="35"/>
      <c r="DCJ149" s="35"/>
      <c r="DCK149" s="35"/>
      <c r="DCL149" s="35"/>
      <c r="DCM149" s="35"/>
      <c r="DCN149" s="35"/>
      <c r="DCO149" s="35"/>
      <c r="DCP149" s="35"/>
      <c r="DCQ149" s="35"/>
      <c r="DCR149" s="35"/>
      <c r="DCS149" s="35"/>
      <c r="DCT149" s="35"/>
      <c r="DCU149" s="35"/>
      <c r="DCV149" s="35"/>
      <c r="DCW149" s="35"/>
      <c r="DCX149" s="35"/>
      <c r="DCY149" s="35"/>
      <c r="DCZ149" s="35"/>
      <c r="DDA149" s="35"/>
      <c r="DDB149" s="35"/>
      <c r="DDC149" s="35"/>
      <c r="DDD149" s="35"/>
      <c r="DDE149" s="35"/>
      <c r="DDF149" s="35"/>
      <c r="DDG149" s="35"/>
      <c r="DDH149" s="35"/>
      <c r="DDI149" s="35"/>
      <c r="DDJ149" s="35"/>
      <c r="DDK149" s="35"/>
      <c r="DDL149" s="35"/>
      <c r="DDM149" s="35"/>
      <c r="DDN149" s="35"/>
      <c r="DDO149" s="35"/>
      <c r="DDP149" s="35"/>
      <c r="DDQ149" s="35"/>
      <c r="DDR149" s="35"/>
      <c r="DDS149" s="35"/>
      <c r="DDT149" s="35"/>
      <c r="DDU149" s="35"/>
      <c r="DDV149" s="35"/>
      <c r="DDW149" s="35"/>
      <c r="DDX149" s="35"/>
      <c r="DDY149" s="35"/>
      <c r="DDZ149" s="35"/>
      <c r="DEA149" s="35"/>
      <c r="DEB149" s="35"/>
      <c r="DEC149" s="35"/>
      <c r="DED149" s="35"/>
      <c r="DEE149" s="35"/>
      <c r="DEF149" s="35"/>
      <c r="DEG149" s="35"/>
      <c r="DEH149" s="35"/>
      <c r="DEI149" s="35"/>
      <c r="DEJ149" s="35"/>
      <c r="DEK149" s="35"/>
      <c r="DEL149" s="35"/>
      <c r="DEM149" s="35"/>
      <c r="DEN149" s="35"/>
      <c r="DEO149" s="35"/>
      <c r="DEP149" s="35"/>
      <c r="DEQ149" s="35"/>
      <c r="DER149" s="35"/>
      <c r="DES149" s="35"/>
      <c r="DET149" s="35"/>
      <c r="DEU149" s="35"/>
      <c r="DEV149" s="35"/>
      <c r="DEW149" s="35"/>
      <c r="DEX149" s="35"/>
      <c r="DEY149" s="35"/>
      <c r="DEZ149" s="35"/>
      <c r="DFA149" s="35"/>
      <c r="DFB149" s="35"/>
      <c r="DFC149" s="35"/>
      <c r="DFD149" s="35"/>
      <c r="DFE149" s="35"/>
      <c r="DFF149" s="35"/>
      <c r="DFG149" s="35"/>
      <c r="DFH149" s="35"/>
      <c r="DFI149" s="35"/>
      <c r="DFJ149" s="35"/>
      <c r="DFK149" s="35"/>
      <c r="DFL149" s="35"/>
      <c r="DFM149" s="35"/>
      <c r="DFN149" s="35"/>
      <c r="DFO149" s="35"/>
      <c r="DFP149" s="35"/>
      <c r="DFQ149" s="35"/>
      <c r="DFR149" s="35"/>
      <c r="DFS149" s="35"/>
      <c r="DFT149" s="35"/>
      <c r="DFU149" s="35"/>
      <c r="DFV149" s="35"/>
      <c r="DFW149" s="35"/>
      <c r="DFX149" s="35"/>
      <c r="DFY149" s="35"/>
      <c r="DFZ149" s="35"/>
      <c r="DGA149" s="35"/>
      <c r="DGB149" s="35"/>
      <c r="DGC149" s="35"/>
      <c r="DGD149" s="35"/>
      <c r="DGE149" s="35"/>
      <c r="DGF149" s="35"/>
      <c r="DGG149" s="35"/>
      <c r="DGH149" s="35"/>
      <c r="DGI149" s="35"/>
      <c r="DGJ149" s="35"/>
      <c r="DGK149" s="35"/>
      <c r="DGL149" s="35"/>
      <c r="DGM149" s="35"/>
      <c r="DGN149" s="35"/>
      <c r="DGO149" s="35"/>
      <c r="DGP149" s="35"/>
      <c r="DGQ149" s="35"/>
      <c r="DGR149" s="35"/>
      <c r="DGS149" s="35"/>
      <c r="DGT149" s="35"/>
      <c r="DGU149" s="35"/>
      <c r="DGV149" s="35"/>
      <c r="DGW149" s="35"/>
      <c r="DGX149" s="35"/>
      <c r="DGY149" s="35"/>
      <c r="DGZ149" s="35"/>
      <c r="DHA149" s="35"/>
      <c r="DHB149" s="35"/>
      <c r="DHC149" s="35"/>
      <c r="DHD149" s="35"/>
      <c r="DHE149" s="35"/>
      <c r="DHF149" s="35"/>
      <c r="DHG149" s="35"/>
      <c r="DHH149" s="35"/>
      <c r="DHI149" s="35"/>
      <c r="DHJ149" s="35"/>
      <c r="DHK149" s="35"/>
      <c r="DHL149" s="35"/>
      <c r="DHM149" s="35"/>
      <c r="DHN149" s="35"/>
      <c r="DHO149" s="35"/>
      <c r="DHP149" s="35"/>
      <c r="DHQ149" s="35"/>
      <c r="DHR149" s="35"/>
      <c r="DHS149" s="35"/>
      <c r="DHT149" s="35"/>
      <c r="DHU149" s="35"/>
      <c r="DHV149" s="35"/>
      <c r="DHW149" s="35"/>
      <c r="DHX149" s="35"/>
      <c r="DHY149" s="35"/>
      <c r="DHZ149" s="35"/>
      <c r="DIA149" s="35"/>
      <c r="DIB149" s="35"/>
      <c r="DIC149" s="35"/>
      <c r="DID149" s="35"/>
      <c r="DIE149" s="35"/>
      <c r="DIF149" s="35"/>
      <c r="DIG149" s="35"/>
      <c r="DIH149" s="35"/>
      <c r="DII149" s="35"/>
      <c r="DIJ149" s="35"/>
      <c r="DIK149" s="35"/>
      <c r="DIL149" s="35"/>
      <c r="DIM149" s="35"/>
      <c r="DIN149" s="35"/>
      <c r="DIO149" s="35"/>
      <c r="DIP149" s="35"/>
      <c r="DIQ149" s="35"/>
      <c r="DIR149" s="35"/>
      <c r="DIS149" s="35"/>
      <c r="DIT149" s="35"/>
      <c r="DIU149" s="35"/>
      <c r="DIV149" s="35"/>
      <c r="DIW149" s="35"/>
      <c r="DIX149" s="35"/>
      <c r="DIY149" s="35"/>
      <c r="DIZ149" s="35"/>
      <c r="DJA149" s="35"/>
      <c r="DJB149" s="35"/>
      <c r="DJC149" s="35"/>
      <c r="DJD149" s="35"/>
      <c r="DJE149" s="35"/>
      <c r="DJF149" s="35"/>
      <c r="DJG149" s="35"/>
      <c r="DJH149" s="35"/>
      <c r="DJI149" s="35"/>
      <c r="DJJ149" s="35"/>
      <c r="DJK149" s="35"/>
      <c r="DJL149" s="35"/>
      <c r="DJM149" s="35"/>
      <c r="DJN149" s="35"/>
      <c r="DJO149" s="35"/>
      <c r="DJP149" s="35"/>
      <c r="DJQ149" s="35"/>
      <c r="DJR149" s="35"/>
      <c r="DJS149" s="35"/>
      <c r="DJT149" s="35"/>
      <c r="DJU149" s="35"/>
      <c r="DJV149" s="35"/>
      <c r="DJW149" s="35"/>
      <c r="DJX149" s="35"/>
      <c r="DJY149" s="35"/>
      <c r="DJZ149" s="35"/>
      <c r="DKA149" s="35"/>
      <c r="DKB149" s="35"/>
      <c r="DKC149" s="35"/>
      <c r="DKD149" s="35"/>
      <c r="DKE149" s="35"/>
      <c r="DKF149" s="35"/>
      <c r="DKG149" s="35"/>
      <c r="DKH149" s="35"/>
      <c r="DKI149" s="35"/>
      <c r="DKJ149" s="35"/>
      <c r="DKK149" s="35"/>
      <c r="DKL149" s="35"/>
      <c r="DKM149" s="35"/>
      <c r="DKN149" s="35"/>
      <c r="DKO149" s="35"/>
      <c r="DKP149" s="35"/>
      <c r="DKQ149" s="35"/>
      <c r="DKR149" s="35"/>
      <c r="DKS149" s="35"/>
      <c r="DKT149" s="35"/>
      <c r="DKU149" s="35"/>
      <c r="DKV149" s="35"/>
      <c r="DKW149" s="35"/>
      <c r="DKX149" s="35"/>
      <c r="DKY149" s="35"/>
      <c r="DKZ149" s="35"/>
      <c r="DLA149" s="35"/>
      <c r="DLB149" s="35"/>
      <c r="DLC149" s="35"/>
      <c r="DLD149" s="35"/>
      <c r="DLE149" s="35"/>
      <c r="DLF149" s="35"/>
      <c r="DLG149" s="35"/>
      <c r="DLH149" s="35"/>
      <c r="DLI149" s="35"/>
      <c r="DLJ149" s="35"/>
      <c r="DLK149" s="35"/>
      <c r="DLL149" s="35"/>
      <c r="DLM149" s="35"/>
      <c r="DLN149" s="35"/>
      <c r="DLO149" s="35"/>
      <c r="DLP149" s="35"/>
      <c r="DLQ149" s="35"/>
      <c r="DLR149" s="35"/>
      <c r="DLS149" s="35"/>
      <c r="DLT149" s="35"/>
      <c r="DLU149" s="35"/>
      <c r="DLV149" s="35"/>
      <c r="DLW149" s="35"/>
      <c r="DLX149" s="35"/>
      <c r="DLY149" s="35"/>
      <c r="DLZ149" s="35"/>
      <c r="DMA149" s="35"/>
      <c r="DMB149" s="35"/>
      <c r="DMC149" s="35"/>
      <c r="DMD149" s="35"/>
      <c r="DME149" s="35"/>
      <c r="DMF149" s="35"/>
      <c r="DMG149" s="35"/>
      <c r="DMH149" s="35"/>
      <c r="DMI149" s="35"/>
      <c r="DMJ149" s="35"/>
      <c r="DMK149" s="35"/>
      <c r="DML149" s="35"/>
      <c r="DMM149" s="35"/>
      <c r="DMN149" s="35"/>
      <c r="DMO149" s="35"/>
      <c r="DMP149" s="35"/>
      <c r="DMQ149" s="35"/>
      <c r="DMR149" s="35"/>
      <c r="DMS149" s="35"/>
      <c r="DMT149" s="35"/>
      <c r="DMU149" s="35"/>
      <c r="DMV149" s="35"/>
      <c r="DMW149" s="35"/>
      <c r="DMX149" s="35"/>
      <c r="DMY149" s="35"/>
      <c r="DMZ149" s="35"/>
      <c r="DNA149" s="35"/>
      <c r="DNB149" s="35"/>
      <c r="DNC149" s="35"/>
      <c r="DND149" s="35"/>
      <c r="DNE149" s="35"/>
      <c r="DNF149" s="35"/>
      <c r="DNG149" s="35"/>
      <c r="DNH149" s="35"/>
      <c r="DNI149" s="35"/>
      <c r="DNJ149" s="35"/>
      <c r="DNK149" s="35"/>
      <c r="DNL149" s="35"/>
      <c r="DNM149" s="35"/>
      <c r="DNN149" s="35"/>
      <c r="DNO149" s="35"/>
      <c r="DNP149" s="35"/>
      <c r="DNQ149" s="35"/>
      <c r="DNR149" s="35"/>
      <c r="DNS149" s="35"/>
      <c r="DNT149" s="35"/>
      <c r="DNU149" s="35"/>
      <c r="DNV149" s="35"/>
      <c r="DNW149" s="35"/>
      <c r="DNX149" s="35"/>
      <c r="DNY149" s="35"/>
      <c r="DNZ149" s="35"/>
      <c r="DOA149" s="35"/>
      <c r="DOB149" s="35"/>
      <c r="DOC149" s="35"/>
      <c r="DOD149" s="35"/>
      <c r="DOE149" s="35"/>
      <c r="DOF149" s="35"/>
      <c r="DOG149" s="35"/>
      <c r="DOH149" s="35"/>
      <c r="DOI149" s="35"/>
      <c r="DOJ149" s="35"/>
      <c r="DOK149" s="35"/>
      <c r="DOL149" s="35"/>
      <c r="DOM149" s="35"/>
      <c r="DON149" s="35"/>
      <c r="DOO149" s="35"/>
      <c r="DOP149" s="35"/>
      <c r="DOQ149" s="35"/>
      <c r="DOR149" s="35"/>
      <c r="DOS149" s="35"/>
      <c r="DOT149" s="35"/>
      <c r="DOU149" s="35"/>
      <c r="DOV149" s="35"/>
      <c r="DOW149" s="35"/>
      <c r="DOX149" s="35"/>
      <c r="DOY149" s="35"/>
      <c r="DOZ149" s="35"/>
      <c r="DPA149" s="35"/>
      <c r="DPB149" s="35"/>
      <c r="DPC149" s="35"/>
      <c r="DPD149" s="35"/>
      <c r="DPE149" s="35"/>
      <c r="DPF149" s="35"/>
      <c r="DPG149" s="35"/>
      <c r="DPH149" s="35"/>
      <c r="DPI149" s="35"/>
      <c r="DPJ149" s="35"/>
      <c r="DPK149" s="35"/>
      <c r="DPL149" s="35"/>
      <c r="DPM149" s="35"/>
      <c r="DPN149" s="35"/>
      <c r="DPO149" s="35"/>
      <c r="DPP149" s="35"/>
      <c r="DPQ149" s="35"/>
      <c r="DPR149" s="35"/>
      <c r="DPS149" s="35"/>
      <c r="DPT149" s="35"/>
      <c r="DPU149" s="35"/>
      <c r="DPV149" s="35"/>
      <c r="DPW149" s="35"/>
      <c r="DPX149" s="35"/>
      <c r="DPY149" s="35"/>
      <c r="DPZ149" s="35"/>
      <c r="DQA149" s="35"/>
      <c r="DQB149" s="35"/>
      <c r="DQC149" s="35"/>
      <c r="DQD149" s="35"/>
      <c r="DQE149" s="35"/>
      <c r="DQF149" s="35"/>
      <c r="DQG149" s="35"/>
      <c r="DQH149" s="35"/>
      <c r="DQI149" s="35"/>
      <c r="DQJ149" s="35"/>
      <c r="DQK149" s="35"/>
      <c r="DQL149" s="35"/>
      <c r="DQM149" s="35"/>
      <c r="DQN149" s="35"/>
      <c r="DQO149" s="35"/>
      <c r="DQP149" s="35"/>
      <c r="DQQ149" s="35"/>
      <c r="DQR149" s="35"/>
      <c r="DQS149" s="35"/>
      <c r="DQT149" s="35"/>
      <c r="DQU149" s="35"/>
      <c r="DQV149" s="35"/>
      <c r="DQW149" s="35"/>
      <c r="DQX149" s="35"/>
      <c r="DQY149" s="35"/>
      <c r="DQZ149" s="35"/>
      <c r="DRA149" s="35"/>
      <c r="DRB149" s="35"/>
      <c r="DRC149" s="35"/>
      <c r="DRD149" s="35"/>
      <c r="DRE149" s="35"/>
      <c r="DRF149" s="35"/>
      <c r="DRG149" s="35"/>
      <c r="DRH149" s="35"/>
      <c r="DRI149" s="35"/>
      <c r="DRJ149" s="35"/>
      <c r="DRK149" s="35"/>
      <c r="DRL149" s="35"/>
      <c r="DRM149" s="35"/>
      <c r="DRN149" s="35"/>
      <c r="DRO149" s="35"/>
      <c r="DRP149" s="35"/>
      <c r="DRQ149" s="35"/>
      <c r="DRR149" s="35"/>
      <c r="DRS149" s="35"/>
      <c r="DRT149" s="35"/>
      <c r="DRU149" s="35"/>
      <c r="DRV149" s="35"/>
      <c r="DRW149" s="35"/>
      <c r="DRX149" s="35"/>
      <c r="DRY149" s="35"/>
      <c r="DRZ149" s="35"/>
      <c r="DSA149" s="35"/>
      <c r="DSB149" s="35"/>
      <c r="DSC149" s="35"/>
      <c r="DSD149" s="35"/>
      <c r="DSE149" s="35"/>
      <c r="DSF149" s="35"/>
      <c r="DSG149" s="35"/>
      <c r="DSH149" s="35"/>
      <c r="DSI149" s="35"/>
      <c r="DSJ149" s="35"/>
      <c r="DSK149" s="35"/>
      <c r="DSL149" s="35"/>
      <c r="DSM149" s="35"/>
      <c r="DSN149" s="35"/>
      <c r="DSO149" s="35"/>
      <c r="DSP149" s="35"/>
      <c r="DSQ149" s="35"/>
      <c r="DSR149" s="35"/>
      <c r="DSS149" s="35"/>
      <c r="DST149" s="35"/>
      <c r="DSU149" s="35"/>
      <c r="DSV149" s="35"/>
      <c r="DSW149" s="35"/>
      <c r="DSX149" s="35"/>
      <c r="DSY149" s="35"/>
      <c r="DSZ149" s="35"/>
      <c r="DTA149" s="35"/>
      <c r="DTB149" s="35"/>
      <c r="DTC149" s="35"/>
      <c r="DTD149" s="35"/>
      <c r="DTE149" s="35"/>
      <c r="DTF149" s="35"/>
      <c r="DTG149" s="35"/>
      <c r="DTH149" s="35"/>
      <c r="DTI149" s="35"/>
      <c r="DTJ149" s="35"/>
      <c r="DTK149" s="35"/>
      <c r="DTL149" s="35"/>
      <c r="DTM149" s="35"/>
      <c r="DTN149" s="35"/>
      <c r="DTO149" s="35"/>
      <c r="DTP149" s="35"/>
      <c r="DTQ149" s="35"/>
      <c r="DTR149" s="35"/>
      <c r="DTS149" s="35"/>
      <c r="DTT149" s="35"/>
      <c r="DTU149" s="35"/>
      <c r="DTV149" s="35"/>
      <c r="DTW149" s="35"/>
      <c r="DTX149" s="35"/>
      <c r="DTY149" s="35"/>
      <c r="DTZ149" s="35"/>
      <c r="DUA149" s="35"/>
      <c r="DUB149" s="35"/>
      <c r="DUC149" s="35"/>
      <c r="DUD149" s="35"/>
      <c r="DUE149" s="35"/>
      <c r="DUF149" s="35"/>
      <c r="DUG149" s="35"/>
      <c r="DUH149" s="35"/>
      <c r="DUI149" s="35"/>
      <c r="DUJ149" s="35"/>
      <c r="DUK149" s="35"/>
      <c r="DUL149" s="35"/>
      <c r="DUM149" s="35"/>
      <c r="DUN149" s="35"/>
      <c r="DUO149" s="35"/>
      <c r="DUP149" s="35"/>
      <c r="DUQ149" s="35"/>
      <c r="DUR149" s="35"/>
      <c r="DUS149" s="35"/>
      <c r="DUT149" s="35"/>
      <c r="DUU149" s="35"/>
      <c r="DUV149" s="35"/>
      <c r="DUW149" s="35"/>
      <c r="DUX149" s="35"/>
      <c r="DUY149" s="35"/>
      <c r="DUZ149" s="35"/>
      <c r="DVA149" s="35"/>
      <c r="DVB149" s="35"/>
      <c r="DVC149" s="35"/>
      <c r="DVD149" s="35"/>
      <c r="DVE149" s="35"/>
      <c r="DVF149" s="35"/>
      <c r="DVG149" s="35"/>
      <c r="DVH149" s="35"/>
      <c r="DVI149" s="35"/>
      <c r="DVJ149" s="35"/>
      <c r="DVK149" s="35"/>
      <c r="DVL149" s="35"/>
      <c r="DVM149" s="35"/>
      <c r="DVN149" s="35"/>
      <c r="DVO149" s="35"/>
      <c r="DVP149" s="35"/>
      <c r="DVQ149" s="35"/>
      <c r="DVR149" s="35"/>
      <c r="DVS149" s="35"/>
      <c r="DVT149" s="35"/>
      <c r="DVU149" s="35"/>
      <c r="DVV149" s="35"/>
      <c r="DVW149" s="35"/>
      <c r="DVX149" s="35"/>
      <c r="DVY149" s="35"/>
      <c r="DVZ149" s="35"/>
      <c r="DWA149" s="35"/>
      <c r="DWB149" s="35"/>
      <c r="DWC149" s="35"/>
      <c r="DWD149" s="35"/>
      <c r="DWE149" s="35"/>
      <c r="DWF149" s="35"/>
      <c r="DWG149" s="35"/>
      <c r="DWH149" s="35"/>
      <c r="DWI149" s="35"/>
      <c r="DWJ149" s="35"/>
      <c r="DWK149" s="35"/>
      <c r="DWL149" s="35"/>
      <c r="DWM149" s="35"/>
      <c r="DWN149" s="35"/>
      <c r="DWO149" s="35"/>
      <c r="DWP149" s="35"/>
      <c r="DWQ149" s="35"/>
      <c r="DWR149" s="35"/>
      <c r="DWS149" s="35"/>
      <c r="DWT149" s="35"/>
      <c r="DWU149" s="35"/>
      <c r="DWV149" s="35"/>
      <c r="DWW149" s="35"/>
      <c r="DWX149" s="35"/>
      <c r="DWY149" s="35"/>
      <c r="DWZ149" s="35"/>
      <c r="DXA149" s="35"/>
      <c r="DXB149" s="35"/>
      <c r="DXC149" s="35"/>
      <c r="DXD149" s="35"/>
      <c r="DXE149" s="35"/>
      <c r="DXF149" s="35"/>
      <c r="DXG149" s="35"/>
      <c r="DXH149" s="35"/>
      <c r="DXI149" s="35"/>
      <c r="DXJ149" s="35"/>
      <c r="DXK149" s="35"/>
      <c r="DXL149" s="35"/>
      <c r="DXM149" s="35"/>
      <c r="DXN149" s="35"/>
      <c r="DXO149" s="35"/>
      <c r="DXP149" s="35"/>
      <c r="DXQ149" s="35"/>
      <c r="DXR149" s="35"/>
      <c r="DXS149" s="35"/>
      <c r="DXT149" s="35"/>
      <c r="DXU149" s="35"/>
      <c r="DXV149" s="35"/>
      <c r="DXW149" s="35"/>
      <c r="DXX149" s="35"/>
      <c r="DXY149" s="35"/>
      <c r="DXZ149" s="35"/>
      <c r="DYA149" s="35"/>
      <c r="DYB149" s="35"/>
      <c r="DYC149" s="35"/>
      <c r="DYD149" s="35"/>
      <c r="DYE149" s="35"/>
      <c r="DYF149" s="35"/>
      <c r="DYG149" s="35"/>
      <c r="DYH149" s="35"/>
      <c r="DYI149" s="35"/>
      <c r="DYJ149" s="35"/>
      <c r="DYK149" s="35"/>
      <c r="DYL149" s="35"/>
      <c r="DYM149" s="35"/>
      <c r="DYN149" s="35"/>
      <c r="DYO149" s="35"/>
      <c r="DYP149" s="35"/>
      <c r="DYQ149" s="35"/>
      <c r="DYR149" s="35"/>
      <c r="DYS149" s="35"/>
      <c r="DYT149" s="35"/>
      <c r="DYU149" s="35"/>
      <c r="DYV149" s="35"/>
      <c r="DYW149" s="35"/>
      <c r="DYX149" s="35"/>
      <c r="DYY149" s="35"/>
      <c r="DYZ149" s="35"/>
      <c r="DZA149" s="35"/>
      <c r="DZB149" s="35"/>
      <c r="DZC149" s="35"/>
      <c r="DZD149" s="35"/>
      <c r="DZE149" s="35"/>
      <c r="DZF149" s="35"/>
      <c r="DZG149" s="35"/>
      <c r="DZH149" s="35"/>
      <c r="DZI149" s="35"/>
      <c r="DZJ149" s="35"/>
      <c r="DZK149" s="35"/>
      <c r="DZL149" s="35"/>
      <c r="DZM149" s="35"/>
      <c r="DZN149" s="35"/>
      <c r="DZO149" s="35"/>
      <c r="DZP149" s="35"/>
      <c r="DZQ149" s="35"/>
      <c r="DZR149" s="35"/>
      <c r="DZS149" s="35"/>
      <c r="DZT149" s="35"/>
      <c r="DZU149" s="35"/>
      <c r="DZV149" s="35"/>
      <c r="DZW149" s="35"/>
      <c r="DZX149" s="35"/>
      <c r="DZY149" s="35"/>
      <c r="DZZ149" s="35"/>
      <c r="EAA149" s="35"/>
      <c r="EAB149" s="35"/>
      <c r="EAC149" s="35"/>
      <c r="EAD149" s="35"/>
      <c r="EAE149" s="35"/>
      <c r="EAF149" s="35"/>
      <c r="EAG149" s="35"/>
      <c r="EAH149" s="35"/>
      <c r="EAI149" s="35"/>
      <c r="EAJ149" s="35"/>
      <c r="EAK149" s="35"/>
      <c r="EAL149" s="35"/>
      <c r="EAM149" s="35"/>
      <c r="EAN149" s="35"/>
      <c r="EAO149" s="35"/>
      <c r="EAP149" s="35"/>
      <c r="EAQ149" s="35"/>
      <c r="EAR149" s="35"/>
      <c r="EAS149" s="35"/>
      <c r="EAT149" s="35"/>
      <c r="EAU149" s="35"/>
      <c r="EAV149" s="35"/>
      <c r="EAW149" s="35"/>
      <c r="EAX149" s="35"/>
      <c r="EAY149" s="35"/>
      <c r="EAZ149" s="35"/>
      <c r="EBA149" s="35"/>
      <c r="EBB149" s="35"/>
      <c r="EBC149" s="35"/>
      <c r="EBD149" s="35"/>
      <c r="EBE149" s="35"/>
      <c r="EBF149" s="35"/>
      <c r="EBG149" s="35"/>
      <c r="EBH149" s="35"/>
      <c r="EBI149" s="35"/>
      <c r="EBJ149" s="35"/>
      <c r="EBK149" s="35"/>
      <c r="EBL149" s="35"/>
      <c r="EBM149" s="35"/>
      <c r="EBN149" s="35"/>
      <c r="EBO149" s="35"/>
      <c r="EBP149" s="35"/>
      <c r="EBQ149" s="35"/>
      <c r="EBR149" s="35"/>
      <c r="EBS149" s="35"/>
      <c r="EBT149" s="35"/>
      <c r="EBU149" s="35"/>
      <c r="EBV149" s="35"/>
      <c r="EBW149" s="35"/>
      <c r="EBX149" s="35"/>
      <c r="EBY149" s="35"/>
      <c r="EBZ149" s="35"/>
      <c r="ECA149" s="35"/>
      <c r="ECB149" s="35"/>
      <c r="ECC149" s="35"/>
      <c r="ECD149" s="35"/>
      <c r="ECE149" s="35"/>
      <c r="ECF149" s="35"/>
      <c r="ECG149" s="35"/>
      <c r="ECH149" s="35"/>
      <c r="ECI149" s="35"/>
      <c r="ECJ149" s="35"/>
      <c r="ECK149" s="35"/>
      <c r="ECL149" s="35"/>
      <c r="ECM149" s="35"/>
      <c r="ECN149" s="35"/>
      <c r="ECO149" s="35"/>
      <c r="ECP149" s="35"/>
      <c r="ECQ149" s="35"/>
      <c r="ECR149" s="35"/>
      <c r="ECS149" s="35"/>
      <c r="ECT149" s="35"/>
      <c r="ECU149" s="35"/>
      <c r="ECV149" s="35"/>
      <c r="ECW149" s="35"/>
      <c r="ECX149" s="35"/>
      <c r="ECY149" s="35"/>
      <c r="ECZ149" s="35"/>
      <c r="EDA149" s="35"/>
      <c r="EDB149" s="35"/>
      <c r="EDC149" s="35"/>
      <c r="EDD149" s="35"/>
      <c r="EDE149" s="35"/>
      <c r="EDF149" s="35"/>
      <c r="EDG149" s="35"/>
      <c r="EDH149" s="35"/>
      <c r="EDI149" s="35"/>
      <c r="EDJ149" s="35"/>
      <c r="EDK149" s="35"/>
      <c r="EDL149" s="35"/>
      <c r="EDM149" s="35"/>
      <c r="EDN149" s="35"/>
      <c r="EDO149" s="35"/>
      <c r="EDP149" s="35"/>
      <c r="EDQ149" s="35"/>
      <c r="EDR149" s="35"/>
      <c r="EDS149" s="35"/>
      <c r="EDT149" s="35"/>
      <c r="EDU149" s="35"/>
      <c r="EDV149" s="35"/>
      <c r="EDW149" s="35"/>
      <c r="EDX149" s="35"/>
      <c r="EDY149" s="35"/>
      <c r="EDZ149" s="35"/>
      <c r="EEA149" s="35"/>
      <c r="EEB149" s="35"/>
      <c r="EEC149" s="35"/>
      <c r="EED149" s="35"/>
      <c r="EEE149" s="35"/>
      <c r="EEF149" s="35"/>
      <c r="EEG149" s="35"/>
      <c r="EEH149" s="35"/>
      <c r="EEI149" s="35"/>
      <c r="EEJ149" s="35"/>
      <c r="EEK149" s="35"/>
      <c r="EEL149" s="35"/>
      <c r="EEM149" s="35"/>
      <c r="EEN149" s="35"/>
      <c r="EEO149" s="35"/>
      <c r="EEP149" s="35"/>
      <c r="EEQ149" s="35"/>
      <c r="EER149" s="35"/>
      <c r="EES149" s="35"/>
      <c r="EET149" s="35"/>
      <c r="EEU149" s="35"/>
      <c r="EEV149" s="35"/>
      <c r="EEW149" s="35"/>
      <c r="EEX149" s="35"/>
      <c r="EEY149" s="35"/>
      <c r="EEZ149" s="35"/>
      <c r="EFA149" s="35"/>
      <c r="EFB149" s="35"/>
      <c r="EFC149" s="35"/>
      <c r="EFD149" s="35"/>
      <c r="EFE149" s="35"/>
      <c r="EFF149" s="35"/>
      <c r="EFG149" s="35"/>
      <c r="EFH149" s="35"/>
      <c r="EFI149" s="35"/>
      <c r="EFJ149" s="35"/>
      <c r="EFK149" s="35"/>
      <c r="EFL149" s="35"/>
      <c r="EFM149" s="35"/>
      <c r="EFN149" s="35"/>
      <c r="EFO149" s="35"/>
      <c r="EFP149" s="35"/>
      <c r="EFQ149" s="35"/>
      <c r="EFR149" s="35"/>
      <c r="EFS149" s="35"/>
      <c r="EFT149" s="35"/>
      <c r="EFU149" s="35"/>
      <c r="EFV149" s="35"/>
      <c r="EFW149" s="35"/>
      <c r="EFX149" s="35"/>
      <c r="EFY149" s="35"/>
      <c r="EFZ149" s="35"/>
      <c r="EGA149" s="35"/>
      <c r="EGB149" s="35"/>
      <c r="EGC149" s="35"/>
      <c r="EGD149" s="35"/>
      <c r="EGE149" s="35"/>
      <c r="EGF149" s="35"/>
      <c r="EGG149" s="35"/>
      <c r="EGH149" s="35"/>
      <c r="EGI149" s="35"/>
      <c r="EGJ149" s="35"/>
      <c r="EGK149" s="35"/>
      <c r="EGL149" s="35"/>
      <c r="EGM149" s="35"/>
      <c r="EGN149" s="35"/>
      <c r="EGO149" s="35"/>
      <c r="EGP149" s="35"/>
      <c r="EGQ149" s="35"/>
      <c r="EGR149" s="35"/>
      <c r="EGS149" s="35"/>
      <c r="EGT149" s="35"/>
      <c r="EGU149" s="35"/>
      <c r="EGV149" s="35"/>
      <c r="EGW149" s="35"/>
      <c r="EGX149" s="35"/>
      <c r="EGY149" s="35"/>
      <c r="EGZ149" s="35"/>
      <c r="EHA149" s="35"/>
      <c r="EHB149" s="35"/>
      <c r="EHC149" s="35"/>
      <c r="EHD149" s="35"/>
      <c r="EHE149" s="35"/>
      <c r="EHF149" s="35"/>
      <c r="EHG149" s="35"/>
      <c r="EHH149" s="35"/>
      <c r="EHI149" s="35"/>
      <c r="EHJ149" s="35"/>
      <c r="EHK149" s="35"/>
      <c r="EHL149" s="35"/>
      <c r="EHM149" s="35"/>
      <c r="EHN149" s="35"/>
      <c r="EHO149" s="35"/>
      <c r="EHP149" s="35"/>
      <c r="EHQ149" s="35"/>
      <c r="EHR149" s="35"/>
      <c r="EHS149" s="35"/>
      <c r="EHT149" s="35"/>
      <c r="EHU149" s="35"/>
      <c r="EHV149" s="35"/>
      <c r="EHW149" s="35"/>
      <c r="EHX149" s="35"/>
      <c r="EHY149" s="35"/>
      <c r="EHZ149" s="35"/>
      <c r="EIA149" s="35"/>
      <c r="EIB149" s="35"/>
      <c r="EIC149" s="35"/>
      <c r="EID149" s="35"/>
      <c r="EIE149" s="35"/>
      <c r="EIF149" s="35"/>
      <c r="EIG149" s="35"/>
      <c r="EIH149" s="35"/>
      <c r="EII149" s="35"/>
      <c r="EIJ149" s="35"/>
      <c r="EIK149" s="35"/>
      <c r="EIL149" s="35"/>
      <c r="EIM149" s="35"/>
      <c r="EIN149" s="35"/>
      <c r="EIO149" s="35"/>
      <c r="EIP149" s="35"/>
      <c r="EIQ149" s="35"/>
      <c r="EIR149" s="35"/>
      <c r="EIS149" s="35"/>
      <c r="EIT149" s="35"/>
      <c r="EIU149" s="35"/>
      <c r="EIV149" s="35"/>
      <c r="EIW149" s="35"/>
      <c r="EIX149" s="35"/>
      <c r="EIY149" s="35"/>
      <c r="EIZ149" s="35"/>
      <c r="EJA149" s="35"/>
      <c r="EJB149" s="35"/>
      <c r="EJC149" s="35"/>
      <c r="EJD149" s="35"/>
      <c r="EJE149" s="35"/>
      <c r="EJF149" s="35"/>
      <c r="EJG149" s="35"/>
      <c r="EJH149" s="35"/>
      <c r="EJI149" s="35"/>
      <c r="EJJ149" s="35"/>
      <c r="EJK149" s="35"/>
      <c r="EJL149" s="35"/>
      <c r="EJM149" s="35"/>
      <c r="EJN149" s="35"/>
      <c r="EJO149" s="35"/>
      <c r="EJP149" s="35"/>
      <c r="EJQ149" s="35"/>
      <c r="EJR149" s="35"/>
      <c r="EJS149" s="35"/>
      <c r="EJT149" s="35"/>
      <c r="EJU149" s="35"/>
      <c r="EJV149" s="35"/>
      <c r="EJW149" s="35"/>
      <c r="EJX149" s="35"/>
      <c r="EJY149" s="35"/>
      <c r="EJZ149" s="35"/>
      <c r="EKA149" s="35"/>
      <c r="EKB149" s="35"/>
      <c r="EKC149" s="35"/>
      <c r="EKD149" s="35"/>
      <c r="EKE149" s="35"/>
      <c r="EKF149" s="35"/>
      <c r="EKG149" s="35"/>
      <c r="EKH149" s="35"/>
      <c r="EKI149" s="35"/>
      <c r="EKJ149" s="35"/>
      <c r="EKK149" s="35"/>
      <c r="EKL149" s="35"/>
      <c r="EKM149" s="35"/>
      <c r="EKN149" s="35"/>
      <c r="EKO149" s="35"/>
      <c r="EKP149" s="35"/>
      <c r="EKQ149" s="35"/>
      <c r="EKR149" s="35"/>
      <c r="EKS149" s="35"/>
      <c r="EKT149" s="35"/>
      <c r="EKU149" s="35"/>
      <c r="EKV149" s="35"/>
      <c r="EKW149" s="35"/>
      <c r="EKX149" s="35"/>
      <c r="EKY149" s="35"/>
      <c r="EKZ149" s="35"/>
      <c r="ELA149" s="35"/>
      <c r="ELB149" s="35"/>
      <c r="ELC149" s="35"/>
      <c r="ELD149" s="35"/>
      <c r="ELE149" s="35"/>
      <c r="ELF149" s="35"/>
      <c r="ELG149" s="35"/>
      <c r="ELH149" s="35"/>
      <c r="ELI149" s="35"/>
      <c r="ELJ149" s="35"/>
      <c r="ELK149" s="35"/>
      <c r="ELL149" s="35"/>
      <c r="ELM149" s="35"/>
      <c r="ELN149" s="35"/>
      <c r="ELO149" s="35"/>
      <c r="ELP149" s="35"/>
      <c r="ELQ149" s="35"/>
      <c r="ELR149" s="35"/>
      <c r="ELS149" s="35"/>
      <c r="ELT149" s="35"/>
      <c r="ELU149" s="35"/>
      <c r="ELV149" s="35"/>
      <c r="ELW149" s="35"/>
      <c r="ELX149" s="35"/>
      <c r="ELY149" s="35"/>
      <c r="ELZ149" s="35"/>
      <c r="EMA149" s="35"/>
      <c r="EMB149" s="35"/>
      <c r="EMC149" s="35"/>
      <c r="EMD149" s="35"/>
      <c r="EME149" s="35"/>
      <c r="EMF149" s="35"/>
      <c r="EMG149" s="35"/>
      <c r="EMH149" s="35"/>
      <c r="EMI149" s="35"/>
      <c r="EMJ149" s="35"/>
      <c r="EMK149" s="35"/>
      <c r="EML149" s="35"/>
      <c r="EMM149" s="35"/>
      <c r="EMN149" s="35"/>
      <c r="EMO149" s="35"/>
      <c r="EMP149" s="35"/>
      <c r="EMQ149" s="35"/>
      <c r="EMR149" s="35"/>
      <c r="EMS149" s="35"/>
      <c r="EMT149" s="35"/>
      <c r="EMU149" s="35"/>
      <c r="EMV149" s="35"/>
      <c r="EMW149" s="35"/>
      <c r="EMX149" s="35"/>
      <c r="EMY149" s="35"/>
      <c r="EMZ149" s="35"/>
      <c r="ENA149" s="35"/>
      <c r="ENB149" s="35"/>
      <c r="ENC149" s="35"/>
      <c r="END149" s="35"/>
      <c r="ENE149" s="35"/>
      <c r="ENF149" s="35"/>
      <c r="ENG149" s="35"/>
      <c r="ENH149" s="35"/>
      <c r="ENI149" s="35"/>
      <c r="ENJ149" s="35"/>
      <c r="ENK149" s="35"/>
      <c r="ENL149" s="35"/>
      <c r="ENM149" s="35"/>
      <c r="ENN149" s="35"/>
      <c r="ENO149" s="35"/>
      <c r="ENP149" s="35"/>
      <c r="ENQ149" s="35"/>
      <c r="ENR149" s="35"/>
      <c r="ENS149" s="35"/>
      <c r="ENT149" s="35"/>
      <c r="ENU149" s="35"/>
      <c r="ENV149" s="35"/>
      <c r="ENW149" s="35"/>
      <c r="ENX149" s="35"/>
      <c r="ENY149" s="35"/>
      <c r="ENZ149" s="35"/>
      <c r="EOA149" s="35"/>
      <c r="EOB149" s="35"/>
      <c r="EOC149" s="35"/>
      <c r="EOD149" s="35"/>
      <c r="EOE149" s="35"/>
      <c r="EOF149" s="35"/>
      <c r="EOG149" s="35"/>
      <c r="EOH149" s="35"/>
      <c r="EOI149" s="35"/>
      <c r="EOJ149" s="35"/>
      <c r="EOK149" s="35"/>
      <c r="EOL149" s="35"/>
      <c r="EOM149" s="35"/>
      <c r="EON149" s="35"/>
      <c r="EOO149" s="35"/>
      <c r="EOP149" s="35"/>
      <c r="EOQ149" s="35"/>
      <c r="EOR149" s="35"/>
      <c r="EOS149" s="35"/>
      <c r="EOT149" s="35"/>
      <c r="EOU149" s="35"/>
      <c r="EOV149" s="35"/>
      <c r="EOW149" s="35"/>
      <c r="EOX149" s="35"/>
      <c r="EOY149" s="35"/>
      <c r="EOZ149" s="35"/>
      <c r="EPA149" s="35"/>
      <c r="EPB149" s="35"/>
      <c r="EPC149" s="35"/>
      <c r="EPD149" s="35"/>
      <c r="EPE149" s="35"/>
      <c r="EPF149" s="35"/>
      <c r="EPG149" s="35"/>
      <c r="EPH149" s="35"/>
      <c r="EPI149" s="35"/>
      <c r="EPJ149" s="35"/>
      <c r="EPK149" s="35"/>
      <c r="EPL149" s="35"/>
      <c r="EPM149" s="35"/>
      <c r="EPN149" s="35"/>
      <c r="EPO149" s="35"/>
      <c r="EPP149" s="35"/>
      <c r="EPQ149" s="35"/>
      <c r="EPR149" s="35"/>
      <c r="EPS149" s="35"/>
      <c r="EPT149" s="35"/>
      <c r="EPU149" s="35"/>
      <c r="EPV149" s="35"/>
      <c r="EPW149" s="35"/>
      <c r="EPX149" s="35"/>
      <c r="EPY149" s="35"/>
      <c r="EPZ149" s="35"/>
      <c r="EQA149" s="35"/>
      <c r="EQB149" s="35"/>
      <c r="EQC149" s="35"/>
      <c r="EQD149" s="35"/>
      <c r="EQE149" s="35"/>
      <c r="EQF149" s="35"/>
      <c r="EQG149" s="35"/>
      <c r="EQH149" s="35"/>
      <c r="EQI149" s="35"/>
      <c r="EQJ149" s="35"/>
      <c r="EQK149" s="35"/>
      <c r="EQL149" s="35"/>
      <c r="EQM149" s="35"/>
      <c r="EQN149" s="35"/>
      <c r="EQO149" s="35"/>
      <c r="EQP149" s="35"/>
      <c r="EQQ149" s="35"/>
      <c r="EQR149" s="35"/>
      <c r="EQS149" s="35"/>
      <c r="EQT149" s="35"/>
      <c r="EQU149" s="35"/>
      <c r="EQV149" s="35"/>
      <c r="EQW149" s="35"/>
      <c r="EQX149" s="35"/>
      <c r="EQY149" s="35"/>
      <c r="EQZ149" s="35"/>
      <c r="ERA149" s="35"/>
      <c r="ERB149" s="35"/>
      <c r="ERC149" s="35"/>
      <c r="ERD149" s="35"/>
      <c r="ERE149" s="35"/>
      <c r="ERF149" s="35"/>
      <c r="ERG149" s="35"/>
      <c r="ERH149" s="35"/>
      <c r="ERI149" s="35"/>
      <c r="ERJ149" s="35"/>
      <c r="ERK149" s="35"/>
      <c r="ERL149" s="35"/>
      <c r="ERM149" s="35"/>
      <c r="ERN149" s="35"/>
      <c r="ERO149" s="35"/>
      <c r="ERP149" s="35"/>
      <c r="ERQ149" s="35"/>
      <c r="ERR149" s="35"/>
      <c r="ERS149" s="35"/>
      <c r="ERT149" s="35"/>
      <c r="ERU149" s="35"/>
      <c r="ERV149" s="35"/>
      <c r="ERW149" s="35"/>
      <c r="ERX149" s="35"/>
      <c r="ERY149" s="35"/>
      <c r="ERZ149" s="35"/>
      <c r="ESA149" s="35"/>
      <c r="ESB149" s="35"/>
      <c r="ESC149" s="35"/>
      <c r="ESD149" s="35"/>
      <c r="ESE149" s="35"/>
      <c r="ESF149" s="35"/>
      <c r="ESG149" s="35"/>
      <c r="ESH149" s="35"/>
      <c r="ESI149" s="35"/>
      <c r="ESJ149" s="35"/>
      <c r="ESK149" s="35"/>
      <c r="ESL149" s="35"/>
      <c r="ESM149" s="35"/>
      <c r="ESN149" s="35"/>
      <c r="ESO149" s="35"/>
      <c r="ESP149" s="35"/>
      <c r="ESQ149" s="35"/>
      <c r="ESR149" s="35"/>
      <c r="ESS149" s="35"/>
      <c r="EST149" s="35"/>
      <c r="ESU149" s="35"/>
      <c r="ESV149" s="35"/>
      <c r="ESW149" s="35"/>
      <c r="ESX149" s="35"/>
      <c r="ESY149" s="35"/>
      <c r="ESZ149" s="35"/>
      <c r="ETA149" s="35"/>
      <c r="ETB149" s="35"/>
      <c r="ETC149" s="35"/>
      <c r="ETD149" s="35"/>
      <c r="ETE149" s="35"/>
      <c r="ETF149" s="35"/>
      <c r="ETG149" s="35"/>
      <c r="ETH149" s="35"/>
      <c r="ETI149" s="35"/>
      <c r="ETJ149" s="35"/>
      <c r="ETK149" s="35"/>
      <c r="ETL149" s="35"/>
      <c r="ETM149" s="35"/>
      <c r="ETN149" s="35"/>
      <c r="ETO149" s="35"/>
      <c r="ETP149" s="35"/>
      <c r="ETQ149" s="35"/>
      <c r="ETR149" s="35"/>
      <c r="ETS149" s="35"/>
      <c r="ETT149" s="35"/>
      <c r="ETU149" s="35"/>
      <c r="ETV149" s="35"/>
      <c r="ETW149" s="35"/>
      <c r="ETX149" s="35"/>
      <c r="ETY149" s="35"/>
      <c r="ETZ149" s="35"/>
      <c r="EUA149" s="35"/>
      <c r="EUB149" s="35"/>
      <c r="EUC149" s="35"/>
      <c r="EUD149" s="35"/>
      <c r="EUE149" s="35"/>
      <c r="EUF149" s="35"/>
      <c r="EUG149" s="35"/>
      <c r="EUH149" s="35"/>
      <c r="EUI149" s="35"/>
      <c r="EUJ149" s="35"/>
      <c r="EUK149" s="35"/>
      <c r="EUL149" s="35"/>
      <c r="EUM149" s="35"/>
      <c r="EUN149" s="35"/>
      <c r="EUO149" s="35"/>
      <c r="EUP149" s="35"/>
      <c r="EUQ149" s="35"/>
      <c r="EUR149" s="35"/>
      <c r="EUS149" s="35"/>
      <c r="EUT149" s="35"/>
      <c r="EUU149" s="35"/>
      <c r="EUV149" s="35"/>
      <c r="EUW149" s="35"/>
      <c r="EUX149" s="35"/>
      <c r="EUY149" s="35"/>
      <c r="EUZ149" s="35"/>
      <c r="EVA149" s="35"/>
      <c r="EVB149" s="35"/>
      <c r="EVC149" s="35"/>
      <c r="EVD149" s="35"/>
      <c r="EVE149" s="35"/>
      <c r="EVF149" s="35"/>
      <c r="EVG149" s="35"/>
      <c r="EVH149" s="35"/>
      <c r="EVI149" s="35"/>
      <c r="EVJ149" s="35"/>
      <c r="EVK149" s="35"/>
      <c r="EVL149" s="35"/>
      <c r="EVM149" s="35"/>
      <c r="EVN149" s="35"/>
      <c r="EVO149" s="35"/>
      <c r="EVP149" s="35"/>
      <c r="EVQ149" s="35"/>
      <c r="EVR149" s="35"/>
      <c r="EVS149" s="35"/>
      <c r="EVT149" s="35"/>
      <c r="EVU149" s="35"/>
      <c r="EVV149" s="35"/>
      <c r="EVW149" s="35"/>
      <c r="EVX149" s="35"/>
      <c r="EVY149" s="35"/>
      <c r="EVZ149" s="35"/>
      <c r="EWA149" s="35"/>
      <c r="EWB149" s="35"/>
      <c r="EWC149" s="35"/>
      <c r="EWD149" s="35"/>
      <c r="EWE149" s="35"/>
      <c r="EWF149" s="35"/>
      <c r="EWG149" s="35"/>
      <c r="EWH149" s="35"/>
      <c r="EWI149" s="35"/>
      <c r="EWJ149" s="35"/>
      <c r="EWK149" s="35"/>
      <c r="EWL149" s="35"/>
      <c r="EWM149" s="35"/>
      <c r="EWN149" s="35"/>
      <c r="EWO149" s="35"/>
      <c r="EWP149" s="35"/>
      <c r="EWQ149" s="35"/>
      <c r="EWR149" s="35"/>
      <c r="EWS149" s="35"/>
      <c r="EWT149" s="35"/>
      <c r="EWU149" s="35"/>
      <c r="EWV149" s="35"/>
      <c r="EWW149" s="35"/>
      <c r="EWX149" s="35"/>
      <c r="EWY149" s="35"/>
      <c r="EWZ149" s="35"/>
      <c r="EXA149" s="35"/>
      <c r="EXB149" s="35"/>
      <c r="EXC149" s="35"/>
      <c r="EXD149" s="35"/>
      <c r="EXE149" s="35"/>
      <c r="EXF149" s="35"/>
      <c r="EXG149" s="35"/>
      <c r="EXH149" s="35"/>
      <c r="EXI149" s="35"/>
      <c r="EXJ149" s="35"/>
      <c r="EXK149" s="35"/>
      <c r="EXL149" s="35"/>
      <c r="EXM149" s="35"/>
      <c r="EXN149" s="35"/>
      <c r="EXO149" s="35"/>
      <c r="EXP149" s="35"/>
      <c r="EXQ149" s="35"/>
      <c r="EXR149" s="35"/>
      <c r="EXS149" s="35"/>
      <c r="EXT149" s="35"/>
      <c r="EXU149" s="35"/>
      <c r="EXV149" s="35"/>
      <c r="EXW149" s="35"/>
      <c r="EXX149" s="35"/>
      <c r="EXY149" s="35"/>
      <c r="EXZ149" s="35"/>
      <c r="EYA149" s="35"/>
      <c r="EYB149" s="35"/>
      <c r="EYC149" s="35"/>
      <c r="EYD149" s="35"/>
      <c r="EYE149" s="35"/>
      <c r="EYF149" s="35"/>
      <c r="EYG149" s="35"/>
      <c r="EYH149" s="35"/>
      <c r="EYI149" s="35"/>
      <c r="EYJ149" s="35"/>
      <c r="EYK149" s="35"/>
      <c r="EYL149" s="35"/>
      <c r="EYM149" s="35"/>
      <c r="EYN149" s="35"/>
      <c r="EYO149" s="35"/>
      <c r="EYP149" s="35"/>
      <c r="EYQ149" s="35"/>
      <c r="EYR149" s="35"/>
      <c r="EYS149" s="35"/>
      <c r="EYT149" s="35"/>
      <c r="EYU149" s="35"/>
      <c r="EYV149" s="35"/>
      <c r="EYW149" s="35"/>
      <c r="EYX149" s="35"/>
      <c r="EYY149" s="35"/>
      <c r="EYZ149" s="35"/>
      <c r="EZA149" s="35"/>
      <c r="EZB149" s="35"/>
      <c r="EZC149" s="35"/>
      <c r="EZD149" s="35"/>
      <c r="EZE149" s="35"/>
      <c r="EZF149" s="35"/>
      <c r="EZG149" s="35"/>
      <c r="EZH149" s="35"/>
      <c r="EZI149" s="35"/>
      <c r="EZJ149" s="35"/>
      <c r="EZK149" s="35"/>
      <c r="EZL149" s="35"/>
      <c r="EZM149" s="35"/>
      <c r="EZN149" s="35"/>
      <c r="EZO149" s="35"/>
      <c r="EZP149" s="35"/>
      <c r="EZQ149" s="35"/>
      <c r="EZR149" s="35"/>
      <c r="EZS149" s="35"/>
      <c r="EZT149" s="35"/>
      <c r="EZU149" s="35"/>
      <c r="EZV149" s="35"/>
      <c r="EZW149" s="35"/>
      <c r="EZX149" s="35"/>
      <c r="EZY149" s="35"/>
      <c r="EZZ149" s="35"/>
      <c r="FAA149" s="35"/>
      <c r="FAB149" s="35"/>
      <c r="FAC149" s="35"/>
      <c r="FAD149" s="35"/>
      <c r="FAE149" s="35"/>
      <c r="FAF149" s="35"/>
      <c r="FAG149" s="35"/>
      <c r="FAH149" s="35"/>
      <c r="FAI149" s="35"/>
      <c r="FAJ149" s="35"/>
      <c r="FAK149" s="35"/>
      <c r="FAL149" s="35"/>
      <c r="FAM149" s="35"/>
      <c r="FAN149" s="35"/>
      <c r="FAO149" s="35"/>
      <c r="FAP149" s="35"/>
      <c r="FAQ149" s="35"/>
      <c r="FAR149" s="35"/>
      <c r="FAS149" s="35"/>
      <c r="FAT149" s="35"/>
      <c r="FAU149" s="35"/>
      <c r="FAV149" s="35"/>
      <c r="FAW149" s="35"/>
      <c r="FAX149" s="35"/>
      <c r="FAY149" s="35"/>
      <c r="FAZ149" s="35"/>
      <c r="FBA149" s="35"/>
      <c r="FBB149" s="35"/>
      <c r="FBC149" s="35"/>
      <c r="FBD149" s="35"/>
      <c r="FBE149" s="35"/>
      <c r="FBF149" s="35"/>
      <c r="FBG149" s="35"/>
      <c r="FBH149" s="35"/>
      <c r="FBI149" s="35"/>
      <c r="FBJ149" s="35"/>
      <c r="FBK149" s="35"/>
      <c r="FBL149" s="35"/>
      <c r="FBM149" s="35"/>
      <c r="FBN149" s="35"/>
      <c r="FBO149" s="35"/>
      <c r="FBP149" s="35"/>
      <c r="FBQ149" s="35"/>
      <c r="FBR149" s="35"/>
      <c r="FBS149" s="35"/>
      <c r="FBT149" s="35"/>
      <c r="FBU149" s="35"/>
      <c r="FBV149" s="35"/>
      <c r="FBW149" s="35"/>
      <c r="FBX149" s="35"/>
      <c r="FBY149" s="35"/>
      <c r="FBZ149" s="35"/>
      <c r="FCA149" s="35"/>
      <c r="FCB149" s="35"/>
      <c r="FCC149" s="35"/>
      <c r="FCD149" s="35"/>
      <c r="FCE149" s="35"/>
      <c r="FCF149" s="35"/>
      <c r="FCG149" s="35"/>
      <c r="FCH149" s="35"/>
      <c r="FCI149" s="35"/>
      <c r="FCJ149" s="35"/>
      <c r="FCK149" s="35"/>
      <c r="FCL149" s="35"/>
      <c r="FCM149" s="35"/>
      <c r="FCN149" s="35"/>
      <c r="FCO149" s="35"/>
      <c r="FCP149" s="35"/>
      <c r="FCQ149" s="35"/>
      <c r="FCR149" s="35"/>
      <c r="FCS149" s="35"/>
      <c r="FCT149" s="35"/>
      <c r="FCU149" s="35"/>
      <c r="FCV149" s="35"/>
      <c r="FCW149" s="35"/>
      <c r="FCX149" s="35"/>
      <c r="FCY149" s="35"/>
      <c r="FCZ149" s="35"/>
      <c r="FDA149" s="35"/>
      <c r="FDB149" s="35"/>
      <c r="FDC149" s="35"/>
      <c r="FDD149" s="35"/>
      <c r="FDE149" s="35"/>
      <c r="FDF149" s="35"/>
      <c r="FDG149" s="35"/>
      <c r="FDH149" s="35"/>
      <c r="FDI149" s="35"/>
      <c r="FDJ149" s="35"/>
      <c r="FDK149" s="35"/>
      <c r="FDL149" s="35"/>
      <c r="FDM149" s="35"/>
      <c r="FDN149" s="35"/>
      <c r="FDO149" s="35"/>
      <c r="FDP149" s="35"/>
      <c r="FDQ149" s="35"/>
      <c r="FDR149" s="35"/>
      <c r="FDS149" s="35"/>
      <c r="FDT149" s="35"/>
      <c r="FDU149" s="35"/>
      <c r="FDV149" s="35"/>
      <c r="FDW149" s="35"/>
      <c r="FDX149" s="35"/>
      <c r="FDY149" s="35"/>
      <c r="FDZ149" s="35"/>
      <c r="FEA149" s="35"/>
      <c r="FEB149" s="35"/>
      <c r="FEC149" s="35"/>
      <c r="FED149" s="35"/>
      <c r="FEE149" s="35"/>
      <c r="FEF149" s="35"/>
      <c r="FEG149" s="35"/>
      <c r="FEH149" s="35"/>
      <c r="FEI149" s="35"/>
      <c r="FEJ149" s="35"/>
      <c r="FEK149" s="35"/>
      <c r="FEL149" s="35"/>
      <c r="FEM149" s="35"/>
      <c r="FEN149" s="35"/>
      <c r="FEO149" s="35"/>
      <c r="FEP149" s="35"/>
      <c r="FEQ149" s="35"/>
      <c r="FER149" s="35"/>
      <c r="FES149" s="35"/>
      <c r="FET149" s="35"/>
      <c r="FEU149" s="35"/>
      <c r="FEV149" s="35"/>
      <c r="FEW149" s="35"/>
      <c r="FEX149" s="35"/>
      <c r="FEY149" s="35"/>
      <c r="FEZ149" s="35"/>
      <c r="FFA149" s="35"/>
      <c r="FFB149" s="35"/>
      <c r="FFC149" s="35"/>
      <c r="FFD149" s="35"/>
      <c r="FFE149" s="35"/>
      <c r="FFF149" s="35"/>
      <c r="FFG149" s="35"/>
      <c r="FFH149" s="35"/>
      <c r="FFI149" s="35"/>
      <c r="FFJ149" s="35"/>
      <c r="FFK149" s="35"/>
      <c r="FFL149" s="35"/>
      <c r="FFM149" s="35"/>
      <c r="FFN149" s="35"/>
      <c r="FFO149" s="35"/>
      <c r="FFP149" s="35"/>
      <c r="FFQ149" s="35"/>
      <c r="FFR149" s="35"/>
      <c r="FFS149" s="35"/>
      <c r="FFT149" s="35"/>
      <c r="FFU149" s="35"/>
      <c r="FFV149" s="35"/>
      <c r="FFW149" s="35"/>
      <c r="FFX149" s="35"/>
      <c r="FFY149" s="35"/>
      <c r="FFZ149" s="35"/>
      <c r="FGA149" s="35"/>
      <c r="FGB149" s="35"/>
      <c r="FGC149" s="35"/>
      <c r="FGD149" s="35"/>
      <c r="FGE149" s="35"/>
      <c r="FGF149" s="35"/>
      <c r="FGG149" s="35"/>
      <c r="FGH149" s="35"/>
      <c r="FGI149" s="35"/>
      <c r="FGJ149" s="35"/>
      <c r="FGK149" s="35"/>
      <c r="FGL149" s="35"/>
      <c r="FGM149" s="35"/>
      <c r="FGN149" s="35"/>
      <c r="FGO149" s="35"/>
      <c r="FGP149" s="35"/>
      <c r="FGQ149" s="35"/>
      <c r="FGR149" s="35"/>
      <c r="FGS149" s="35"/>
      <c r="FGT149" s="35"/>
      <c r="FGU149" s="35"/>
      <c r="FGV149" s="35"/>
      <c r="FGW149" s="35"/>
      <c r="FGX149" s="35"/>
      <c r="FGY149" s="35"/>
      <c r="FGZ149" s="35"/>
      <c r="FHA149" s="35"/>
      <c r="FHB149" s="35"/>
      <c r="FHC149" s="35"/>
      <c r="FHD149" s="35"/>
      <c r="FHE149" s="35"/>
      <c r="FHF149" s="35"/>
      <c r="FHG149" s="35"/>
      <c r="FHH149" s="35"/>
      <c r="FHI149" s="35"/>
      <c r="FHJ149" s="35"/>
      <c r="FHK149" s="35"/>
      <c r="FHL149" s="35"/>
      <c r="FHM149" s="35"/>
      <c r="FHN149" s="35"/>
      <c r="FHO149" s="35"/>
      <c r="FHP149" s="35"/>
      <c r="FHQ149" s="35"/>
      <c r="FHR149" s="35"/>
      <c r="FHS149" s="35"/>
      <c r="FHT149" s="35"/>
      <c r="FHU149" s="35"/>
      <c r="FHV149" s="35"/>
      <c r="FHW149" s="35"/>
      <c r="FHX149" s="35"/>
      <c r="FHY149" s="35"/>
      <c r="FHZ149" s="35"/>
      <c r="FIA149" s="35"/>
      <c r="FIB149" s="35"/>
      <c r="FIC149" s="35"/>
      <c r="FID149" s="35"/>
      <c r="FIE149" s="35"/>
      <c r="FIF149" s="35"/>
      <c r="FIG149" s="35"/>
      <c r="FIH149" s="35"/>
      <c r="FII149" s="35"/>
      <c r="FIJ149" s="35"/>
      <c r="FIK149" s="35"/>
      <c r="FIL149" s="35"/>
      <c r="FIM149" s="35"/>
      <c r="FIN149" s="35"/>
      <c r="FIO149" s="35"/>
      <c r="FIP149" s="35"/>
      <c r="FIQ149" s="35"/>
      <c r="FIR149" s="35"/>
      <c r="FIS149" s="35"/>
      <c r="FIT149" s="35"/>
      <c r="FIU149" s="35"/>
      <c r="FIV149" s="35"/>
      <c r="FIW149" s="35"/>
      <c r="FIX149" s="35"/>
      <c r="FIY149" s="35"/>
      <c r="FIZ149" s="35"/>
      <c r="FJA149" s="35"/>
      <c r="FJB149" s="35"/>
      <c r="FJC149" s="35"/>
      <c r="FJD149" s="35"/>
      <c r="FJE149" s="35"/>
      <c r="FJF149" s="35"/>
      <c r="FJG149" s="35"/>
      <c r="FJH149" s="35"/>
      <c r="FJI149" s="35"/>
      <c r="FJJ149" s="35"/>
      <c r="FJK149" s="35"/>
      <c r="FJL149" s="35"/>
      <c r="FJM149" s="35"/>
      <c r="FJN149" s="35"/>
      <c r="FJO149" s="35"/>
      <c r="FJP149" s="35"/>
      <c r="FJQ149" s="35"/>
      <c r="FJR149" s="35"/>
      <c r="FJS149" s="35"/>
      <c r="FJT149" s="35"/>
      <c r="FJU149" s="35"/>
      <c r="FJV149" s="35"/>
      <c r="FJW149" s="35"/>
      <c r="FJX149" s="35"/>
      <c r="FJY149" s="35"/>
      <c r="FJZ149" s="35"/>
      <c r="FKA149" s="35"/>
      <c r="FKB149" s="35"/>
      <c r="FKC149" s="35"/>
      <c r="FKD149" s="35"/>
      <c r="FKE149" s="35"/>
      <c r="FKF149" s="35"/>
      <c r="FKG149" s="35"/>
      <c r="FKH149" s="35"/>
      <c r="FKI149" s="35"/>
      <c r="FKJ149" s="35"/>
      <c r="FKK149" s="35"/>
      <c r="FKL149" s="35"/>
      <c r="FKM149" s="35"/>
      <c r="FKN149" s="35"/>
      <c r="FKO149" s="35"/>
      <c r="FKP149" s="35"/>
      <c r="FKQ149" s="35"/>
      <c r="FKR149" s="35"/>
      <c r="FKS149" s="35"/>
      <c r="FKT149" s="35"/>
      <c r="FKU149" s="35"/>
      <c r="FKV149" s="35"/>
      <c r="FKW149" s="35"/>
      <c r="FKX149" s="35"/>
      <c r="FKY149" s="35"/>
      <c r="FKZ149" s="35"/>
      <c r="FLA149" s="35"/>
      <c r="FLB149" s="35"/>
      <c r="FLC149" s="35"/>
      <c r="FLD149" s="35"/>
      <c r="FLE149" s="35"/>
      <c r="FLF149" s="35"/>
      <c r="FLG149" s="35"/>
      <c r="FLH149" s="35"/>
      <c r="FLI149" s="35"/>
      <c r="FLJ149" s="35"/>
      <c r="FLK149" s="35"/>
      <c r="FLL149" s="35"/>
      <c r="FLM149" s="35"/>
      <c r="FLN149" s="35"/>
      <c r="FLO149" s="35"/>
      <c r="FLP149" s="35"/>
      <c r="FLQ149" s="35"/>
      <c r="FLR149" s="35"/>
      <c r="FLS149" s="35"/>
      <c r="FLT149" s="35"/>
      <c r="FLU149" s="35"/>
      <c r="FLV149" s="35"/>
      <c r="FLW149" s="35"/>
      <c r="FLX149" s="35"/>
      <c r="FLY149" s="35"/>
      <c r="FLZ149" s="35"/>
      <c r="FMA149" s="35"/>
      <c r="FMB149" s="35"/>
      <c r="FMC149" s="35"/>
      <c r="FMD149" s="35"/>
      <c r="FME149" s="35"/>
      <c r="FMF149" s="35"/>
      <c r="FMG149" s="35"/>
      <c r="FMH149" s="35"/>
      <c r="FMI149" s="35"/>
      <c r="FMJ149" s="35"/>
      <c r="FMK149" s="35"/>
      <c r="FML149" s="35"/>
      <c r="FMM149" s="35"/>
      <c r="FMN149" s="35"/>
      <c r="FMO149" s="35"/>
      <c r="FMP149" s="35"/>
      <c r="FMQ149" s="35"/>
      <c r="FMR149" s="35"/>
      <c r="FMS149" s="35"/>
      <c r="FMT149" s="35"/>
      <c r="FMU149" s="35"/>
      <c r="FMV149" s="35"/>
      <c r="FMW149" s="35"/>
      <c r="FMX149" s="35"/>
      <c r="FMY149" s="35"/>
      <c r="FMZ149" s="35"/>
      <c r="FNA149" s="35"/>
      <c r="FNB149" s="35"/>
      <c r="FNC149" s="35"/>
      <c r="FND149" s="35"/>
      <c r="FNE149" s="35"/>
      <c r="FNF149" s="35"/>
      <c r="FNG149" s="35"/>
      <c r="FNH149" s="35"/>
      <c r="FNI149" s="35"/>
      <c r="FNJ149" s="35"/>
      <c r="FNK149" s="35"/>
      <c r="FNL149" s="35"/>
      <c r="FNM149" s="35"/>
      <c r="FNN149" s="35"/>
      <c r="FNO149" s="35"/>
      <c r="FNP149" s="35"/>
      <c r="FNQ149" s="35"/>
      <c r="FNR149" s="35"/>
      <c r="FNS149" s="35"/>
      <c r="FNT149" s="35"/>
      <c r="FNU149" s="35"/>
      <c r="FNV149" s="35"/>
      <c r="FNW149" s="35"/>
      <c r="FNX149" s="35"/>
      <c r="FNY149" s="35"/>
      <c r="FNZ149" s="35"/>
      <c r="FOA149" s="35"/>
      <c r="FOB149" s="35"/>
      <c r="FOC149" s="35"/>
      <c r="FOD149" s="35"/>
      <c r="FOE149" s="35"/>
      <c r="FOF149" s="35"/>
      <c r="FOG149" s="35"/>
      <c r="FOH149" s="35"/>
      <c r="FOI149" s="35"/>
      <c r="FOJ149" s="35"/>
      <c r="FOK149" s="35"/>
      <c r="FOL149" s="35"/>
      <c r="FOM149" s="35"/>
      <c r="FON149" s="35"/>
      <c r="FOO149" s="35"/>
      <c r="FOP149" s="35"/>
      <c r="FOQ149" s="35"/>
      <c r="FOR149" s="35"/>
      <c r="FOS149" s="35"/>
      <c r="FOT149" s="35"/>
      <c r="FOU149" s="35"/>
      <c r="FOV149" s="35"/>
      <c r="FOW149" s="35"/>
      <c r="FOX149" s="35"/>
      <c r="FOY149" s="35"/>
      <c r="FOZ149" s="35"/>
      <c r="FPA149" s="35"/>
      <c r="FPB149" s="35"/>
      <c r="FPC149" s="35"/>
      <c r="FPD149" s="35"/>
      <c r="FPE149" s="35"/>
      <c r="FPF149" s="35"/>
      <c r="FPG149" s="35"/>
      <c r="FPH149" s="35"/>
      <c r="FPI149" s="35"/>
      <c r="FPJ149" s="35"/>
      <c r="FPK149" s="35"/>
      <c r="FPL149" s="35"/>
      <c r="FPM149" s="35"/>
      <c r="FPN149" s="35"/>
      <c r="FPO149" s="35"/>
      <c r="FPP149" s="35"/>
      <c r="FPQ149" s="35"/>
      <c r="FPR149" s="35"/>
      <c r="FPS149" s="35"/>
      <c r="FPT149" s="35"/>
      <c r="FPU149" s="35"/>
      <c r="FPV149" s="35"/>
      <c r="FPW149" s="35"/>
      <c r="FPX149" s="35"/>
      <c r="FPY149" s="35"/>
      <c r="FPZ149" s="35"/>
      <c r="FQA149" s="35"/>
      <c r="FQB149" s="35"/>
      <c r="FQC149" s="35"/>
      <c r="FQD149" s="35"/>
      <c r="FQE149" s="35"/>
      <c r="FQF149" s="35"/>
      <c r="FQG149" s="35"/>
      <c r="FQH149" s="35"/>
      <c r="FQI149" s="35"/>
      <c r="FQJ149" s="35"/>
      <c r="FQK149" s="35"/>
      <c r="FQL149" s="35"/>
      <c r="FQM149" s="35"/>
      <c r="FQN149" s="35"/>
      <c r="FQO149" s="35"/>
      <c r="FQP149" s="35"/>
      <c r="FQQ149" s="35"/>
      <c r="FQR149" s="35"/>
      <c r="FQS149" s="35"/>
      <c r="FQT149" s="35"/>
      <c r="FQU149" s="35"/>
      <c r="FQV149" s="35"/>
      <c r="FQW149" s="35"/>
      <c r="FQX149" s="35"/>
      <c r="FQY149" s="35"/>
      <c r="FQZ149" s="35"/>
      <c r="FRA149" s="35"/>
      <c r="FRB149" s="35"/>
      <c r="FRC149" s="35"/>
      <c r="FRD149" s="35"/>
      <c r="FRE149" s="35"/>
      <c r="FRF149" s="35"/>
      <c r="FRG149" s="35"/>
      <c r="FRH149" s="35"/>
      <c r="FRI149" s="35"/>
      <c r="FRJ149" s="35"/>
      <c r="FRK149" s="35"/>
      <c r="FRL149" s="35"/>
      <c r="FRM149" s="35"/>
      <c r="FRN149" s="35"/>
      <c r="FRO149" s="35"/>
      <c r="FRP149" s="35"/>
      <c r="FRQ149" s="35"/>
      <c r="FRR149" s="35"/>
      <c r="FRS149" s="35"/>
      <c r="FRT149" s="35"/>
      <c r="FRU149" s="35"/>
      <c r="FRV149" s="35"/>
      <c r="FRW149" s="35"/>
      <c r="FRX149" s="35"/>
      <c r="FRY149" s="35"/>
      <c r="FRZ149" s="35"/>
      <c r="FSA149" s="35"/>
      <c r="FSB149" s="35"/>
      <c r="FSC149" s="35"/>
      <c r="FSD149" s="35"/>
      <c r="FSE149" s="35"/>
      <c r="FSF149" s="35"/>
      <c r="FSG149" s="35"/>
      <c r="FSH149" s="35"/>
      <c r="FSI149" s="35"/>
      <c r="FSJ149" s="35"/>
      <c r="FSK149" s="35"/>
      <c r="FSL149" s="35"/>
      <c r="FSM149" s="35"/>
      <c r="FSN149" s="35"/>
      <c r="FSO149" s="35"/>
      <c r="FSP149" s="35"/>
      <c r="FSQ149" s="35"/>
      <c r="FSR149" s="35"/>
      <c r="FSS149" s="35"/>
      <c r="FST149" s="35"/>
      <c r="FSU149" s="35"/>
      <c r="FSV149" s="35"/>
      <c r="FSW149" s="35"/>
      <c r="FSX149" s="35"/>
      <c r="FSY149" s="35"/>
      <c r="FSZ149" s="35"/>
      <c r="FTA149" s="35"/>
      <c r="FTB149" s="35"/>
      <c r="FTC149" s="35"/>
      <c r="FTD149" s="35"/>
      <c r="FTE149" s="35"/>
      <c r="FTF149" s="35"/>
      <c r="FTG149" s="35"/>
      <c r="FTH149" s="35"/>
      <c r="FTI149" s="35"/>
      <c r="FTJ149" s="35"/>
      <c r="FTK149" s="35"/>
      <c r="FTL149" s="35"/>
      <c r="FTM149" s="35"/>
      <c r="FTN149" s="35"/>
      <c r="FTO149" s="35"/>
      <c r="FTP149" s="35"/>
      <c r="FTQ149" s="35"/>
      <c r="FTR149" s="35"/>
      <c r="FTS149" s="35"/>
      <c r="FTT149" s="35"/>
      <c r="FTU149" s="35"/>
      <c r="FTV149" s="35"/>
      <c r="FTW149" s="35"/>
      <c r="FTX149" s="35"/>
      <c r="FTY149" s="35"/>
      <c r="FTZ149" s="35"/>
      <c r="FUA149" s="35"/>
      <c r="FUB149" s="35"/>
      <c r="FUC149" s="35"/>
      <c r="FUD149" s="35"/>
      <c r="FUE149" s="35"/>
      <c r="FUF149" s="35"/>
      <c r="FUG149" s="35"/>
      <c r="FUH149" s="35"/>
      <c r="FUI149" s="35"/>
      <c r="FUJ149" s="35"/>
      <c r="FUK149" s="35"/>
      <c r="FUL149" s="35"/>
      <c r="FUM149" s="35"/>
      <c r="FUN149" s="35"/>
      <c r="FUO149" s="35"/>
      <c r="FUP149" s="35"/>
      <c r="FUQ149" s="35"/>
      <c r="FUR149" s="35"/>
      <c r="FUS149" s="35"/>
      <c r="FUT149" s="35"/>
      <c r="FUU149" s="35"/>
      <c r="FUV149" s="35"/>
      <c r="FUW149" s="35"/>
      <c r="FUX149" s="35"/>
      <c r="FUY149" s="35"/>
      <c r="FUZ149" s="35"/>
      <c r="FVA149" s="35"/>
      <c r="FVB149" s="35"/>
      <c r="FVC149" s="35"/>
      <c r="FVD149" s="35"/>
      <c r="FVE149" s="35"/>
      <c r="FVF149" s="35"/>
      <c r="FVG149" s="35"/>
      <c r="FVH149" s="35"/>
      <c r="FVI149" s="35"/>
      <c r="FVJ149" s="35"/>
      <c r="FVK149" s="35"/>
      <c r="FVL149" s="35"/>
      <c r="FVM149" s="35"/>
      <c r="FVN149" s="35"/>
      <c r="FVO149" s="35"/>
      <c r="FVP149" s="35"/>
      <c r="FVQ149" s="35"/>
      <c r="FVR149" s="35"/>
      <c r="FVS149" s="35"/>
      <c r="FVT149" s="35"/>
      <c r="FVU149" s="35"/>
      <c r="FVV149" s="35"/>
      <c r="FVW149" s="35"/>
      <c r="FVX149" s="35"/>
      <c r="FVY149" s="35"/>
      <c r="FVZ149" s="35"/>
      <c r="FWA149" s="35"/>
      <c r="FWB149" s="35"/>
      <c r="FWC149" s="35"/>
      <c r="FWD149" s="35"/>
      <c r="FWE149" s="35"/>
      <c r="FWF149" s="35"/>
      <c r="FWG149" s="35"/>
      <c r="FWH149" s="35"/>
      <c r="FWI149" s="35"/>
      <c r="FWJ149" s="35"/>
      <c r="FWK149" s="35"/>
      <c r="FWL149" s="35"/>
      <c r="FWM149" s="35"/>
      <c r="FWN149" s="35"/>
      <c r="FWO149" s="35"/>
      <c r="FWP149" s="35"/>
      <c r="FWQ149" s="35"/>
      <c r="FWR149" s="35"/>
      <c r="FWS149" s="35"/>
      <c r="FWT149" s="35"/>
      <c r="FWU149" s="35"/>
      <c r="FWV149" s="35"/>
      <c r="FWW149" s="35"/>
      <c r="FWX149" s="35"/>
      <c r="FWY149" s="35"/>
      <c r="FWZ149" s="35"/>
      <c r="FXA149" s="35"/>
      <c r="FXB149" s="35"/>
      <c r="FXC149" s="35"/>
      <c r="FXD149" s="35"/>
      <c r="FXE149" s="35"/>
      <c r="FXF149" s="35"/>
      <c r="FXG149" s="35"/>
      <c r="FXH149" s="35"/>
      <c r="FXI149" s="35"/>
      <c r="FXJ149" s="35"/>
      <c r="FXK149" s="35"/>
      <c r="FXL149" s="35"/>
      <c r="FXM149" s="35"/>
      <c r="FXN149" s="35"/>
      <c r="FXO149" s="35"/>
      <c r="FXP149" s="35"/>
      <c r="FXQ149" s="35"/>
      <c r="FXR149" s="35"/>
      <c r="FXS149" s="35"/>
      <c r="FXT149" s="35"/>
      <c r="FXU149" s="35"/>
      <c r="FXV149" s="35"/>
      <c r="FXW149" s="35"/>
      <c r="FXX149" s="35"/>
      <c r="FXY149" s="35"/>
      <c r="FXZ149" s="35"/>
      <c r="FYA149" s="35"/>
      <c r="FYB149" s="35"/>
      <c r="FYC149" s="35"/>
      <c r="FYD149" s="35"/>
      <c r="FYE149" s="35"/>
      <c r="FYF149" s="35"/>
      <c r="FYG149" s="35"/>
      <c r="FYH149" s="35"/>
      <c r="FYI149" s="35"/>
      <c r="FYJ149" s="35"/>
      <c r="FYK149" s="35"/>
      <c r="FYL149" s="35"/>
      <c r="FYM149" s="35"/>
      <c r="FYN149" s="35"/>
      <c r="FYO149" s="35"/>
      <c r="FYP149" s="35"/>
      <c r="FYQ149" s="35"/>
      <c r="FYR149" s="35"/>
      <c r="FYS149" s="35"/>
      <c r="FYT149" s="35"/>
      <c r="FYU149" s="35"/>
      <c r="FYV149" s="35"/>
      <c r="FYW149" s="35"/>
      <c r="FYX149" s="35"/>
      <c r="FYY149" s="35"/>
      <c r="FYZ149" s="35"/>
      <c r="FZA149" s="35"/>
      <c r="FZB149" s="35"/>
      <c r="FZC149" s="35"/>
      <c r="FZD149" s="35"/>
      <c r="FZE149" s="35"/>
      <c r="FZF149" s="35"/>
      <c r="FZG149" s="35"/>
      <c r="FZH149" s="35"/>
      <c r="FZI149" s="35"/>
      <c r="FZJ149" s="35"/>
      <c r="FZK149" s="35"/>
      <c r="FZL149" s="35"/>
      <c r="FZM149" s="35"/>
      <c r="FZN149" s="35"/>
      <c r="FZO149" s="35"/>
      <c r="FZP149" s="35"/>
      <c r="FZQ149" s="35"/>
      <c r="FZR149" s="35"/>
      <c r="FZS149" s="35"/>
      <c r="FZT149" s="35"/>
      <c r="FZU149" s="35"/>
      <c r="FZV149" s="35"/>
      <c r="FZW149" s="35"/>
      <c r="FZX149" s="35"/>
      <c r="FZY149" s="35"/>
      <c r="FZZ149" s="35"/>
      <c r="GAA149" s="35"/>
      <c r="GAB149" s="35"/>
      <c r="GAC149" s="35"/>
      <c r="GAD149" s="35"/>
      <c r="GAE149" s="35"/>
      <c r="GAF149" s="35"/>
      <c r="GAG149" s="35"/>
      <c r="GAH149" s="35"/>
      <c r="GAI149" s="35"/>
      <c r="GAJ149" s="35"/>
      <c r="GAK149" s="35"/>
      <c r="GAL149" s="35"/>
      <c r="GAM149" s="35"/>
      <c r="GAN149" s="35"/>
      <c r="GAO149" s="35"/>
      <c r="GAP149" s="35"/>
      <c r="GAQ149" s="35"/>
      <c r="GAR149" s="35"/>
      <c r="GAS149" s="35"/>
      <c r="GAT149" s="35"/>
      <c r="GAU149" s="35"/>
      <c r="GAV149" s="35"/>
      <c r="GAW149" s="35"/>
      <c r="GAX149" s="35"/>
      <c r="GAY149" s="35"/>
      <c r="GAZ149" s="35"/>
      <c r="GBA149" s="35"/>
      <c r="GBB149" s="35"/>
      <c r="GBC149" s="35"/>
      <c r="GBD149" s="35"/>
      <c r="GBE149" s="35"/>
      <c r="GBF149" s="35"/>
      <c r="GBG149" s="35"/>
      <c r="GBH149" s="35"/>
      <c r="GBI149" s="35"/>
      <c r="GBJ149" s="35"/>
      <c r="GBK149" s="35"/>
      <c r="GBL149" s="35"/>
      <c r="GBM149" s="35"/>
      <c r="GBN149" s="35"/>
      <c r="GBO149" s="35"/>
      <c r="GBP149" s="35"/>
      <c r="GBQ149" s="35"/>
      <c r="GBR149" s="35"/>
      <c r="GBS149" s="35"/>
      <c r="GBT149" s="35"/>
      <c r="GBU149" s="35"/>
      <c r="GBV149" s="35"/>
      <c r="GBW149" s="35"/>
      <c r="GBX149" s="35"/>
      <c r="GBY149" s="35"/>
      <c r="GBZ149" s="35"/>
      <c r="GCA149" s="35"/>
      <c r="GCB149" s="35"/>
      <c r="GCC149" s="35"/>
      <c r="GCD149" s="35"/>
      <c r="GCE149" s="35"/>
      <c r="GCF149" s="35"/>
      <c r="GCG149" s="35"/>
      <c r="GCH149" s="35"/>
      <c r="GCI149" s="35"/>
      <c r="GCJ149" s="35"/>
      <c r="GCK149" s="35"/>
      <c r="GCL149" s="35"/>
      <c r="GCM149" s="35"/>
      <c r="GCN149" s="35"/>
      <c r="GCO149" s="35"/>
      <c r="GCP149" s="35"/>
      <c r="GCQ149" s="35"/>
      <c r="GCR149" s="35"/>
      <c r="GCS149" s="35"/>
      <c r="GCT149" s="35"/>
      <c r="GCU149" s="35"/>
      <c r="GCV149" s="35"/>
      <c r="GCW149" s="35"/>
      <c r="GCX149" s="35"/>
      <c r="GCY149" s="35"/>
      <c r="GCZ149" s="35"/>
      <c r="GDA149" s="35"/>
      <c r="GDB149" s="35"/>
      <c r="GDC149" s="35"/>
      <c r="GDD149" s="35"/>
      <c r="GDE149" s="35"/>
      <c r="GDF149" s="35"/>
      <c r="GDG149" s="35"/>
      <c r="GDH149" s="35"/>
      <c r="GDI149" s="35"/>
      <c r="GDJ149" s="35"/>
      <c r="GDK149" s="35"/>
      <c r="GDL149" s="35"/>
      <c r="GDM149" s="35"/>
      <c r="GDN149" s="35"/>
      <c r="GDO149" s="35"/>
      <c r="GDP149" s="35"/>
      <c r="GDQ149" s="35"/>
      <c r="GDR149" s="35"/>
      <c r="GDS149" s="35"/>
      <c r="GDT149" s="35"/>
      <c r="GDU149" s="35"/>
      <c r="GDV149" s="35"/>
      <c r="GDW149" s="35"/>
      <c r="GDX149" s="35"/>
      <c r="GDY149" s="35"/>
      <c r="GDZ149" s="35"/>
      <c r="GEA149" s="35"/>
      <c r="GEB149" s="35"/>
      <c r="GEC149" s="35"/>
      <c r="GED149" s="35"/>
      <c r="GEE149" s="35"/>
      <c r="GEF149" s="35"/>
      <c r="GEG149" s="35"/>
      <c r="GEH149" s="35"/>
      <c r="GEI149" s="35"/>
      <c r="GEJ149" s="35"/>
      <c r="GEK149" s="35"/>
      <c r="GEL149" s="35"/>
      <c r="GEM149" s="35"/>
      <c r="GEN149" s="35"/>
      <c r="GEO149" s="35"/>
      <c r="GEP149" s="35"/>
      <c r="GEQ149" s="35"/>
      <c r="GER149" s="35"/>
      <c r="GES149" s="35"/>
      <c r="GET149" s="35"/>
      <c r="GEU149" s="35"/>
      <c r="GEV149" s="35"/>
      <c r="GEW149" s="35"/>
      <c r="GEX149" s="35"/>
      <c r="GEY149" s="35"/>
      <c r="GEZ149" s="35"/>
      <c r="GFA149" s="35"/>
      <c r="GFB149" s="35"/>
      <c r="GFC149" s="35"/>
      <c r="GFD149" s="35"/>
      <c r="GFE149" s="35"/>
      <c r="GFF149" s="35"/>
      <c r="GFG149" s="35"/>
      <c r="GFH149" s="35"/>
      <c r="GFI149" s="35"/>
      <c r="GFJ149" s="35"/>
      <c r="GFK149" s="35"/>
      <c r="GFL149" s="35"/>
      <c r="GFM149" s="35"/>
      <c r="GFN149" s="35"/>
      <c r="GFO149" s="35"/>
      <c r="GFP149" s="35"/>
      <c r="GFQ149" s="35"/>
      <c r="GFR149" s="35"/>
      <c r="GFS149" s="35"/>
      <c r="GFT149" s="35"/>
      <c r="GFU149" s="35"/>
      <c r="GFV149" s="35"/>
      <c r="GFW149" s="35"/>
      <c r="GFX149" s="35"/>
      <c r="GFY149" s="35"/>
      <c r="GFZ149" s="35"/>
      <c r="GGA149" s="35"/>
      <c r="GGB149" s="35"/>
      <c r="GGC149" s="35"/>
      <c r="GGD149" s="35"/>
      <c r="GGE149" s="35"/>
      <c r="GGF149" s="35"/>
      <c r="GGG149" s="35"/>
      <c r="GGH149" s="35"/>
      <c r="GGI149" s="35"/>
      <c r="GGJ149" s="35"/>
      <c r="GGK149" s="35"/>
      <c r="GGL149" s="35"/>
      <c r="GGM149" s="35"/>
      <c r="GGN149" s="35"/>
      <c r="GGO149" s="35"/>
      <c r="GGP149" s="35"/>
      <c r="GGQ149" s="35"/>
      <c r="GGR149" s="35"/>
      <c r="GGS149" s="35"/>
      <c r="GGT149" s="35"/>
      <c r="GGU149" s="35"/>
      <c r="GGV149" s="35"/>
      <c r="GGW149" s="35"/>
      <c r="GGX149" s="35"/>
      <c r="GGY149" s="35"/>
      <c r="GGZ149" s="35"/>
      <c r="GHA149" s="35"/>
      <c r="GHB149" s="35"/>
      <c r="GHC149" s="35"/>
      <c r="GHD149" s="35"/>
      <c r="GHE149" s="35"/>
      <c r="GHF149" s="35"/>
      <c r="GHG149" s="35"/>
      <c r="GHH149" s="35"/>
      <c r="GHI149" s="35"/>
      <c r="GHJ149" s="35"/>
      <c r="GHK149" s="35"/>
      <c r="GHL149" s="35"/>
      <c r="GHM149" s="35"/>
      <c r="GHN149" s="35"/>
      <c r="GHO149" s="35"/>
      <c r="GHP149" s="35"/>
      <c r="GHQ149" s="35"/>
      <c r="GHR149" s="35"/>
      <c r="GHS149" s="35"/>
      <c r="GHT149" s="35"/>
      <c r="GHU149" s="35"/>
      <c r="GHV149" s="35"/>
      <c r="GHW149" s="35"/>
      <c r="GHX149" s="35"/>
      <c r="GHY149" s="35"/>
      <c r="GHZ149" s="35"/>
      <c r="GIA149" s="35"/>
      <c r="GIB149" s="35"/>
      <c r="GIC149" s="35"/>
      <c r="GID149" s="35"/>
      <c r="GIE149" s="35"/>
      <c r="GIF149" s="35"/>
      <c r="GIG149" s="35"/>
      <c r="GIH149" s="35"/>
      <c r="GII149" s="35"/>
      <c r="GIJ149" s="35"/>
      <c r="GIK149" s="35"/>
      <c r="GIL149" s="35"/>
      <c r="GIM149" s="35"/>
      <c r="GIN149" s="35"/>
      <c r="GIO149" s="35"/>
      <c r="GIP149" s="35"/>
      <c r="GIQ149" s="35"/>
      <c r="GIR149" s="35"/>
      <c r="GIS149" s="35"/>
      <c r="GIT149" s="35"/>
      <c r="GIU149" s="35"/>
      <c r="GIV149" s="35"/>
      <c r="GIW149" s="35"/>
      <c r="GIX149" s="35"/>
      <c r="GIY149" s="35"/>
      <c r="GIZ149" s="35"/>
      <c r="GJA149" s="35"/>
      <c r="GJB149" s="35"/>
      <c r="GJC149" s="35"/>
      <c r="GJD149" s="35"/>
      <c r="GJE149" s="35"/>
      <c r="GJF149" s="35"/>
      <c r="GJG149" s="35"/>
      <c r="GJH149" s="35"/>
      <c r="GJI149" s="35"/>
      <c r="GJJ149" s="35"/>
      <c r="GJK149" s="35"/>
      <c r="GJL149" s="35"/>
      <c r="GJM149" s="35"/>
      <c r="GJN149" s="35"/>
      <c r="GJO149" s="35"/>
      <c r="GJP149" s="35"/>
      <c r="GJQ149" s="35"/>
      <c r="GJR149" s="35"/>
      <c r="GJS149" s="35"/>
      <c r="GJT149" s="35"/>
      <c r="GJU149" s="35"/>
      <c r="GJV149" s="35"/>
      <c r="GJW149" s="35"/>
      <c r="GJX149" s="35"/>
      <c r="GJY149" s="35"/>
      <c r="GJZ149" s="35"/>
      <c r="GKA149" s="35"/>
      <c r="GKB149" s="35"/>
      <c r="GKC149" s="35"/>
      <c r="GKD149" s="35"/>
      <c r="GKE149" s="35"/>
      <c r="GKF149" s="35"/>
      <c r="GKG149" s="35"/>
      <c r="GKH149" s="35"/>
      <c r="GKI149" s="35"/>
      <c r="GKJ149" s="35"/>
      <c r="GKK149" s="35"/>
      <c r="GKL149" s="35"/>
      <c r="GKM149" s="35"/>
      <c r="GKN149" s="35"/>
      <c r="GKO149" s="35"/>
      <c r="GKP149" s="35"/>
      <c r="GKQ149" s="35"/>
      <c r="GKR149" s="35"/>
      <c r="GKS149" s="35"/>
      <c r="GKT149" s="35"/>
      <c r="GKU149" s="35"/>
      <c r="GKV149" s="35"/>
      <c r="GKW149" s="35"/>
      <c r="GKX149" s="35"/>
      <c r="GKY149" s="35"/>
      <c r="GKZ149" s="35"/>
      <c r="GLA149" s="35"/>
      <c r="GLB149" s="35"/>
      <c r="GLC149" s="35"/>
      <c r="GLD149" s="35"/>
      <c r="GLE149" s="35"/>
      <c r="GLF149" s="35"/>
      <c r="GLG149" s="35"/>
      <c r="GLH149" s="35"/>
      <c r="GLI149" s="35"/>
      <c r="GLJ149" s="35"/>
      <c r="GLK149" s="35"/>
      <c r="GLL149" s="35"/>
      <c r="GLM149" s="35"/>
      <c r="GLN149" s="35"/>
      <c r="GLO149" s="35"/>
      <c r="GLP149" s="35"/>
      <c r="GLQ149" s="35"/>
      <c r="GLR149" s="35"/>
      <c r="GLS149" s="35"/>
      <c r="GLT149" s="35"/>
      <c r="GLU149" s="35"/>
      <c r="GLV149" s="35"/>
      <c r="GLW149" s="35"/>
      <c r="GLX149" s="35"/>
      <c r="GLY149" s="35"/>
      <c r="GLZ149" s="35"/>
      <c r="GMA149" s="35"/>
      <c r="GMB149" s="35"/>
      <c r="GMC149" s="35"/>
      <c r="GMD149" s="35"/>
      <c r="GME149" s="35"/>
      <c r="GMF149" s="35"/>
      <c r="GMG149" s="35"/>
      <c r="GMH149" s="35"/>
      <c r="GMI149" s="35"/>
      <c r="GMJ149" s="35"/>
      <c r="GMK149" s="35"/>
      <c r="GML149" s="35"/>
      <c r="GMM149" s="35"/>
      <c r="GMN149" s="35"/>
      <c r="GMO149" s="35"/>
      <c r="GMP149" s="35"/>
      <c r="GMQ149" s="35"/>
      <c r="GMR149" s="35"/>
      <c r="GMS149" s="35"/>
      <c r="GMT149" s="35"/>
      <c r="GMU149" s="35"/>
      <c r="GMV149" s="35"/>
      <c r="GMW149" s="35"/>
      <c r="GMX149" s="35"/>
      <c r="GMY149" s="35"/>
      <c r="GMZ149" s="35"/>
      <c r="GNA149" s="35"/>
      <c r="GNB149" s="35"/>
      <c r="GNC149" s="35"/>
      <c r="GND149" s="35"/>
      <c r="GNE149" s="35"/>
      <c r="GNF149" s="35"/>
      <c r="GNG149" s="35"/>
      <c r="GNH149" s="35"/>
      <c r="GNI149" s="35"/>
      <c r="GNJ149" s="35"/>
      <c r="GNK149" s="35"/>
      <c r="GNL149" s="35"/>
      <c r="GNM149" s="35"/>
      <c r="GNN149" s="35"/>
      <c r="GNO149" s="35"/>
      <c r="GNP149" s="35"/>
      <c r="GNQ149" s="35"/>
      <c r="GNR149" s="35"/>
      <c r="GNS149" s="35"/>
      <c r="GNT149" s="35"/>
      <c r="GNU149" s="35"/>
      <c r="GNV149" s="35"/>
      <c r="GNW149" s="35"/>
      <c r="GNX149" s="35"/>
      <c r="GNY149" s="35"/>
      <c r="GNZ149" s="35"/>
      <c r="GOA149" s="35"/>
      <c r="GOB149" s="35"/>
      <c r="GOC149" s="35"/>
      <c r="GOD149" s="35"/>
      <c r="GOE149" s="35"/>
      <c r="GOF149" s="35"/>
      <c r="GOG149" s="35"/>
      <c r="GOH149" s="35"/>
      <c r="GOI149" s="35"/>
      <c r="GOJ149" s="35"/>
      <c r="GOK149" s="35"/>
      <c r="GOL149" s="35"/>
      <c r="GOM149" s="35"/>
      <c r="GON149" s="35"/>
      <c r="GOO149" s="35"/>
      <c r="GOP149" s="35"/>
      <c r="GOQ149" s="35"/>
      <c r="GOR149" s="35"/>
      <c r="GOS149" s="35"/>
      <c r="GOT149" s="35"/>
      <c r="GOU149" s="35"/>
      <c r="GOV149" s="35"/>
      <c r="GOW149" s="35"/>
      <c r="GOX149" s="35"/>
      <c r="GOY149" s="35"/>
      <c r="GOZ149" s="35"/>
      <c r="GPA149" s="35"/>
      <c r="GPB149" s="35"/>
      <c r="GPC149" s="35"/>
      <c r="GPD149" s="35"/>
      <c r="GPE149" s="35"/>
      <c r="GPF149" s="35"/>
      <c r="GPG149" s="35"/>
      <c r="GPH149" s="35"/>
      <c r="GPI149" s="35"/>
      <c r="GPJ149" s="35"/>
      <c r="GPK149" s="35"/>
      <c r="GPL149" s="35"/>
      <c r="GPM149" s="35"/>
      <c r="GPN149" s="35"/>
      <c r="GPO149" s="35"/>
      <c r="GPP149" s="35"/>
      <c r="GPQ149" s="35"/>
      <c r="GPR149" s="35"/>
      <c r="GPS149" s="35"/>
      <c r="GPT149" s="35"/>
      <c r="GPU149" s="35"/>
      <c r="GPV149" s="35"/>
      <c r="GPW149" s="35"/>
      <c r="GPX149" s="35"/>
      <c r="GPY149" s="35"/>
      <c r="GPZ149" s="35"/>
      <c r="GQA149" s="35"/>
      <c r="GQB149" s="35"/>
      <c r="GQC149" s="35"/>
      <c r="GQD149" s="35"/>
      <c r="GQE149" s="35"/>
      <c r="GQF149" s="35"/>
      <c r="GQG149" s="35"/>
      <c r="GQH149" s="35"/>
      <c r="GQI149" s="35"/>
      <c r="GQJ149" s="35"/>
      <c r="GQK149" s="35"/>
      <c r="GQL149" s="35"/>
      <c r="GQM149" s="35"/>
      <c r="GQN149" s="35"/>
      <c r="GQO149" s="35"/>
      <c r="GQP149" s="35"/>
      <c r="GQQ149" s="35"/>
      <c r="GQR149" s="35"/>
      <c r="GQS149" s="35"/>
      <c r="GQT149" s="35"/>
      <c r="GQU149" s="35"/>
      <c r="GQV149" s="35"/>
      <c r="GQW149" s="35"/>
      <c r="GQX149" s="35"/>
      <c r="GQY149" s="35"/>
      <c r="GQZ149" s="35"/>
      <c r="GRA149" s="35"/>
      <c r="GRB149" s="35"/>
      <c r="GRC149" s="35"/>
      <c r="GRD149" s="35"/>
      <c r="GRE149" s="35"/>
      <c r="GRF149" s="35"/>
      <c r="GRG149" s="35"/>
      <c r="GRH149" s="35"/>
      <c r="GRI149" s="35"/>
      <c r="GRJ149" s="35"/>
      <c r="GRK149" s="35"/>
      <c r="GRL149" s="35"/>
      <c r="GRM149" s="35"/>
      <c r="GRN149" s="35"/>
      <c r="GRO149" s="35"/>
      <c r="GRP149" s="35"/>
      <c r="GRQ149" s="35"/>
      <c r="GRR149" s="35"/>
      <c r="GRS149" s="35"/>
      <c r="GRT149" s="35"/>
      <c r="GRU149" s="35"/>
      <c r="GRV149" s="35"/>
      <c r="GRW149" s="35"/>
      <c r="GRX149" s="35"/>
      <c r="GRY149" s="35"/>
      <c r="GRZ149" s="35"/>
      <c r="GSA149" s="35"/>
      <c r="GSB149" s="35"/>
      <c r="GSC149" s="35"/>
      <c r="GSD149" s="35"/>
      <c r="GSE149" s="35"/>
      <c r="GSF149" s="35"/>
      <c r="GSG149" s="35"/>
      <c r="GSH149" s="35"/>
      <c r="GSI149" s="35"/>
      <c r="GSJ149" s="35"/>
      <c r="GSK149" s="35"/>
      <c r="GSL149" s="35"/>
      <c r="GSM149" s="35"/>
      <c r="GSN149" s="35"/>
      <c r="GSO149" s="35"/>
      <c r="GSP149" s="35"/>
      <c r="GSQ149" s="35"/>
      <c r="GSR149" s="35"/>
      <c r="GSS149" s="35"/>
      <c r="GST149" s="35"/>
      <c r="GSU149" s="35"/>
      <c r="GSV149" s="35"/>
      <c r="GSW149" s="35"/>
      <c r="GSX149" s="35"/>
      <c r="GSY149" s="35"/>
      <c r="GSZ149" s="35"/>
      <c r="GTA149" s="35"/>
      <c r="GTB149" s="35"/>
      <c r="GTC149" s="35"/>
      <c r="GTD149" s="35"/>
      <c r="GTE149" s="35"/>
      <c r="GTF149" s="35"/>
      <c r="GTG149" s="35"/>
      <c r="GTH149" s="35"/>
      <c r="GTI149" s="35"/>
      <c r="GTJ149" s="35"/>
      <c r="GTK149" s="35"/>
      <c r="GTL149" s="35"/>
      <c r="GTM149" s="35"/>
      <c r="GTN149" s="35"/>
      <c r="GTO149" s="35"/>
      <c r="GTP149" s="35"/>
      <c r="GTQ149" s="35"/>
      <c r="GTR149" s="35"/>
      <c r="GTS149" s="35"/>
      <c r="GTT149" s="35"/>
      <c r="GTU149" s="35"/>
      <c r="GTV149" s="35"/>
      <c r="GTW149" s="35"/>
      <c r="GTX149" s="35"/>
      <c r="GTY149" s="35"/>
      <c r="GTZ149" s="35"/>
      <c r="GUA149" s="35"/>
      <c r="GUB149" s="35"/>
      <c r="GUC149" s="35"/>
      <c r="GUD149" s="35"/>
      <c r="GUE149" s="35"/>
      <c r="GUF149" s="35"/>
      <c r="GUG149" s="35"/>
      <c r="GUH149" s="35"/>
      <c r="GUI149" s="35"/>
      <c r="GUJ149" s="35"/>
      <c r="GUK149" s="35"/>
      <c r="GUL149" s="35"/>
      <c r="GUM149" s="35"/>
      <c r="GUN149" s="35"/>
      <c r="GUO149" s="35"/>
      <c r="GUP149" s="35"/>
      <c r="GUQ149" s="35"/>
      <c r="GUR149" s="35"/>
      <c r="GUS149" s="35"/>
      <c r="GUT149" s="35"/>
      <c r="GUU149" s="35"/>
      <c r="GUV149" s="35"/>
      <c r="GUW149" s="35"/>
      <c r="GUX149" s="35"/>
      <c r="GUY149" s="35"/>
      <c r="GUZ149" s="35"/>
      <c r="GVA149" s="35"/>
      <c r="GVB149" s="35"/>
      <c r="GVC149" s="35"/>
      <c r="GVD149" s="35"/>
      <c r="GVE149" s="35"/>
      <c r="GVF149" s="35"/>
      <c r="GVG149" s="35"/>
      <c r="GVH149" s="35"/>
      <c r="GVI149" s="35"/>
      <c r="GVJ149" s="35"/>
      <c r="GVK149" s="35"/>
      <c r="GVL149" s="35"/>
      <c r="GVM149" s="35"/>
      <c r="GVN149" s="35"/>
      <c r="GVO149" s="35"/>
      <c r="GVP149" s="35"/>
      <c r="GVQ149" s="35"/>
      <c r="GVR149" s="35"/>
      <c r="GVS149" s="35"/>
      <c r="GVT149" s="35"/>
      <c r="GVU149" s="35"/>
      <c r="GVV149" s="35"/>
      <c r="GVW149" s="35"/>
      <c r="GVX149" s="35"/>
      <c r="GVY149" s="35"/>
      <c r="GVZ149" s="35"/>
      <c r="GWA149" s="35"/>
      <c r="GWB149" s="35"/>
      <c r="GWC149" s="35"/>
      <c r="GWD149" s="35"/>
      <c r="GWE149" s="35"/>
      <c r="GWF149" s="35"/>
      <c r="GWG149" s="35"/>
      <c r="GWH149" s="35"/>
      <c r="GWI149" s="35"/>
      <c r="GWJ149" s="35"/>
      <c r="GWK149" s="35"/>
      <c r="GWL149" s="35"/>
      <c r="GWM149" s="35"/>
      <c r="GWN149" s="35"/>
      <c r="GWO149" s="35"/>
      <c r="GWP149" s="35"/>
      <c r="GWQ149" s="35"/>
      <c r="GWR149" s="35"/>
      <c r="GWS149" s="35"/>
      <c r="GWT149" s="35"/>
      <c r="GWU149" s="35"/>
      <c r="GWV149" s="35"/>
      <c r="GWW149" s="35"/>
      <c r="GWX149" s="35"/>
      <c r="GWY149" s="35"/>
      <c r="GWZ149" s="35"/>
      <c r="GXA149" s="35"/>
      <c r="GXB149" s="35"/>
      <c r="GXC149" s="35"/>
      <c r="GXD149" s="35"/>
      <c r="GXE149" s="35"/>
      <c r="GXF149" s="35"/>
      <c r="GXG149" s="35"/>
      <c r="GXH149" s="35"/>
      <c r="GXI149" s="35"/>
      <c r="GXJ149" s="35"/>
      <c r="GXK149" s="35"/>
      <c r="GXL149" s="35"/>
      <c r="GXM149" s="35"/>
      <c r="GXN149" s="35"/>
      <c r="GXO149" s="35"/>
      <c r="GXP149" s="35"/>
      <c r="GXQ149" s="35"/>
      <c r="GXR149" s="35"/>
      <c r="GXS149" s="35"/>
      <c r="GXT149" s="35"/>
      <c r="GXU149" s="35"/>
      <c r="GXV149" s="35"/>
      <c r="GXW149" s="35"/>
      <c r="GXX149" s="35"/>
      <c r="GXY149" s="35"/>
      <c r="GXZ149" s="35"/>
      <c r="GYA149" s="35"/>
      <c r="GYB149" s="35"/>
      <c r="GYC149" s="35"/>
      <c r="GYD149" s="35"/>
      <c r="GYE149" s="35"/>
      <c r="GYF149" s="35"/>
      <c r="GYG149" s="35"/>
      <c r="GYH149" s="35"/>
      <c r="GYI149" s="35"/>
      <c r="GYJ149" s="35"/>
      <c r="GYK149" s="35"/>
      <c r="GYL149" s="35"/>
      <c r="GYM149" s="35"/>
      <c r="GYN149" s="35"/>
      <c r="GYO149" s="35"/>
      <c r="GYP149" s="35"/>
      <c r="GYQ149" s="35"/>
      <c r="GYR149" s="35"/>
      <c r="GYS149" s="35"/>
      <c r="GYT149" s="35"/>
      <c r="GYU149" s="35"/>
      <c r="GYV149" s="35"/>
      <c r="GYW149" s="35"/>
      <c r="GYX149" s="35"/>
      <c r="GYY149" s="35"/>
      <c r="GYZ149" s="35"/>
      <c r="GZA149" s="35"/>
      <c r="GZB149" s="35"/>
      <c r="GZC149" s="35"/>
      <c r="GZD149" s="35"/>
      <c r="GZE149" s="35"/>
      <c r="GZF149" s="35"/>
      <c r="GZG149" s="35"/>
      <c r="GZH149" s="35"/>
      <c r="GZI149" s="35"/>
      <c r="GZJ149" s="35"/>
      <c r="GZK149" s="35"/>
      <c r="GZL149" s="35"/>
      <c r="GZM149" s="35"/>
      <c r="GZN149" s="35"/>
      <c r="GZO149" s="35"/>
      <c r="GZP149" s="35"/>
      <c r="GZQ149" s="35"/>
      <c r="GZR149" s="35"/>
      <c r="GZS149" s="35"/>
      <c r="GZT149" s="35"/>
      <c r="GZU149" s="35"/>
      <c r="GZV149" s="35"/>
      <c r="GZW149" s="35"/>
      <c r="GZX149" s="35"/>
      <c r="GZY149" s="35"/>
      <c r="GZZ149" s="35"/>
      <c r="HAA149" s="35"/>
      <c r="HAB149" s="35"/>
      <c r="HAC149" s="35"/>
      <c r="HAD149" s="35"/>
      <c r="HAE149" s="35"/>
      <c r="HAF149" s="35"/>
      <c r="HAG149" s="35"/>
      <c r="HAH149" s="35"/>
      <c r="HAI149" s="35"/>
      <c r="HAJ149" s="35"/>
      <c r="HAK149" s="35"/>
      <c r="HAL149" s="35"/>
      <c r="HAM149" s="35"/>
      <c r="HAN149" s="35"/>
      <c r="HAO149" s="35"/>
      <c r="HAP149" s="35"/>
      <c r="HAQ149" s="35"/>
      <c r="HAR149" s="35"/>
      <c r="HAS149" s="35"/>
      <c r="HAT149" s="35"/>
      <c r="HAU149" s="35"/>
      <c r="HAV149" s="35"/>
      <c r="HAW149" s="35"/>
      <c r="HAX149" s="35"/>
      <c r="HAY149" s="35"/>
      <c r="HAZ149" s="35"/>
      <c r="HBA149" s="35"/>
      <c r="HBB149" s="35"/>
      <c r="HBC149" s="35"/>
      <c r="HBD149" s="35"/>
      <c r="HBE149" s="35"/>
      <c r="HBF149" s="35"/>
      <c r="HBG149" s="35"/>
      <c r="HBH149" s="35"/>
      <c r="HBI149" s="35"/>
      <c r="HBJ149" s="35"/>
      <c r="HBK149" s="35"/>
      <c r="HBL149" s="35"/>
      <c r="HBM149" s="35"/>
      <c r="HBN149" s="35"/>
      <c r="HBO149" s="35"/>
      <c r="HBP149" s="35"/>
      <c r="HBQ149" s="35"/>
      <c r="HBR149" s="35"/>
      <c r="HBS149" s="35"/>
      <c r="HBT149" s="35"/>
      <c r="HBU149" s="35"/>
      <c r="HBV149" s="35"/>
      <c r="HBW149" s="35"/>
      <c r="HBX149" s="35"/>
      <c r="HBY149" s="35"/>
      <c r="HBZ149" s="35"/>
      <c r="HCA149" s="35"/>
      <c r="HCB149" s="35"/>
      <c r="HCC149" s="35"/>
      <c r="HCD149" s="35"/>
      <c r="HCE149" s="35"/>
      <c r="HCF149" s="35"/>
      <c r="HCG149" s="35"/>
      <c r="HCH149" s="35"/>
      <c r="HCI149" s="35"/>
      <c r="HCJ149" s="35"/>
      <c r="HCK149" s="35"/>
      <c r="HCL149" s="35"/>
      <c r="HCM149" s="35"/>
      <c r="HCN149" s="35"/>
      <c r="HCO149" s="35"/>
      <c r="HCP149" s="35"/>
      <c r="HCQ149" s="35"/>
      <c r="HCR149" s="35"/>
      <c r="HCS149" s="35"/>
      <c r="HCT149" s="35"/>
      <c r="HCU149" s="35"/>
      <c r="HCV149" s="35"/>
      <c r="HCW149" s="35"/>
      <c r="HCX149" s="35"/>
      <c r="HCY149" s="35"/>
      <c r="HCZ149" s="35"/>
      <c r="HDA149" s="35"/>
      <c r="HDB149" s="35"/>
      <c r="HDC149" s="35"/>
      <c r="HDD149" s="35"/>
      <c r="HDE149" s="35"/>
      <c r="HDF149" s="35"/>
      <c r="HDG149" s="35"/>
      <c r="HDH149" s="35"/>
      <c r="HDI149" s="35"/>
      <c r="HDJ149" s="35"/>
      <c r="HDK149" s="35"/>
      <c r="HDL149" s="35"/>
      <c r="HDM149" s="35"/>
      <c r="HDN149" s="35"/>
      <c r="HDO149" s="35"/>
      <c r="HDP149" s="35"/>
      <c r="HDQ149" s="35"/>
      <c r="HDR149" s="35"/>
      <c r="HDS149" s="35"/>
      <c r="HDT149" s="35"/>
      <c r="HDU149" s="35"/>
      <c r="HDV149" s="35"/>
      <c r="HDW149" s="35"/>
      <c r="HDX149" s="35"/>
      <c r="HDY149" s="35"/>
      <c r="HDZ149" s="35"/>
      <c r="HEA149" s="35"/>
      <c r="HEB149" s="35"/>
      <c r="HEC149" s="35"/>
      <c r="HED149" s="35"/>
      <c r="HEE149" s="35"/>
      <c r="HEF149" s="35"/>
      <c r="HEG149" s="35"/>
      <c r="HEH149" s="35"/>
      <c r="HEI149" s="35"/>
      <c r="HEJ149" s="35"/>
      <c r="HEK149" s="35"/>
      <c r="HEL149" s="35"/>
      <c r="HEM149" s="35"/>
      <c r="HEN149" s="35"/>
      <c r="HEO149" s="35"/>
      <c r="HEP149" s="35"/>
      <c r="HEQ149" s="35"/>
      <c r="HER149" s="35"/>
      <c r="HES149" s="35"/>
      <c r="HET149" s="35"/>
      <c r="HEU149" s="35"/>
      <c r="HEV149" s="35"/>
      <c r="HEW149" s="35"/>
      <c r="HEX149" s="35"/>
      <c r="HEY149" s="35"/>
      <c r="HEZ149" s="35"/>
      <c r="HFA149" s="35"/>
      <c r="HFB149" s="35"/>
      <c r="HFC149" s="35"/>
      <c r="HFD149" s="35"/>
      <c r="HFE149" s="35"/>
      <c r="HFF149" s="35"/>
      <c r="HFG149" s="35"/>
      <c r="HFH149" s="35"/>
      <c r="HFI149" s="35"/>
      <c r="HFJ149" s="35"/>
      <c r="HFK149" s="35"/>
      <c r="HFL149" s="35"/>
      <c r="HFM149" s="35"/>
      <c r="HFN149" s="35"/>
      <c r="HFO149" s="35"/>
      <c r="HFP149" s="35"/>
      <c r="HFQ149" s="35"/>
      <c r="HFR149" s="35"/>
      <c r="HFS149" s="35"/>
      <c r="HFT149" s="35"/>
      <c r="HFU149" s="35"/>
      <c r="HFV149" s="35"/>
      <c r="HFW149" s="35"/>
      <c r="HFX149" s="35"/>
      <c r="HFY149" s="35"/>
      <c r="HFZ149" s="35"/>
      <c r="HGA149" s="35"/>
      <c r="HGB149" s="35"/>
      <c r="HGC149" s="35"/>
      <c r="HGD149" s="35"/>
      <c r="HGE149" s="35"/>
      <c r="HGF149" s="35"/>
      <c r="HGG149" s="35"/>
      <c r="HGH149" s="35"/>
      <c r="HGI149" s="35"/>
      <c r="HGJ149" s="35"/>
      <c r="HGK149" s="35"/>
      <c r="HGL149" s="35"/>
      <c r="HGM149" s="35"/>
      <c r="HGN149" s="35"/>
      <c r="HGO149" s="35"/>
      <c r="HGP149" s="35"/>
      <c r="HGQ149" s="35"/>
      <c r="HGR149" s="35"/>
      <c r="HGS149" s="35"/>
      <c r="HGT149" s="35"/>
      <c r="HGU149" s="35"/>
      <c r="HGV149" s="35"/>
      <c r="HGW149" s="35"/>
      <c r="HGX149" s="35"/>
      <c r="HGY149" s="35"/>
      <c r="HGZ149" s="35"/>
      <c r="HHA149" s="35"/>
      <c r="HHB149" s="35"/>
      <c r="HHC149" s="35"/>
      <c r="HHD149" s="35"/>
      <c r="HHE149" s="35"/>
      <c r="HHF149" s="35"/>
      <c r="HHG149" s="35"/>
      <c r="HHH149" s="35"/>
      <c r="HHI149" s="35"/>
      <c r="HHJ149" s="35"/>
      <c r="HHK149" s="35"/>
      <c r="HHL149" s="35"/>
      <c r="HHM149" s="35"/>
      <c r="HHN149" s="35"/>
      <c r="HHO149" s="35"/>
      <c r="HHP149" s="35"/>
      <c r="HHQ149" s="35"/>
      <c r="HHR149" s="35"/>
      <c r="HHS149" s="35"/>
      <c r="HHT149" s="35"/>
      <c r="HHU149" s="35"/>
      <c r="HHV149" s="35"/>
      <c r="HHW149" s="35"/>
      <c r="HHX149" s="35"/>
      <c r="HHY149" s="35"/>
      <c r="HHZ149" s="35"/>
      <c r="HIA149" s="35"/>
      <c r="HIB149" s="35"/>
      <c r="HIC149" s="35"/>
      <c r="HID149" s="35"/>
      <c r="HIE149" s="35"/>
      <c r="HIF149" s="35"/>
      <c r="HIG149" s="35"/>
      <c r="HIH149" s="35"/>
      <c r="HII149" s="35"/>
      <c r="HIJ149" s="35"/>
      <c r="HIK149" s="35"/>
      <c r="HIL149" s="35"/>
      <c r="HIM149" s="35"/>
      <c r="HIN149" s="35"/>
      <c r="HIO149" s="35"/>
      <c r="HIP149" s="35"/>
      <c r="HIQ149" s="35"/>
      <c r="HIR149" s="35"/>
      <c r="HIS149" s="35"/>
      <c r="HIT149" s="35"/>
      <c r="HIU149" s="35"/>
      <c r="HIV149" s="35"/>
      <c r="HIW149" s="35"/>
      <c r="HIX149" s="35"/>
      <c r="HIY149" s="35"/>
      <c r="HIZ149" s="35"/>
      <c r="HJA149" s="35"/>
      <c r="HJB149" s="35"/>
      <c r="HJC149" s="35"/>
      <c r="HJD149" s="35"/>
      <c r="HJE149" s="35"/>
      <c r="HJF149" s="35"/>
      <c r="HJG149" s="35"/>
      <c r="HJH149" s="35"/>
      <c r="HJI149" s="35"/>
      <c r="HJJ149" s="35"/>
      <c r="HJK149" s="35"/>
      <c r="HJL149" s="35"/>
      <c r="HJM149" s="35"/>
      <c r="HJN149" s="35"/>
      <c r="HJO149" s="35"/>
      <c r="HJP149" s="35"/>
      <c r="HJQ149" s="35"/>
      <c r="HJR149" s="35"/>
      <c r="HJS149" s="35"/>
      <c r="HJT149" s="35"/>
      <c r="HJU149" s="35"/>
      <c r="HJV149" s="35"/>
      <c r="HJW149" s="35"/>
      <c r="HJX149" s="35"/>
      <c r="HJY149" s="35"/>
      <c r="HJZ149" s="35"/>
      <c r="HKA149" s="35"/>
      <c r="HKB149" s="35"/>
      <c r="HKC149" s="35"/>
      <c r="HKD149" s="35"/>
      <c r="HKE149" s="35"/>
      <c r="HKF149" s="35"/>
      <c r="HKG149" s="35"/>
      <c r="HKH149" s="35"/>
      <c r="HKI149" s="35"/>
      <c r="HKJ149" s="35"/>
      <c r="HKK149" s="35"/>
      <c r="HKL149" s="35"/>
      <c r="HKM149" s="35"/>
      <c r="HKN149" s="35"/>
      <c r="HKO149" s="35"/>
      <c r="HKP149" s="35"/>
      <c r="HKQ149" s="35"/>
      <c r="HKR149" s="35"/>
      <c r="HKS149" s="35"/>
      <c r="HKT149" s="35"/>
      <c r="HKU149" s="35"/>
      <c r="HKV149" s="35"/>
      <c r="HKW149" s="35"/>
      <c r="HKX149" s="35"/>
      <c r="HKY149" s="35"/>
      <c r="HKZ149" s="35"/>
      <c r="HLA149" s="35"/>
      <c r="HLB149" s="35"/>
      <c r="HLC149" s="35"/>
      <c r="HLD149" s="35"/>
      <c r="HLE149" s="35"/>
      <c r="HLF149" s="35"/>
      <c r="HLG149" s="35"/>
      <c r="HLH149" s="35"/>
      <c r="HLI149" s="35"/>
      <c r="HLJ149" s="35"/>
      <c r="HLK149" s="35"/>
      <c r="HLL149" s="35"/>
      <c r="HLM149" s="35"/>
      <c r="HLN149" s="35"/>
      <c r="HLO149" s="35"/>
      <c r="HLP149" s="35"/>
      <c r="HLQ149" s="35"/>
      <c r="HLR149" s="35"/>
      <c r="HLS149" s="35"/>
      <c r="HLT149" s="35"/>
      <c r="HLU149" s="35"/>
      <c r="HLV149" s="35"/>
      <c r="HLW149" s="35"/>
      <c r="HLX149" s="35"/>
      <c r="HLY149" s="35"/>
      <c r="HLZ149" s="35"/>
      <c r="HMA149" s="35"/>
      <c r="HMB149" s="35"/>
      <c r="HMC149" s="35"/>
      <c r="HMD149" s="35"/>
      <c r="HME149" s="35"/>
      <c r="HMF149" s="35"/>
      <c r="HMG149" s="35"/>
      <c r="HMH149" s="35"/>
      <c r="HMI149" s="35"/>
      <c r="HMJ149" s="35"/>
      <c r="HMK149" s="35"/>
      <c r="HML149" s="35"/>
      <c r="HMM149" s="35"/>
      <c r="HMN149" s="35"/>
      <c r="HMO149" s="35"/>
      <c r="HMP149" s="35"/>
      <c r="HMQ149" s="35"/>
      <c r="HMR149" s="35"/>
      <c r="HMS149" s="35"/>
      <c r="HMT149" s="35"/>
      <c r="HMU149" s="35"/>
      <c r="HMV149" s="35"/>
      <c r="HMW149" s="35"/>
      <c r="HMX149" s="35"/>
      <c r="HMY149" s="35"/>
      <c r="HMZ149" s="35"/>
      <c r="HNA149" s="35"/>
      <c r="HNB149" s="35"/>
      <c r="HNC149" s="35"/>
      <c r="HND149" s="35"/>
      <c r="HNE149" s="35"/>
      <c r="HNF149" s="35"/>
      <c r="HNG149" s="35"/>
      <c r="HNH149" s="35"/>
      <c r="HNI149" s="35"/>
      <c r="HNJ149" s="35"/>
      <c r="HNK149" s="35"/>
      <c r="HNL149" s="35"/>
      <c r="HNM149" s="35"/>
      <c r="HNN149" s="35"/>
      <c r="HNO149" s="35"/>
      <c r="HNP149" s="35"/>
      <c r="HNQ149" s="35"/>
      <c r="HNR149" s="35"/>
      <c r="HNS149" s="35"/>
      <c r="HNT149" s="35"/>
      <c r="HNU149" s="35"/>
      <c r="HNV149" s="35"/>
      <c r="HNW149" s="35"/>
      <c r="HNX149" s="35"/>
      <c r="HNY149" s="35"/>
      <c r="HNZ149" s="35"/>
      <c r="HOA149" s="35"/>
      <c r="HOB149" s="35"/>
      <c r="HOC149" s="35"/>
      <c r="HOD149" s="35"/>
      <c r="HOE149" s="35"/>
      <c r="HOF149" s="35"/>
      <c r="HOG149" s="35"/>
      <c r="HOH149" s="35"/>
      <c r="HOI149" s="35"/>
      <c r="HOJ149" s="35"/>
      <c r="HOK149" s="35"/>
      <c r="HOL149" s="35"/>
      <c r="HOM149" s="35"/>
      <c r="HON149" s="35"/>
      <c r="HOO149" s="35"/>
      <c r="HOP149" s="35"/>
      <c r="HOQ149" s="35"/>
      <c r="HOR149" s="35"/>
      <c r="HOS149" s="35"/>
      <c r="HOT149" s="35"/>
      <c r="HOU149" s="35"/>
      <c r="HOV149" s="35"/>
      <c r="HOW149" s="35"/>
      <c r="HOX149" s="35"/>
      <c r="HOY149" s="35"/>
      <c r="HOZ149" s="35"/>
      <c r="HPA149" s="35"/>
      <c r="HPB149" s="35"/>
      <c r="HPC149" s="35"/>
      <c r="HPD149" s="35"/>
      <c r="HPE149" s="35"/>
      <c r="HPF149" s="35"/>
      <c r="HPG149" s="35"/>
      <c r="HPH149" s="35"/>
      <c r="HPI149" s="35"/>
      <c r="HPJ149" s="35"/>
      <c r="HPK149" s="35"/>
      <c r="HPL149" s="35"/>
      <c r="HPM149" s="35"/>
      <c r="HPN149" s="35"/>
      <c r="HPO149" s="35"/>
      <c r="HPP149" s="35"/>
      <c r="HPQ149" s="35"/>
      <c r="HPR149" s="35"/>
      <c r="HPS149" s="35"/>
      <c r="HPT149" s="35"/>
      <c r="HPU149" s="35"/>
      <c r="HPV149" s="35"/>
      <c r="HPW149" s="35"/>
      <c r="HPX149" s="35"/>
      <c r="HPY149" s="35"/>
      <c r="HPZ149" s="35"/>
      <c r="HQA149" s="35"/>
      <c r="HQB149" s="35"/>
      <c r="HQC149" s="35"/>
      <c r="HQD149" s="35"/>
      <c r="HQE149" s="35"/>
      <c r="HQF149" s="35"/>
      <c r="HQG149" s="35"/>
      <c r="HQH149" s="35"/>
      <c r="HQI149" s="35"/>
      <c r="HQJ149" s="35"/>
      <c r="HQK149" s="35"/>
      <c r="HQL149" s="35"/>
      <c r="HQM149" s="35"/>
      <c r="HQN149" s="35"/>
      <c r="HQO149" s="35"/>
      <c r="HQP149" s="35"/>
      <c r="HQQ149" s="35"/>
      <c r="HQR149" s="35"/>
      <c r="HQS149" s="35"/>
      <c r="HQT149" s="35"/>
      <c r="HQU149" s="35"/>
      <c r="HQV149" s="35"/>
      <c r="HQW149" s="35"/>
      <c r="HQX149" s="35"/>
      <c r="HQY149" s="35"/>
      <c r="HQZ149" s="35"/>
      <c r="HRA149" s="35"/>
      <c r="HRB149" s="35"/>
      <c r="HRC149" s="35"/>
      <c r="HRD149" s="35"/>
      <c r="HRE149" s="35"/>
      <c r="HRF149" s="35"/>
      <c r="HRG149" s="35"/>
      <c r="HRH149" s="35"/>
      <c r="HRI149" s="35"/>
      <c r="HRJ149" s="35"/>
      <c r="HRK149" s="35"/>
      <c r="HRL149" s="35"/>
      <c r="HRM149" s="35"/>
      <c r="HRN149" s="35"/>
      <c r="HRO149" s="35"/>
      <c r="HRP149" s="35"/>
      <c r="HRQ149" s="35"/>
      <c r="HRR149" s="35"/>
      <c r="HRS149" s="35"/>
      <c r="HRT149" s="35"/>
      <c r="HRU149" s="35"/>
      <c r="HRV149" s="35"/>
      <c r="HRW149" s="35"/>
      <c r="HRX149" s="35"/>
      <c r="HRY149" s="35"/>
      <c r="HRZ149" s="35"/>
      <c r="HSA149" s="35"/>
      <c r="HSB149" s="35"/>
      <c r="HSC149" s="35"/>
      <c r="HSD149" s="35"/>
      <c r="HSE149" s="35"/>
      <c r="HSF149" s="35"/>
      <c r="HSG149" s="35"/>
      <c r="HSH149" s="35"/>
      <c r="HSI149" s="35"/>
      <c r="HSJ149" s="35"/>
      <c r="HSK149" s="35"/>
      <c r="HSL149" s="35"/>
      <c r="HSM149" s="35"/>
      <c r="HSN149" s="35"/>
      <c r="HSO149" s="35"/>
      <c r="HSP149" s="35"/>
      <c r="HSQ149" s="35"/>
      <c r="HSR149" s="35"/>
      <c r="HSS149" s="35"/>
      <c r="HST149" s="35"/>
      <c r="HSU149" s="35"/>
      <c r="HSV149" s="35"/>
      <c r="HSW149" s="35"/>
      <c r="HSX149" s="35"/>
      <c r="HSY149" s="35"/>
      <c r="HSZ149" s="35"/>
      <c r="HTA149" s="35"/>
      <c r="HTB149" s="35"/>
      <c r="HTC149" s="35"/>
      <c r="HTD149" s="35"/>
      <c r="HTE149" s="35"/>
      <c r="HTF149" s="35"/>
      <c r="HTG149" s="35"/>
      <c r="HTH149" s="35"/>
      <c r="HTI149" s="35"/>
      <c r="HTJ149" s="35"/>
      <c r="HTK149" s="35"/>
      <c r="HTL149" s="35"/>
      <c r="HTM149" s="35"/>
      <c r="HTN149" s="35"/>
      <c r="HTO149" s="35"/>
      <c r="HTP149" s="35"/>
      <c r="HTQ149" s="35"/>
      <c r="HTR149" s="35"/>
      <c r="HTS149" s="35"/>
      <c r="HTT149" s="35"/>
      <c r="HTU149" s="35"/>
      <c r="HTV149" s="35"/>
      <c r="HTW149" s="35"/>
      <c r="HTX149" s="35"/>
      <c r="HTY149" s="35"/>
      <c r="HTZ149" s="35"/>
      <c r="HUA149" s="35"/>
      <c r="HUB149" s="35"/>
      <c r="HUC149" s="35"/>
      <c r="HUD149" s="35"/>
      <c r="HUE149" s="35"/>
      <c r="HUF149" s="35"/>
      <c r="HUG149" s="35"/>
      <c r="HUH149" s="35"/>
      <c r="HUI149" s="35"/>
      <c r="HUJ149" s="35"/>
      <c r="HUK149" s="35"/>
      <c r="HUL149" s="35"/>
      <c r="HUM149" s="35"/>
      <c r="HUN149" s="35"/>
      <c r="HUO149" s="35"/>
      <c r="HUP149" s="35"/>
      <c r="HUQ149" s="35"/>
      <c r="HUR149" s="35"/>
      <c r="HUS149" s="35"/>
      <c r="HUT149" s="35"/>
      <c r="HUU149" s="35"/>
      <c r="HUV149" s="35"/>
      <c r="HUW149" s="35"/>
      <c r="HUX149" s="35"/>
      <c r="HUY149" s="35"/>
      <c r="HUZ149" s="35"/>
      <c r="HVA149" s="35"/>
      <c r="HVB149" s="35"/>
      <c r="HVC149" s="35"/>
      <c r="HVD149" s="35"/>
      <c r="HVE149" s="35"/>
      <c r="HVF149" s="35"/>
      <c r="HVG149" s="35"/>
      <c r="HVH149" s="35"/>
      <c r="HVI149" s="35"/>
      <c r="HVJ149" s="35"/>
      <c r="HVK149" s="35"/>
      <c r="HVL149" s="35"/>
      <c r="HVM149" s="35"/>
      <c r="HVN149" s="35"/>
      <c r="HVO149" s="35"/>
      <c r="HVP149" s="35"/>
      <c r="HVQ149" s="35"/>
      <c r="HVR149" s="35"/>
      <c r="HVS149" s="35"/>
      <c r="HVT149" s="35"/>
      <c r="HVU149" s="35"/>
      <c r="HVV149" s="35"/>
      <c r="HVW149" s="35"/>
      <c r="HVX149" s="35"/>
      <c r="HVY149" s="35"/>
      <c r="HVZ149" s="35"/>
      <c r="HWA149" s="35"/>
      <c r="HWB149" s="35"/>
      <c r="HWC149" s="35"/>
      <c r="HWD149" s="35"/>
      <c r="HWE149" s="35"/>
      <c r="HWF149" s="35"/>
      <c r="HWG149" s="35"/>
      <c r="HWH149" s="35"/>
      <c r="HWI149" s="35"/>
      <c r="HWJ149" s="35"/>
      <c r="HWK149" s="35"/>
      <c r="HWL149" s="35"/>
      <c r="HWM149" s="35"/>
      <c r="HWN149" s="35"/>
      <c r="HWO149" s="35"/>
      <c r="HWP149" s="35"/>
      <c r="HWQ149" s="35"/>
      <c r="HWR149" s="35"/>
      <c r="HWS149" s="35"/>
      <c r="HWT149" s="35"/>
      <c r="HWU149" s="35"/>
      <c r="HWV149" s="35"/>
      <c r="HWW149" s="35"/>
      <c r="HWX149" s="35"/>
      <c r="HWY149" s="35"/>
      <c r="HWZ149" s="35"/>
      <c r="HXA149" s="35"/>
      <c r="HXB149" s="35"/>
      <c r="HXC149" s="35"/>
      <c r="HXD149" s="35"/>
      <c r="HXE149" s="35"/>
      <c r="HXF149" s="35"/>
      <c r="HXG149" s="35"/>
      <c r="HXH149" s="35"/>
      <c r="HXI149" s="35"/>
      <c r="HXJ149" s="35"/>
      <c r="HXK149" s="35"/>
      <c r="HXL149" s="35"/>
      <c r="HXM149" s="35"/>
      <c r="HXN149" s="35"/>
      <c r="HXO149" s="35"/>
      <c r="HXP149" s="35"/>
      <c r="HXQ149" s="35"/>
      <c r="HXR149" s="35"/>
      <c r="HXS149" s="35"/>
      <c r="HXT149" s="35"/>
      <c r="HXU149" s="35"/>
      <c r="HXV149" s="35"/>
      <c r="HXW149" s="35"/>
      <c r="HXX149" s="35"/>
      <c r="HXY149" s="35"/>
      <c r="HXZ149" s="35"/>
      <c r="HYA149" s="35"/>
      <c r="HYB149" s="35"/>
      <c r="HYC149" s="35"/>
      <c r="HYD149" s="35"/>
      <c r="HYE149" s="35"/>
      <c r="HYF149" s="35"/>
      <c r="HYG149" s="35"/>
      <c r="HYH149" s="35"/>
      <c r="HYI149" s="35"/>
      <c r="HYJ149" s="35"/>
      <c r="HYK149" s="35"/>
      <c r="HYL149" s="35"/>
      <c r="HYM149" s="35"/>
      <c r="HYN149" s="35"/>
      <c r="HYO149" s="35"/>
      <c r="HYP149" s="35"/>
      <c r="HYQ149" s="35"/>
      <c r="HYR149" s="35"/>
      <c r="HYS149" s="35"/>
      <c r="HYT149" s="35"/>
      <c r="HYU149" s="35"/>
      <c r="HYV149" s="35"/>
      <c r="HYW149" s="35"/>
      <c r="HYX149" s="35"/>
      <c r="HYY149" s="35"/>
      <c r="HYZ149" s="35"/>
      <c r="HZA149" s="35"/>
      <c r="HZB149" s="35"/>
      <c r="HZC149" s="35"/>
      <c r="HZD149" s="35"/>
      <c r="HZE149" s="35"/>
      <c r="HZF149" s="35"/>
      <c r="HZG149" s="35"/>
      <c r="HZH149" s="35"/>
      <c r="HZI149" s="35"/>
      <c r="HZJ149" s="35"/>
      <c r="HZK149" s="35"/>
      <c r="HZL149" s="35"/>
      <c r="HZM149" s="35"/>
      <c r="HZN149" s="35"/>
      <c r="HZO149" s="35"/>
      <c r="HZP149" s="35"/>
      <c r="HZQ149" s="35"/>
      <c r="HZR149" s="35"/>
      <c r="HZS149" s="35"/>
      <c r="HZT149" s="35"/>
      <c r="HZU149" s="35"/>
      <c r="HZV149" s="35"/>
      <c r="HZW149" s="35"/>
      <c r="HZX149" s="35"/>
      <c r="HZY149" s="35"/>
      <c r="HZZ149" s="35"/>
      <c r="IAA149" s="35"/>
      <c r="IAB149" s="35"/>
      <c r="IAC149" s="35"/>
      <c r="IAD149" s="35"/>
      <c r="IAE149" s="35"/>
      <c r="IAF149" s="35"/>
      <c r="IAG149" s="35"/>
      <c r="IAH149" s="35"/>
      <c r="IAI149" s="35"/>
      <c r="IAJ149" s="35"/>
      <c r="IAK149" s="35"/>
      <c r="IAL149" s="35"/>
      <c r="IAM149" s="35"/>
      <c r="IAN149" s="35"/>
      <c r="IAO149" s="35"/>
      <c r="IAP149" s="35"/>
      <c r="IAQ149" s="35"/>
      <c r="IAR149" s="35"/>
      <c r="IAS149" s="35"/>
      <c r="IAT149" s="35"/>
      <c r="IAU149" s="35"/>
      <c r="IAV149" s="35"/>
      <c r="IAW149" s="35"/>
      <c r="IAX149" s="35"/>
      <c r="IAY149" s="35"/>
      <c r="IAZ149" s="35"/>
      <c r="IBA149" s="35"/>
      <c r="IBB149" s="35"/>
      <c r="IBC149" s="35"/>
      <c r="IBD149" s="35"/>
      <c r="IBE149" s="35"/>
      <c r="IBF149" s="35"/>
      <c r="IBG149" s="35"/>
      <c r="IBH149" s="35"/>
      <c r="IBI149" s="35"/>
      <c r="IBJ149" s="35"/>
      <c r="IBK149" s="35"/>
      <c r="IBL149" s="35"/>
      <c r="IBM149" s="35"/>
      <c r="IBN149" s="35"/>
      <c r="IBO149" s="35"/>
      <c r="IBP149" s="35"/>
      <c r="IBQ149" s="35"/>
      <c r="IBR149" s="35"/>
      <c r="IBS149" s="35"/>
      <c r="IBT149" s="35"/>
      <c r="IBU149" s="35"/>
      <c r="IBV149" s="35"/>
      <c r="IBW149" s="35"/>
      <c r="IBX149" s="35"/>
      <c r="IBY149" s="35"/>
      <c r="IBZ149" s="35"/>
      <c r="ICA149" s="35"/>
      <c r="ICB149" s="35"/>
      <c r="ICC149" s="35"/>
      <c r="ICD149" s="35"/>
      <c r="ICE149" s="35"/>
      <c r="ICF149" s="35"/>
      <c r="ICG149" s="35"/>
      <c r="ICH149" s="35"/>
      <c r="ICI149" s="35"/>
      <c r="ICJ149" s="35"/>
      <c r="ICK149" s="35"/>
      <c r="ICL149" s="35"/>
      <c r="ICM149" s="35"/>
      <c r="ICN149" s="35"/>
      <c r="ICO149" s="35"/>
      <c r="ICP149" s="35"/>
      <c r="ICQ149" s="35"/>
      <c r="ICR149" s="35"/>
      <c r="ICS149" s="35"/>
      <c r="ICT149" s="35"/>
      <c r="ICU149" s="35"/>
      <c r="ICV149" s="35"/>
      <c r="ICW149" s="35"/>
      <c r="ICX149" s="35"/>
      <c r="ICY149" s="35"/>
      <c r="ICZ149" s="35"/>
      <c r="IDA149" s="35"/>
      <c r="IDB149" s="35"/>
      <c r="IDC149" s="35"/>
      <c r="IDD149" s="35"/>
      <c r="IDE149" s="35"/>
      <c r="IDF149" s="35"/>
      <c r="IDG149" s="35"/>
      <c r="IDH149" s="35"/>
      <c r="IDI149" s="35"/>
      <c r="IDJ149" s="35"/>
      <c r="IDK149" s="35"/>
      <c r="IDL149" s="35"/>
      <c r="IDM149" s="35"/>
      <c r="IDN149" s="35"/>
      <c r="IDO149" s="35"/>
      <c r="IDP149" s="35"/>
      <c r="IDQ149" s="35"/>
      <c r="IDR149" s="35"/>
      <c r="IDS149" s="35"/>
      <c r="IDT149" s="35"/>
      <c r="IDU149" s="35"/>
      <c r="IDV149" s="35"/>
      <c r="IDW149" s="35"/>
      <c r="IDX149" s="35"/>
      <c r="IDY149" s="35"/>
      <c r="IDZ149" s="35"/>
      <c r="IEA149" s="35"/>
      <c r="IEB149" s="35"/>
      <c r="IEC149" s="35"/>
      <c r="IED149" s="35"/>
      <c r="IEE149" s="35"/>
      <c r="IEF149" s="35"/>
      <c r="IEG149" s="35"/>
      <c r="IEH149" s="35"/>
      <c r="IEI149" s="35"/>
      <c r="IEJ149" s="35"/>
      <c r="IEK149" s="35"/>
      <c r="IEL149" s="35"/>
      <c r="IEM149" s="35"/>
      <c r="IEN149" s="35"/>
      <c r="IEO149" s="35"/>
      <c r="IEP149" s="35"/>
      <c r="IEQ149" s="35"/>
      <c r="IER149" s="35"/>
      <c r="IES149" s="35"/>
      <c r="IET149" s="35"/>
      <c r="IEU149" s="35"/>
      <c r="IEV149" s="35"/>
      <c r="IEW149" s="35"/>
      <c r="IEX149" s="35"/>
      <c r="IEY149" s="35"/>
      <c r="IEZ149" s="35"/>
      <c r="IFA149" s="35"/>
      <c r="IFB149" s="35"/>
      <c r="IFC149" s="35"/>
      <c r="IFD149" s="35"/>
      <c r="IFE149" s="35"/>
      <c r="IFF149" s="35"/>
      <c r="IFG149" s="35"/>
      <c r="IFH149" s="35"/>
      <c r="IFI149" s="35"/>
      <c r="IFJ149" s="35"/>
      <c r="IFK149" s="35"/>
      <c r="IFL149" s="35"/>
      <c r="IFM149" s="35"/>
      <c r="IFN149" s="35"/>
      <c r="IFO149" s="35"/>
      <c r="IFP149" s="35"/>
      <c r="IFQ149" s="35"/>
      <c r="IFR149" s="35"/>
      <c r="IFS149" s="35"/>
      <c r="IFT149" s="35"/>
      <c r="IFU149" s="35"/>
      <c r="IFV149" s="35"/>
      <c r="IFW149" s="35"/>
      <c r="IFX149" s="35"/>
      <c r="IFY149" s="35"/>
      <c r="IFZ149" s="35"/>
      <c r="IGA149" s="35"/>
      <c r="IGB149" s="35"/>
      <c r="IGC149" s="35"/>
      <c r="IGD149" s="35"/>
      <c r="IGE149" s="35"/>
      <c r="IGF149" s="35"/>
      <c r="IGG149" s="35"/>
      <c r="IGH149" s="35"/>
      <c r="IGI149" s="35"/>
      <c r="IGJ149" s="35"/>
      <c r="IGK149" s="35"/>
      <c r="IGL149" s="35"/>
      <c r="IGM149" s="35"/>
      <c r="IGN149" s="35"/>
      <c r="IGO149" s="35"/>
      <c r="IGP149" s="35"/>
      <c r="IGQ149" s="35"/>
      <c r="IGR149" s="35"/>
      <c r="IGS149" s="35"/>
      <c r="IGT149" s="35"/>
      <c r="IGU149" s="35"/>
      <c r="IGV149" s="35"/>
      <c r="IGW149" s="35"/>
      <c r="IGX149" s="35"/>
      <c r="IGY149" s="35"/>
      <c r="IGZ149" s="35"/>
      <c r="IHA149" s="35"/>
      <c r="IHB149" s="35"/>
      <c r="IHC149" s="35"/>
      <c r="IHD149" s="35"/>
      <c r="IHE149" s="35"/>
      <c r="IHF149" s="35"/>
      <c r="IHG149" s="35"/>
      <c r="IHH149" s="35"/>
      <c r="IHI149" s="35"/>
      <c r="IHJ149" s="35"/>
      <c r="IHK149" s="35"/>
      <c r="IHL149" s="35"/>
      <c r="IHM149" s="35"/>
      <c r="IHN149" s="35"/>
      <c r="IHO149" s="35"/>
      <c r="IHP149" s="35"/>
      <c r="IHQ149" s="35"/>
      <c r="IHR149" s="35"/>
      <c r="IHS149" s="35"/>
      <c r="IHT149" s="35"/>
      <c r="IHU149" s="35"/>
      <c r="IHV149" s="35"/>
      <c r="IHW149" s="35"/>
      <c r="IHX149" s="35"/>
      <c r="IHY149" s="35"/>
      <c r="IHZ149" s="35"/>
      <c r="IIA149" s="35"/>
      <c r="IIB149" s="35"/>
      <c r="IIC149" s="35"/>
      <c r="IID149" s="35"/>
      <c r="IIE149" s="35"/>
      <c r="IIF149" s="35"/>
      <c r="IIG149" s="35"/>
      <c r="IIH149" s="35"/>
      <c r="III149" s="35"/>
      <c r="IIJ149" s="35"/>
      <c r="IIK149" s="35"/>
      <c r="IIL149" s="35"/>
      <c r="IIM149" s="35"/>
      <c r="IIN149" s="35"/>
      <c r="IIO149" s="35"/>
      <c r="IIP149" s="35"/>
      <c r="IIQ149" s="35"/>
      <c r="IIR149" s="35"/>
      <c r="IIS149" s="35"/>
      <c r="IIT149" s="35"/>
      <c r="IIU149" s="35"/>
      <c r="IIV149" s="35"/>
      <c r="IIW149" s="35"/>
      <c r="IIX149" s="35"/>
      <c r="IIY149" s="35"/>
      <c r="IIZ149" s="35"/>
      <c r="IJA149" s="35"/>
      <c r="IJB149" s="35"/>
      <c r="IJC149" s="35"/>
      <c r="IJD149" s="35"/>
      <c r="IJE149" s="35"/>
      <c r="IJF149" s="35"/>
      <c r="IJG149" s="35"/>
      <c r="IJH149" s="35"/>
      <c r="IJI149" s="35"/>
      <c r="IJJ149" s="35"/>
      <c r="IJK149" s="35"/>
      <c r="IJL149" s="35"/>
      <c r="IJM149" s="35"/>
      <c r="IJN149" s="35"/>
      <c r="IJO149" s="35"/>
      <c r="IJP149" s="35"/>
      <c r="IJQ149" s="35"/>
      <c r="IJR149" s="35"/>
      <c r="IJS149" s="35"/>
      <c r="IJT149" s="35"/>
      <c r="IJU149" s="35"/>
      <c r="IJV149" s="35"/>
      <c r="IJW149" s="35"/>
      <c r="IJX149" s="35"/>
      <c r="IJY149" s="35"/>
      <c r="IJZ149" s="35"/>
      <c r="IKA149" s="35"/>
      <c r="IKB149" s="35"/>
      <c r="IKC149" s="35"/>
      <c r="IKD149" s="35"/>
      <c r="IKE149" s="35"/>
      <c r="IKF149" s="35"/>
      <c r="IKG149" s="35"/>
      <c r="IKH149" s="35"/>
      <c r="IKI149" s="35"/>
      <c r="IKJ149" s="35"/>
      <c r="IKK149" s="35"/>
      <c r="IKL149" s="35"/>
      <c r="IKM149" s="35"/>
      <c r="IKN149" s="35"/>
      <c r="IKO149" s="35"/>
      <c r="IKP149" s="35"/>
      <c r="IKQ149" s="35"/>
      <c r="IKR149" s="35"/>
      <c r="IKS149" s="35"/>
      <c r="IKT149" s="35"/>
      <c r="IKU149" s="35"/>
      <c r="IKV149" s="35"/>
      <c r="IKW149" s="35"/>
      <c r="IKX149" s="35"/>
      <c r="IKY149" s="35"/>
      <c r="IKZ149" s="35"/>
      <c r="ILA149" s="35"/>
      <c r="ILB149" s="35"/>
      <c r="ILC149" s="35"/>
      <c r="ILD149" s="35"/>
      <c r="ILE149" s="35"/>
      <c r="ILF149" s="35"/>
      <c r="ILG149" s="35"/>
      <c r="ILH149" s="35"/>
      <c r="ILI149" s="35"/>
      <c r="ILJ149" s="35"/>
      <c r="ILK149" s="35"/>
      <c r="ILL149" s="35"/>
      <c r="ILM149" s="35"/>
      <c r="ILN149" s="35"/>
      <c r="ILO149" s="35"/>
      <c r="ILP149" s="35"/>
      <c r="ILQ149" s="35"/>
      <c r="ILR149" s="35"/>
      <c r="ILS149" s="35"/>
      <c r="ILT149" s="35"/>
      <c r="ILU149" s="35"/>
      <c r="ILV149" s="35"/>
      <c r="ILW149" s="35"/>
      <c r="ILX149" s="35"/>
      <c r="ILY149" s="35"/>
      <c r="ILZ149" s="35"/>
      <c r="IMA149" s="35"/>
      <c r="IMB149" s="35"/>
      <c r="IMC149" s="35"/>
      <c r="IMD149" s="35"/>
      <c r="IME149" s="35"/>
      <c r="IMF149" s="35"/>
      <c r="IMG149" s="35"/>
      <c r="IMH149" s="35"/>
      <c r="IMI149" s="35"/>
      <c r="IMJ149" s="35"/>
      <c r="IMK149" s="35"/>
      <c r="IML149" s="35"/>
      <c r="IMM149" s="35"/>
      <c r="IMN149" s="35"/>
      <c r="IMO149" s="35"/>
      <c r="IMP149" s="35"/>
      <c r="IMQ149" s="35"/>
      <c r="IMR149" s="35"/>
      <c r="IMS149" s="35"/>
      <c r="IMT149" s="35"/>
      <c r="IMU149" s="35"/>
      <c r="IMV149" s="35"/>
      <c r="IMW149" s="35"/>
      <c r="IMX149" s="35"/>
      <c r="IMY149" s="35"/>
      <c r="IMZ149" s="35"/>
      <c r="INA149" s="35"/>
      <c r="INB149" s="35"/>
      <c r="INC149" s="35"/>
      <c r="IND149" s="35"/>
      <c r="INE149" s="35"/>
      <c r="INF149" s="35"/>
      <c r="ING149" s="35"/>
      <c r="INH149" s="35"/>
      <c r="INI149" s="35"/>
      <c r="INJ149" s="35"/>
      <c r="INK149" s="35"/>
      <c r="INL149" s="35"/>
      <c r="INM149" s="35"/>
      <c r="INN149" s="35"/>
      <c r="INO149" s="35"/>
      <c r="INP149" s="35"/>
      <c r="INQ149" s="35"/>
      <c r="INR149" s="35"/>
      <c r="INS149" s="35"/>
      <c r="INT149" s="35"/>
      <c r="INU149" s="35"/>
      <c r="INV149" s="35"/>
      <c r="INW149" s="35"/>
      <c r="INX149" s="35"/>
      <c r="INY149" s="35"/>
      <c r="INZ149" s="35"/>
      <c r="IOA149" s="35"/>
      <c r="IOB149" s="35"/>
      <c r="IOC149" s="35"/>
      <c r="IOD149" s="35"/>
      <c r="IOE149" s="35"/>
      <c r="IOF149" s="35"/>
      <c r="IOG149" s="35"/>
      <c r="IOH149" s="35"/>
      <c r="IOI149" s="35"/>
      <c r="IOJ149" s="35"/>
      <c r="IOK149" s="35"/>
      <c r="IOL149" s="35"/>
      <c r="IOM149" s="35"/>
      <c r="ION149" s="35"/>
      <c r="IOO149" s="35"/>
      <c r="IOP149" s="35"/>
      <c r="IOQ149" s="35"/>
      <c r="IOR149" s="35"/>
      <c r="IOS149" s="35"/>
      <c r="IOT149" s="35"/>
      <c r="IOU149" s="35"/>
      <c r="IOV149" s="35"/>
      <c r="IOW149" s="35"/>
      <c r="IOX149" s="35"/>
      <c r="IOY149" s="35"/>
      <c r="IOZ149" s="35"/>
      <c r="IPA149" s="35"/>
      <c r="IPB149" s="35"/>
      <c r="IPC149" s="35"/>
      <c r="IPD149" s="35"/>
      <c r="IPE149" s="35"/>
      <c r="IPF149" s="35"/>
      <c r="IPG149" s="35"/>
      <c r="IPH149" s="35"/>
      <c r="IPI149" s="35"/>
      <c r="IPJ149" s="35"/>
      <c r="IPK149" s="35"/>
      <c r="IPL149" s="35"/>
      <c r="IPM149" s="35"/>
      <c r="IPN149" s="35"/>
      <c r="IPO149" s="35"/>
      <c r="IPP149" s="35"/>
      <c r="IPQ149" s="35"/>
      <c r="IPR149" s="35"/>
      <c r="IPS149" s="35"/>
      <c r="IPT149" s="35"/>
      <c r="IPU149" s="35"/>
      <c r="IPV149" s="35"/>
      <c r="IPW149" s="35"/>
      <c r="IPX149" s="35"/>
      <c r="IPY149" s="35"/>
      <c r="IPZ149" s="35"/>
      <c r="IQA149" s="35"/>
      <c r="IQB149" s="35"/>
      <c r="IQC149" s="35"/>
      <c r="IQD149" s="35"/>
      <c r="IQE149" s="35"/>
      <c r="IQF149" s="35"/>
      <c r="IQG149" s="35"/>
      <c r="IQH149" s="35"/>
      <c r="IQI149" s="35"/>
      <c r="IQJ149" s="35"/>
      <c r="IQK149" s="35"/>
      <c r="IQL149" s="35"/>
      <c r="IQM149" s="35"/>
      <c r="IQN149" s="35"/>
      <c r="IQO149" s="35"/>
      <c r="IQP149" s="35"/>
      <c r="IQQ149" s="35"/>
      <c r="IQR149" s="35"/>
      <c r="IQS149" s="35"/>
      <c r="IQT149" s="35"/>
      <c r="IQU149" s="35"/>
      <c r="IQV149" s="35"/>
      <c r="IQW149" s="35"/>
      <c r="IQX149" s="35"/>
      <c r="IQY149" s="35"/>
      <c r="IQZ149" s="35"/>
      <c r="IRA149" s="35"/>
      <c r="IRB149" s="35"/>
      <c r="IRC149" s="35"/>
      <c r="IRD149" s="35"/>
      <c r="IRE149" s="35"/>
      <c r="IRF149" s="35"/>
      <c r="IRG149" s="35"/>
      <c r="IRH149" s="35"/>
      <c r="IRI149" s="35"/>
      <c r="IRJ149" s="35"/>
      <c r="IRK149" s="35"/>
      <c r="IRL149" s="35"/>
      <c r="IRM149" s="35"/>
      <c r="IRN149" s="35"/>
      <c r="IRO149" s="35"/>
      <c r="IRP149" s="35"/>
      <c r="IRQ149" s="35"/>
      <c r="IRR149" s="35"/>
      <c r="IRS149" s="35"/>
      <c r="IRT149" s="35"/>
      <c r="IRU149" s="35"/>
      <c r="IRV149" s="35"/>
      <c r="IRW149" s="35"/>
      <c r="IRX149" s="35"/>
      <c r="IRY149" s="35"/>
      <c r="IRZ149" s="35"/>
      <c r="ISA149" s="35"/>
      <c r="ISB149" s="35"/>
      <c r="ISC149" s="35"/>
      <c r="ISD149" s="35"/>
      <c r="ISE149" s="35"/>
      <c r="ISF149" s="35"/>
      <c r="ISG149" s="35"/>
      <c r="ISH149" s="35"/>
      <c r="ISI149" s="35"/>
      <c r="ISJ149" s="35"/>
      <c r="ISK149" s="35"/>
      <c r="ISL149" s="35"/>
      <c r="ISM149" s="35"/>
      <c r="ISN149" s="35"/>
      <c r="ISO149" s="35"/>
      <c r="ISP149" s="35"/>
      <c r="ISQ149" s="35"/>
      <c r="ISR149" s="35"/>
      <c r="ISS149" s="35"/>
      <c r="IST149" s="35"/>
      <c r="ISU149" s="35"/>
      <c r="ISV149" s="35"/>
      <c r="ISW149" s="35"/>
      <c r="ISX149" s="35"/>
      <c r="ISY149" s="35"/>
      <c r="ISZ149" s="35"/>
      <c r="ITA149" s="35"/>
      <c r="ITB149" s="35"/>
      <c r="ITC149" s="35"/>
      <c r="ITD149" s="35"/>
      <c r="ITE149" s="35"/>
      <c r="ITF149" s="35"/>
      <c r="ITG149" s="35"/>
      <c r="ITH149" s="35"/>
      <c r="ITI149" s="35"/>
      <c r="ITJ149" s="35"/>
      <c r="ITK149" s="35"/>
      <c r="ITL149" s="35"/>
      <c r="ITM149" s="35"/>
      <c r="ITN149" s="35"/>
      <c r="ITO149" s="35"/>
      <c r="ITP149" s="35"/>
      <c r="ITQ149" s="35"/>
      <c r="ITR149" s="35"/>
      <c r="ITS149" s="35"/>
      <c r="ITT149" s="35"/>
      <c r="ITU149" s="35"/>
      <c r="ITV149" s="35"/>
      <c r="ITW149" s="35"/>
      <c r="ITX149" s="35"/>
      <c r="ITY149" s="35"/>
      <c r="ITZ149" s="35"/>
      <c r="IUA149" s="35"/>
      <c r="IUB149" s="35"/>
      <c r="IUC149" s="35"/>
      <c r="IUD149" s="35"/>
      <c r="IUE149" s="35"/>
      <c r="IUF149" s="35"/>
      <c r="IUG149" s="35"/>
      <c r="IUH149" s="35"/>
      <c r="IUI149" s="35"/>
      <c r="IUJ149" s="35"/>
      <c r="IUK149" s="35"/>
      <c r="IUL149" s="35"/>
      <c r="IUM149" s="35"/>
      <c r="IUN149" s="35"/>
      <c r="IUO149" s="35"/>
      <c r="IUP149" s="35"/>
      <c r="IUQ149" s="35"/>
      <c r="IUR149" s="35"/>
      <c r="IUS149" s="35"/>
      <c r="IUT149" s="35"/>
      <c r="IUU149" s="35"/>
      <c r="IUV149" s="35"/>
      <c r="IUW149" s="35"/>
      <c r="IUX149" s="35"/>
      <c r="IUY149" s="35"/>
      <c r="IUZ149" s="35"/>
      <c r="IVA149" s="35"/>
      <c r="IVB149" s="35"/>
      <c r="IVC149" s="35"/>
      <c r="IVD149" s="35"/>
      <c r="IVE149" s="35"/>
      <c r="IVF149" s="35"/>
      <c r="IVG149" s="35"/>
      <c r="IVH149" s="35"/>
      <c r="IVI149" s="35"/>
      <c r="IVJ149" s="35"/>
      <c r="IVK149" s="35"/>
      <c r="IVL149" s="35"/>
      <c r="IVM149" s="35"/>
      <c r="IVN149" s="35"/>
      <c r="IVO149" s="35"/>
      <c r="IVP149" s="35"/>
      <c r="IVQ149" s="35"/>
      <c r="IVR149" s="35"/>
      <c r="IVS149" s="35"/>
      <c r="IVT149" s="35"/>
      <c r="IVU149" s="35"/>
      <c r="IVV149" s="35"/>
      <c r="IVW149" s="35"/>
      <c r="IVX149" s="35"/>
      <c r="IVY149" s="35"/>
      <c r="IVZ149" s="35"/>
      <c r="IWA149" s="35"/>
      <c r="IWB149" s="35"/>
      <c r="IWC149" s="35"/>
      <c r="IWD149" s="35"/>
      <c r="IWE149" s="35"/>
      <c r="IWF149" s="35"/>
      <c r="IWG149" s="35"/>
      <c r="IWH149" s="35"/>
      <c r="IWI149" s="35"/>
      <c r="IWJ149" s="35"/>
      <c r="IWK149" s="35"/>
      <c r="IWL149" s="35"/>
      <c r="IWM149" s="35"/>
      <c r="IWN149" s="35"/>
      <c r="IWO149" s="35"/>
      <c r="IWP149" s="35"/>
      <c r="IWQ149" s="35"/>
      <c r="IWR149" s="35"/>
      <c r="IWS149" s="35"/>
      <c r="IWT149" s="35"/>
      <c r="IWU149" s="35"/>
      <c r="IWV149" s="35"/>
      <c r="IWW149" s="35"/>
      <c r="IWX149" s="35"/>
      <c r="IWY149" s="35"/>
      <c r="IWZ149" s="35"/>
      <c r="IXA149" s="35"/>
      <c r="IXB149" s="35"/>
      <c r="IXC149" s="35"/>
      <c r="IXD149" s="35"/>
      <c r="IXE149" s="35"/>
      <c r="IXF149" s="35"/>
      <c r="IXG149" s="35"/>
      <c r="IXH149" s="35"/>
      <c r="IXI149" s="35"/>
      <c r="IXJ149" s="35"/>
      <c r="IXK149" s="35"/>
      <c r="IXL149" s="35"/>
      <c r="IXM149" s="35"/>
      <c r="IXN149" s="35"/>
      <c r="IXO149" s="35"/>
      <c r="IXP149" s="35"/>
      <c r="IXQ149" s="35"/>
      <c r="IXR149" s="35"/>
      <c r="IXS149" s="35"/>
      <c r="IXT149" s="35"/>
      <c r="IXU149" s="35"/>
      <c r="IXV149" s="35"/>
      <c r="IXW149" s="35"/>
      <c r="IXX149" s="35"/>
      <c r="IXY149" s="35"/>
      <c r="IXZ149" s="35"/>
      <c r="IYA149" s="35"/>
      <c r="IYB149" s="35"/>
      <c r="IYC149" s="35"/>
      <c r="IYD149" s="35"/>
      <c r="IYE149" s="35"/>
      <c r="IYF149" s="35"/>
      <c r="IYG149" s="35"/>
      <c r="IYH149" s="35"/>
      <c r="IYI149" s="35"/>
      <c r="IYJ149" s="35"/>
      <c r="IYK149" s="35"/>
      <c r="IYL149" s="35"/>
      <c r="IYM149" s="35"/>
      <c r="IYN149" s="35"/>
      <c r="IYO149" s="35"/>
      <c r="IYP149" s="35"/>
      <c r="IYQ149" s="35"/>
      <c r="IYR149" s="35"/>
      <c r="IYS149" s="35"/>
      <c r="IYT149" s="35"/>
      <c r="IYU149" s="35"/>
      <c r="IYV149" s="35"/>
      <c r="IYW149" s="35"/>
      <c r="IYX149" s="35"/>
      <c r="IYY149" s="35"/>
      <c r="IYZ149" s="35"/>
      <c r="IZA149" s="35"/>
      <c r="IZB149" s="35"/>
      <c r="IZC149" s="35"/>
      <c r="IZD149" s="35"/>
      <c r="IZE149" s="35"/>
      <c r="IZF149" s="35"/>
      <c r="IZG149" s="35"/>
      <c r="IZH149" s="35"/>
      <c r="IZI149" s="35"/>
      <c r="IZJ149" s="35"/>
      <c r="IZK149" s="35"/>
      <c r="IZL149" s="35"/>
      <c r="IZM149" s="35"/>
      <c r="IZN149" s="35"/>
      <c r="IZO149" s="35"/>
      <c r="IZP149" s="35"/>
      <c r="IZQ149" s="35"/>
      <c r="IZR149" s="35"/>
      <c r="IZS149" s="35"/>
      <c r="IZT149" s="35"/>
      <c r="IZU149" s="35"/>
      <c r="IZV149" s="35"/>
      <c r="IZW149" s="35"/>
      <c r="IZX149" s="35"/>
      <c r="IZY149" s="35"/>
      <c r="IZZ149" s="35"/>
      <c r="JAA149" s="35"/>
      <c r="JAB149" s="35"/>
      <c r="JAC149" s="35"/>
      <c r="JAD149" s="35"/>
      <c r="JAE149" s="35"/>
      <c r="JAF149" s="35"/>
      <c r="JAG149" s="35"/>
      <c r="JAH149" s="35"/>
      <c r="JAI149" s="35"/>
      <c r="JAJ149" s="35"/>
      <c r="JAK149" s="35"/>
      <c r="JAL149" s="35"/>
      <c r="JAM149" s="35"/>
      <c r="JAN149" s="35"/>
      <c r="JAO149" s="35"/>
      <c r="JAP149" s="35"/>
      <c r="JAQ149" s="35"/>
      <c r="JAR149" s="35"/>
      <c r="JAS149" s="35"/>
      <c r="JAT149" s="35"/>
      <c r="JAU149" s="35"/>
      <c r="JAV149" s="35"/>
      <c r="JAW149" s="35"/>
      <c r="JAX149" s="35"/>
      <c r="JAY149" s="35"/>
      <c r="JAZ149" s="35"/>
      <c r="JBA149" s="35"/>
      <c r="JBB149" s="35"/>
      <c r="JBC149" s="35"/>
      <c r="JBD149" s="35"/>
      <c r="JBE149" s="35"/>
      <c r="JBF149" s="35"/>
      <c r="JBG149" s="35"/>
      <c r="JBH149" s="35"/>
      <c r="JBI149" s="35"/>
      <c r="JBJ149" s="35"/>
      <c r="JBK149" s="35"/>
      <c r="JBL149" s="35"/>
      <c r="JBM149" s="35"/>
      <c r="JBN149" s="35"/>
      <c r="JBO149" s="35"/>
      <c r="JBP149" s="35"/>
      <c r="JBQ149" s="35"/>
      <c r="JBR149" s="35"/>
      <c r="JBS149" s="35"/>
      <c r="JBT149" s="35"/>
      <c r="JBU149" s="35"/>
      <c r="JBV149" s="35"/>
      <c r="JBW149" s="35"/>
      <c r="JBX149" s="35"/>
      <c r="JBY149" s="35"/>
      <c r="JBZ149" s="35"/>
      <c r="JCA149" s="35"/>
      <c r="JCB149" s="35"/>
      <c r="JCC149" s="35"/>
      <c r="JCD149" s="35"/>
      <c r="JCE149" s="35"/>
      <c r="JCF149" s="35"/>
      <c r="JCG149" s="35"/>
      <c r="JCH149" s="35"/>
      <c r="JCI149" s="35"/>
      <c r="JCJ149" s="35"/>
      <c r="JCK149" s="35"/>
      <c r="JCL149" s="35"/>
      <c r="JCM149" s="35"/>
      <c r="JCN149" s="35"/>
      <c r="JCO149" s="35"/>
      <c r="JCP149" s="35"/>
      <c r="JCQ149" s="35"/>
      <c r="JCR149" s="35"/>
      <c r="JCS149" s="35"/>
      <c r="JCT149" s="35"/>
      <c r="JCU149" s="35"/>
      <c r="JCV149" s="35"/>
      <c r="JCW149" s="35"/>
      <c r="JCX149" s="35"/>
      <c r="JCY149" s="35"/>
      <c r="JCZ149" s="35"/>
      <c r="JDA149" s="35"/>
      <c r="JDB149" s="35"/>
      <c r="JDC149" s="35"/>
      <c r="JDD149" s="35"/>
      <c r="JDE149" s="35"/>
      <c r="JDF149" s="35"/>
      <c r="JDG149" s="35"/>
      <c r="JDH149" s="35"/>
      <c r="JDI149" s="35"/>
      <c r="JDJ149" s="35"/>
      <c r="JDK149" s="35"/>
      <c r="JDL149" s="35"/>
      <c r="JDM149" s="35"/>
      <c r="JDN149" s="35"/>
      <c r="JDO149" s="35"/>
      <c r="JDP149" s="35"/>
      <c r="JDQ149" s="35"/>
      <c r="JDR149" s="35"/>
      <c r="JDS149" s="35"/>
      <c r="JDT149" s="35"/>
      <c r="JDU149" s="35"/>
      <c r="JDV149" s="35"/>
      <c r="JDW149" s="35"/>
      <c r="JDX149" s="35"/>
      <c r="JDY149" s="35"/>
      <c r="JDZ149" s="35"/>
      <c r="JEA149" s="35"/>
      <c r="JEB149" s="35"/>
      <c r="JEC149" s="35"/>
      <c r="JED149" s="35"/>
      <c r="JEE149" s="35"/>
      <c r="JEF149" s="35"/>
      <c r="JEG149" s="35"/>
      <c r="JEH149" s="35"/>
      <c r="JEI149" s="35"/>
      <c r="JEJ149" s="35"/>
      <c r="JEK149" s="35"/>
      <c r="JEL149" s="35"/>
      <c r="JEM149" s="35"/>
      <c r="JEN149" s="35"/>
      <c r="JEO149" s="35"/>
      <c r="JEP149" s="35"/>
      <c r="JEQ149" s="35"/>
      <c r="JER149" s="35"/>
      <c r="JES149" s="35"/>
      <c r="JET149" s="35"/>
      <c r="JEU149" s="35"/>
      <c r="JEV149" s="35"/>
      <c r="JEW149" s="35"/>
      <c r="JEX149" s="35"/>
      <c r="JEY149" s="35"/>
      <c r="JEZ149" s="35"/>
      <c r="JFA149" s="35"/>
      <c r="JFB149" s="35"/>
      <c r="JFC149" s="35"/>
      <c r="JFD149" s="35"/>
      <c r="JFE149" s="35"/>
      <c r="JFF149" s="35"/>
      <c r="JFG149" s="35"/>
      <c r="JFH149" s="35"/>
      <c r="JFI149" s="35"/>
      <c r="JFJ149" s="35"/>
      <c r="JFK149" s="35"/>
      <c r="JFL149" s="35"/>
      <c r="JFM149" s="35"/>
      <c r="JFN149" s="35"/>
      <c r="JFO149" s="35"/>
      <c r="JFP149" s="35"/>
      <c r="JFQ149" s="35"/>
      <c r="JFR149" s="35"/>
      <c r="JFS149" s="35"/>
      <c r="JFT149" s="35"/>
      <c r="JFU149" s="35"/>
      <c r="JFV149" s="35"/>
      <c r="JFW149" s="35"/>
      <c r="JFX149" s="35"/>
      <c r="JFY149" s="35"/>
      <c r="JFZ149" s="35"/>
      <c r="JGA149" s="35"/>
      <c r="JGB149" s="35"/>
      <c r="JGC149" s="35"/>
      <c r="JGD149" s="35"/>
      <c r="JGE149" s="35"/>
      <c r="JGF149" s="35"/>
      <c r="JGG149" s="35"/>
      <c r="JGH149" s="35"/>
      <c r="JGI149" s="35"/>
      <c r="JGJ149" s="35"/>
      <c r="JGK149" s="35"/>
      <c r="JGL149" s="35"/>
      <c r="JGM149" s="35"/>
      <c r="JGN149" s="35"/>
      <c r="JGO149" s="35"/>
      <c r="JGP149" s="35"/>
      <c r="JGQ149" s="35"/>
      <c r="JGR149" s="35"/>
      <c r="JGS149" s="35"/>
      <c r="JGT149" s="35"/>
      <c r="JGU149" s="35"/>
      <c r="JGV149" s="35"/>
      <c r="JGW149" s="35"/>
      <c r="JGX149" s="35"/>
      <c r="JGY149" s="35"/>
      <c r="JGZ149" s="35"/>
      <c r="JHA149" s="35"/>
      <c r="JHB149" s="35"/>
      <c r="JHC149" s="35"/>
      <c r="JHD149" s="35"/>
      <c r="JHE149" s="35"/>
      <c r="JHF149" s="35"/>
      <c r="JHG149" s="35"/>
      <c r="JHH149" s="35"/>
      <c r="JHI149" s="35"/>
      <c r="JHJ149" s="35"/>
      <c r="JHK149" s="35"/>
      <c r="JHL149" s="35"/>
      <c r="JHM149" s="35"/>
      <c r="JHN149" s="35"/>
      <c r="JHO149" s="35"/>
      <c r="JHP149" s="35"/>
      <c r="JHQ149" s="35"/>
      <c r="JHR149" s="35"/>
      <c r="JHS149" s="35"/>
      <c r="JHT149" s="35"/>
      <c r="JHU149" s="35"/>
      <c r="JHV149" s="35"/>
      <c r="JHW149" s="35"/>
      <c r="JHX149" s="35"/>
      <c r="JHY149" s="35"/>
      <c r="JHZ149" s="35"/>
      <c r="JIA149" s="35"/>
      <c r="JIB149" s="35"/>
      <c r="JIC149" s="35"/>
      <c r="JID149" s="35"/>
      <c r="JIE149" s="35"/>
      <c r="JIF149" s="35"/>
      <c r="JIG149" s="35"/>
      <c r="JIH149" s="35"/>
      <c r="JII149" s="35"/>
      <c r="JIJ149" s="35"/>
      <c r="JIK149" s="35"/>
      <c r="JIL149" s="35"/>
      <c r="JIM149" s="35"/>
      <c r="JIN149" s="35"/>
      <c r="JIO149" s="35"/>
      <c r="JIP149" s="35"/>
      <c r="JIQ149" s="35"/>
      <c r="JIR149" s="35"/>
      <c r="JIS149" s="35"/>
      <c r="JIT149" s="35"/>
      <c r="JIU149" s="35"/>
      <c r="JIV149" s="35"/>
      <c r="JIW149" s="35"/>
      <c r="JIX149" s="35"/>
      <c r="JIY149" s="35"/>
      <c r="JIZ149" s="35"/>
      <c r="JJA149" s="35"/>
      <c r="JJB149" s="35"/>
      <c r="JJC149" s="35"/>
      <c r="JJD149" s="35"/>
      <c r="JJE149" s="35"/>
      <c r="JJF149" s="35"/>
      <c r="JJG149" s="35"/>
      <c r="JJH149" s="35"/>
      <c r="JJI149" s="35"/>
      <c r="JJJ149" s="35"/>
      <c r="JJK149" s="35"/>
      <c r="JJL149" s="35"/>
      <c r="JJM149" s="35"/>
      <c r="JJN149" s="35"/>
      <c r="JJO149" s="35"/>
      <c r="JJP149" s="35"/>
      <c r="JJQ149" s="35"/>
      <c r="JJR149" s="35"/>
      <c r="JJS149" s="35"/>
      <c r="JJT149" s="35"/>
      <c r="JJU149" s="35"/>
      <c r="JJV149" s="35"/>
      <c r="JJW149" s="35"/>
      <c r="JJX149" s="35"/>
      <c r="JJY149" s="35"/>
      <c r="JJZ149" s="35"/>
      <c r="JKA149" s="35"/>
      <c r="JKB149" s="35"/>
      <c r="JKC149" s="35"/>
      <c r="JKD149" s="35"/>
      <c r="JKE149" s="35"/>
      <c r="JKF149" s="35"/>
      <c r="JKG149" s="35"/>
      <c r="JKH149" s="35"/>
      <c r="JKI149" s="35"/>
      <c r="JKJ149" s="35"/>
      <c r="JKK149" s="35"/>
      <c r="JKL149" s="35"/>
      <c r="JKM149" s="35"/>
      <c r="JKN149" s="35"/>
      <c r="JKO149" s="35"/>
      <c r="JKP149" s="35"/>
      <c r="JKQ149" s="35"/>
      <c r="JKR149" s="35"/>
      <c r="JKS149" s="35"/>
      <c r="JKT149" s="35"/>
      <c r="JKU149" s="35"/>
      <c r="JKV149" s="35"/>
      <c r="JKW149" s="35"/>
      <c r="JKX149" s="35"/>
      <c r="JKY149" s="35"/>
      <c r="JKZ149" s="35"/>
      <c r="JLA149" s="35"/>
      <c r="JLB149" s="35"/>
      <c r="JLC149" s="35"/>
      <c r="JLD149" s="35"/>
      <c r="JLE149" s="35"/>
      <c r="JLF149" s="35"/>
      <c r="JLG149" s="35"/>
      <c r="JLH149" s="35"/>
      <c r="JLI149" s="35"/>
      <c r="JLJ149" s="35"/>
      <c r="JLK149" s="35"/>
      <c r="JLL149" s="35"/>
      <c r="JLM149" s="35"/>
      <c r="JLN149" s="35"/>
      <c r="JLO149" s="35"/>
      <c r="JLP149" s="35"/>
      <c r="JLQ149" s="35"/>
      <c r="JLR149" s="35"/>
      <c r="JLS149" s="35"/>
      <c r="JLT149" s="35"/>
      <c r="JLU149" s="35"/>
      <c r="JLV149" s="35"/>
      <c r="JLW149" s="35"/>
      <c r="JLX149" s="35"/>
      <c r="JLY149" s="35"/>
      <c r="JLZ149" s="35"/>
      <c r="JMA149" s="35"/>
      <c r="JMB149" s="35"/>
      <c r="JMC149" s="35"/>
      <c r="JMD149" s="35"/>
      <c r="JME149" s="35"/>
      <c r="JMF149" s="35"/>
      <c r="JMG149" s="35"/>
      <c r="JMH149" s="35"/>
      <c r="JMI149" s="35"/>
      <c r="JMJ149" s="35"/>
      <c r="JMK149" s="35"/>
      <c r="JML149" s="35"/>
      <c r="JMM149" s="35"/>
      <c r="JMN149" s="35"/>
      <c r="JMO149" s="35"/>
      <c r="JMP149" s="35"/>
      <c r="JMQ149" s="35"/>
      <c r="JMR149" s="35"/>
      <c r="JMS149" s="35"/>
      <c r="JMT149" s="35"/>
      <c r="JMU149" s="35"/>
      <c r="JMV149" s="35"/>
      <c r="JMW149" s="35"/>
      <c r="JMX149" s="35"/>
      <c r="JMY149" s="35"/>
      <c r="JMZ149" s="35"/>
      <c r="JNA149" s="35"/>
      <c r="JNB149" s="35"/>
      <c r="JNC149" s="35"/>
      <c r="JND149" s="35"/>
      <c r="JNE149" s="35"/>
      <c r="JNF149" s="35"/>
      <c r="JNG149" s="35"/>
      <c r="JNH149" s="35"/>
      <c r="JNI149" s="35"/>
      <c r="JNJ149" s="35"/>
      <c r="JNK149" s="35"/>
      <c r="JNL149" s="35"/>
      <c r="JNM149" s="35"/>
      <c r="JNN149" s="35"/>
      <c r="JNO149" s="35"/>
      <c r="JNP149" s="35"/>
      <c r="JNQ149" s="35"/>
      <c r="JNR149" s="35"/>
      <c r="JNS149" s="35"/>
      <c r="JNT149" s="35"/>
      <c r="JNU149" s="35"/>
      <c r="JNV149" s="35"/>
      <c r="JNW149" s="35"/>
      <c r="JNX149" s="35"/>
      <c r="JNY149" s="35"/>
      <c r="JNZ149" s="35"/>
      <c r="JOA149" s="35"/>
      <c r="JOB149" s="35"/>
      <c r="JOC149" s="35"/>
      <c r="JOD149" s="35"/>
      <c r="JOE149" s="35"/>
      <c r="JOF149" s="35"/>
      <c r="JOG149" s="35"/>
      <c r="JOH149" s="35"/>
      <c r="JOI149" s="35"/>
      <c r="JOJ149" s="35"/>
      <c r="JOK149" s="35"/>
      <c r="JOL149" s="35"/>
      <c r="JOM149" s="35"/>
      <c r="JON149" s="35"/>
      <c r="JOO149" s="35"/>
      <c r="JOP149" s="35"/>
      <c r="JOQ149" s="35"/>
      <c r="JOR149" s="35"/>
      <c r="JOS149" s="35"/>
      <c r="JOT149" s="35"/>
      <c r="JOU149" s="35"/>
      <c r="JOV149" s="35"/>
      <c r="JOW149" s="35"/>
      <c r="JOX149" s="35"/>
      <c r="JOY149" s="35"/>
      <c r="JOZ149" s="35"/>
      <c r="JPA149" s="35"/>
      <c r="JPB149" s="35"/>
      <c r="JPC149" s="35"/>
      <c r="JPD149" s="35"/>
      <c r="JPE149" s="35"/>
      <c r="JPF149" s="35"/>
      <c r="JPG149" s="35"/>
      <c r="JPH149" s="35"/>
      <c r="JPI149" s="35"/>
      <c r="JPJ149" s="35"/>
      <c r="JPK149" s="35"/>
      <c r="JPL149" s="35"/>
      <c r="JPM149" s="35"/>
      <c r="JPN149" s="35"/>
      <c r="JPO149" s="35"/>
      <c r="JPP149" s="35"/>
      <c r="JPQ149" s="35"/>
      <c r="JPR149" s="35"/>
      <c r="JPS149" s="35"/>
      <c r="JPT149" s="35"/>
      <c r="JPU149" s="35"/>
      <c r="JPV149" s="35"/>
      <c r="JPW149" s="35"/>
      <c r="JPX149" s="35"/>
      <c r="JPY149" s="35"/>
      <c r="JPZ149" s="35"/>
      <c r="JQA149" s="35"/>
      <c r="JQB149" s="35"/>
      <c r="JQC149" s="35"/>
      <c r="JQD149" s="35"/>
      <c r="JQE149" s="35"/>
      <c r="JQF149" s="35"/>
      <c r="JQG149" s="35"/>
      <c r="JQH149" s="35"/>
      <c r="JQI149" s="35"/>
      <c r="JQJ149" s="35"/>
      <c r="JQK149" s="35"/>
      <c r="JQL149" s="35"/>
      <c r="JQM149" s="35"/>
      <c r="JQN149" s="35"/>
      <c r="JQO149" s="35"/>
      <c r="JQP149" s="35"/>
      <c r="JQQ149" s="35"/>
      <c r="JQR149" s="35"/>
      <c r="JQS149" s="35"/>
      <c r="JQT149" s="35"/>
      <c r="JQU149" s="35"/>
      <c r="JQV149" s="35"/>
      <c r="JQW149" s="35"/>
      <c r="JQX149" s="35"/>
      <c r="JQY149" s="35"/>
      <c r="JQZ149" s="35"/>
      <c r="JRA149" s="35"/>
      <c r="JRB149" s="35"/>
      <c r="JRC149" s="35"/>
      <c r="JRD149" s="35"/>
      <c r="JRE149" s="35"/>
      <c r="JRF149" s="35"/>
      <c r="JRG149" s="35"/>
      <c r="JRH149" s="35"/>
      <c r="JRI149" s="35"/>
      <c r="JRJ149" s="35"/>
      <c r="JRK149" s="35"/>
      <c r="JRL149" s="35"/>
      <c r="JRM149" s="35"/>
      <c r="JRN149" s="35"/>
      <c r="JRO149" s="35"/>
      <c r="JRP149" s="35"/>
      <c r="JRQ149" s="35"/>
      <c r="JRR149" s="35"/>
      <c r="JRS149" s="35"/>
      <c r="JRT149" s="35"/>
      <c r="JRU149" s="35"/>
      <c r="JRV149" s="35"/>
      <c r="JRW149" s="35"/>
      <c r="JRX149" s="35"/>
      <c r="JRY149" s="35"/>
      <c r="JRZ149" s="35"/>
      <c r="JSA149" s="35"/>
      <c r="JSB149" s="35"/>
      <c r="JSC149" s="35"/>
      <c r="JSD149" s="35"/>
      <c r="JSE149" s="35"/>
      <c r="JSF149" s="35"/>
      <c r="JSG149" s="35"/>
      <c r="JSH149" s="35"/>
      <c r="JSI149" s="35"/>
      <c r="JSJ149" s="35"/>
      <c r="JSK149" s="35"/>
      <c r="JSL149" s="35"/>
      <c r="JSM149" s="35"/>
      <c r="JSN149" s="35"/>
      <c r="JSO149" s="35"/>
      <c r="JSP149" s="35"/>
      <c r="JSQ149" s="35"/>
      <c r="JSR149" s="35"/>
      <c r="JSS149" s="35"/>
      <c r="JST149" s="35"/>
      <c r="JSU149" s="35"/>
      <c r="JSV149" s="35"/>
      <c r="JSW149" s="35"/>
      <c r="JSX149" s="35"/>
      <c r="JSY149" s="35"/>
      <c r="JSZ149" s="35"/>
      <c r="JTA149" s="35"/>
      <c r="JTB149" s="35"/>
      <c r="JTC149" s="35"/>
      <c r="JTD149" s="35"/>
      <c r="JTE149" s="35"/>
      <c r="JTF149" s="35"/>
      <c r="JTG149" s="35"/>
      <c r="JTH149" s="35"/>
      <c r="JTI149" s="35"/>
      <c r="JTJ149" s="35"/>
      <c r="JTK149" s="35"/>
      <c r="JTL149" s="35"/>
      <c r="JTM149" s="35"/>
      <c r="JTN149" s="35"/>
      <c r="JTO149" s="35"/>
      <c r="JTP149" s="35"/>
      <c r="JTQ149" s="35"/>
      <c r="JTR149" s="35"/>
      <c r="JTS149" s="35"/>
      <c r="JTT149" s="35"/>
      <c r="JTU149" s="35"/>
      <c r="JTV149" s="35"/>
      <c r="JTW149" s="35"/>
      <c r="JTX149" s="35"/>
      <c r="JTY149" s="35"/>
      <c r="JTZ149" s="35"/>
      <c r="JUA149" s="35"/>
      <c r="JUB149" s="35"/>
      <c r="JUC149" s="35"/>
      <c r="JUD149" s="35"/>
      <c r="JUE149" s="35"/>
      <c r="JUF149" s="35"/>
      <c r="JUG149" s="35"/>
      <c r="JUH149" s="35"/>
      <c r="JUI149" s="35"/>
      <c r="JUJ149" s="35"/>
      <c r="JUK149" s="35"/>
      <c r="JUL149" s="35"/>
      <c r="JUM149" s="35"/>
      <c r="JUN149" s="35"/>
      <c r="JUO149" s="35"/>
      <c r="JUP149" s="35"/>
      <c r="JUQ149" s="35"/>
      <c r="JUR149" s="35"/>
      <c r="JUS149" s="35"/>
      <c r="JUT149" s="35"/>
      <c r="JUU149" s="35"/>
      <c r="JUV149" s="35"/>
      <c r="JUW149" s="35"/>
      <c r="JUX149" s="35"/>
      <c r="JUY149" s="35"/>
      <c r="JUZ149" s="35"/>
      <c r="JVA149" s="35"/>
      <c r="JVB149" s="35"/>
      <c r="JVC149" s="35"/>
      <c r="JVD149" s="35"/>
      <c r="JVE149" s="35"/>
      <c r="JVF149" s="35"/>
      <c r="JVG149" s="35"/>
      <c r="JVH149" s="35"/>
      <c r="JVI149" s="35"/>
      <c r="JVJ149" s="35"/>
      <c r="JVK149" s="35"/>
      <c r="JVL149" s="35"/>
      <c r="JVM149" s="35"/>
      <c r="JVN149" s="35"/>
      <c r="JVO149" s="35"/>
      <c r="JVP149" s="35"/>
      <c r="JVQ149" s="35"/>
      <c r="JVR149" s="35"/>
      <c r="JVS149" s="35"/>
      <c r="JVT149" s="35"/>
      <c r="JVU149" s="35"/>
      <c r="JVV149" s="35"/>
      <c r="JVW149" s="35"/>
      <c r="JVX149" s="35"/>
      <c r="JVY149" s="35"/>
      <c r="JVZ149" s="35"/>
      <c r="JWA149" s="35"/>
      <c r="JWB149" s="35"/>
      <c r="JWC149" s="35"/>
      <c r="JWD149" s="35"/>
      <c r="JWE149" s="35"/>
      <c r="JWF149" s="35"/>
      <c r="JWG149" s="35"/>
      <c r="JWH149" s="35"/>
      <c r="JWI149" s="35"/>
      <c r="JWJ149" s="35"/>
      <c r="JWK149" s="35"/>
      <c r="JWL149" s="35"/>
      <c r="JWM149" s="35"/>
      <c r="JWN149" s="35"/>
      <c r="JWO149" s="35"/>
      <c r="JWP149" s="35"/>
      <c r="JWQ149" s="35"/>
      <c r="JWR149" s="35"/>
      <c r="JWS149" s="35"/>
      <c r="JWT149" s="35"/>
      <c r="JWU149" s="35"/>
      <c r="JWV149" s="35"/>
      <c r="JWW149" s="35"/>
      <c r="JWX149" s="35"/>
      <c r="JWY149" s="35"/>
      <c r="JWZ149" s="35"/>
      <c r="JXA149" s="35"/>
      <c r="JXB149" s="35"/>
      <c r="JXC149" s="35"/>
      <c r="JXD149" s="35"/>
      <c r="JXE149" s="35"/>
      <c r="JXF149" s="35"/>
      <c r="JXG149" s="35"/>
      <c r="JXH149" s="35"/>
      <c r="JXI149" s="35"/>
      <c r="JXJ149" s="35"/>
      <c r="JXK149" s="35"/>
      <c r="JXL149" s="35"/>
      <c r="JXM149" s="35"/>
      <c r="JXN149" s="35"/>
      <c r="JXO149" s="35"/>
      <c r="JXP149" s="35"/>
      <c r="JXQ149" s="35"/>
      <c r="JXR149" s="35"/>
      <c r="JXS149" s="35"/>
      <c r="JXT149" s="35"/>
      <c r="JXU149" s="35"/>
      <c r="JXV149" s="35"/>
      <c r="JXW149" s="35"/>
      <c r="JXX149" s="35"/>
      <c r="JXY149" s="35"/>
      <c r="JXZ149" s="35"/>
      <c r="JYA149" s="35"/>
      <c r="JYB149" s="35"/>
      <c r="JYC149" s="35"/>
      <c r="JYD149" s="35"/>
      <c r="JYE149" s="35"/>
      <c r="JYF149" s="35"/>
      <c r="JYG149" s="35"/>
      <c r="JYH149" s="35"/>
      <c r="JYI149" s="35"/>
      <c r="JYJ149" s="35"/>
      <c r="JYK149" s="35"/>
      <c r="JYL149" s="35"/>
      <c r="JYM149" s="35"/>
      <c r="JYN149" s="35"/>
      <c r="JYO149" s="35"/>
      <c r="JYP149" s="35"/>
      <c r="JYQ149" s="35"/>
      <c r="JYR149" s="35"/>
      <c r="JYS149" s="35"/>
      <c r="JYT149" s="35"/>
      <c r="JYU149" s="35"/>
      <c r="JYV149" s="35"/>
      <c r="JYW149" s="35"/>
      <c r="JYX149" s="35"/>
      <c r="JYY149" s="35"/>
      <c r="JYZ149" s="35"/>
      <c r="JZA149" s="35"/>
      <c r="JZB149" s="35"/>
      <c r="JZC149" s="35"/>
      <c r="JZD149" s="35"/>
      <c r="JZE149" s="35"/>
      <c r="JZF149" s="35"/>
      <c r="JZG149" s="35"/>
      <c r="JZH149" s="35"/>
      <c r="JZI149" s="35"/>
      <c r="JZJ149" s="35"/>
      <c r="JZK149" s="35"/>
      <c r="JZL149" s="35"/>
      <c r="JZM149" s="35"/>
      <c r="JZN149" s="35"/>
      <c r="JZO149" s="35"/>
      <c r="JZP149" s="35"/>
      <c r="JZQ149" s="35"/>
      <c r="JZR149" s="35"/>
      <c r="JZS149" s="35"/>
      <c r="JZT149" s="35"/>
      <c r="JZU149" s="35"/>
      <c r="JZV149" s="35"/>
      <c r="JZW149" s="35"/>
      <c r="JZX149" s="35"/>
      <c r="JZY149" s="35"/>
      <c r="JZZ149" s="35"/>
      <c r="KAA149" s="35"/>
      <c r="KAB149" s="35"/>
      <c r="KAC149" s="35"/>
      <c r="KAD149" s="35"/>
      <c r="KAE149" s="35"/>
      <c r="KAF149" s="35"/>
      <c r="KAG149" s="35"/>
      <c r="KAH149" s="35"/>
      <c r="KAI149" s="35"/>
      <c r="KAJ149" s="35"/>
      <c r="KAK149" s="35"/>
      <c r="KAL149" s="35"/>
      <c r="KAM149" s="35"/>
      <c r="KAN149" s="35"/>
      <c r="KAO149" s="35"/>
      <c r="KAP149" s="35"/>
      <c r="KAQ149" s="35"/>
      <c r="KAR149" s="35"/>
      <c r="KAS149" s="35"/>
      <c r="KAT149" s="35"/>
      <c r="KAU149" s="35"/>
      <c r="KAV149" s="35"/>
      <c r="KAW149" s="35"/>
      <c r="KAX149" s="35"/>
      <c r="KAY149" s="35"/>
      <c r="KAZ149" s="35"/>
      <c r="KBA149" s="35"/>
      <c r="KBB149" s="35"/>
      <c r="KBC149" s="35"/>
      <c r="KBD149" s="35"/>
      <c r="KBE149" s="35"/>
      <c r="KBF149" s="35"/>
      <c r="KBG149" s="35"/>
      <c r="KBH149" s="35"/>
      <c r="KBI149" s="35"/>
      <c r="KBJ149" s="35"/>
      <c r="KBK149" s="35"/>
      <c r="KBL149" s="35"/>
      <c r="KBM149" s="35"/>
      <c r="KBN149" s="35"/>
      <c r="KBO149" s="35"/>
      <c r="KBP149" s="35"/>
      <c r="KBQ149" s="35"/>
      <c r="KBR149" s="35"/>
      <c r="KBS149" s="35"/>
      <c r="KBT149" s="35"/>
      <c r="KBU149" s="35"/>
      <c r="KBV149" s="35"/>
      <c r="KBW149" s="35"/>
      <c r="KBX149" s="35"/>
      <c r="KBY149" s="35"/>
      <c r="KBZ149" s="35"/>
      <c r="KCA149" s="35"/>
      <c r="KCB149" s="35"/>
      <c r="KCC149" s="35"/>
      <c r="KCD149" s="35"/>
      <c r="KCE149" s="35"/>
      <c r="KCF149" s="35"/>
      <c r="KCG149" s="35"/>
      <c r="KCH149" s="35"/>
      <c r="KCI149" s="35"/>
      <c r="KCJ149" s="35"/>
      <c r="KCK149" s="35"/>
      <c r="KCL149" s="35"/>
      <c r="KCM149" s="35"/>
      <c r="KCN149" s="35"/>
      <c r="KCO149" s="35"/>
      <c r="KCP149" s="35"/>
      <c r="KCQ149" s="35"/>
      <c r="KCR149" s="35"/>
      <c r="KCS149" s="35"/>
      <c r="KCT149" s="35"/>
      <c r="KCU149" s="35"/>
      <c r="KCV149" s="35"/>
      <c r="KCW149" s="35"/>
      <c r="KCX149" s="35"/>
      <c r="KCY149" s="35"/>
      <c r="KCZ149" s="35"/>
      <c r="KDA149" s="35"/>
      <c r="KDB149" s="35"/>
      <c r="KDC149" s="35"/>
      <c r="KDD149" s="35"/>
      <c r="KDE149" s="35"/>
      <c r="KDF149" s="35"/>
      <c r="KDG149" s="35"/>
      <c r="KDH149" s="35"/>
      <c r="KDI149" s="35"/>
      <c r="KDJ149" s="35"/>
      <c r="KDK149" s="35"/>
      <c r="KDL149" s="35"/>
      <c r="KDM149" s="35"/>
      <c r="KDN149" s="35"/>
      <c r="KDO149" s="35"/>
      <c r="KDP149" s="35"/>
      <c r="KDQ149" s="35"/>
      <c r="KDR149" s="35"/>
      <c r="KDS149" s="35"/>
      <c r="KDT149" s="35"/>
      <c r="KDU149" s="35"/>
      <c r="KDV149" s="35"/>
      <c r="KDW149" s="35"/>
      <c r="KDX149" s="35"/>
      <c r="KDY149" s="35"/>
      <c r="KDZ149" s="35"/>
      <c r="KEA149" s="35"/>
      <c r="KEB149" s="35"/>
      <c r="KEC149" s="35"/>
      <c r="KED149" s="35"/>
      <c r="KEE149" s="35"/>
      <c r="KEF149" s="35"/>
      <c r="KEG149" s="35"/>
      <c r="KEH149" s="35"/>
      <c r="KEI149" s="35"/>
      <c r="KEJ149" s="35"/>
      <c r="KEK149" s="35"/>
      <c r="KEL149" s="35"/>
      <c r="KEM149" s="35"/>
      <c r="KEN149" s="35"/>
      <c r="KEO149" s="35"/>
      <c r="KEP149" s="35"/>
      <c r="KEQ149" s="35"/>
      <c r="KER149" s="35"/>
      <c r="KES149" s="35"/>
      <c r="KET149" s="35"/>
      <c r="KEU149" s="35"/>
      <c r="KEV149" s="35"/>
      <c r="KEW149" s="35"/>
      <c r="KEX149" s="35"/>
      <c r="KEY149" s="35"/>
      <c r="KEZ149" s="35"/>
      <c r="KFA149" s="35"/>
      <c r="KFB149" s="35"/>
      <c r="KFC149" s="35"/>
      <c r="KFD149" s="35"/>
      <c r="KFE149" s="35"/>
      <c r="KFF149" s="35"/>
      <c r="KFG149" s="35"/>
      <c r="KFH149" s="35"/>
      <c r="KFI149" s="35"/>
      <c r="KFJ149" s="35"/>
      <c r="KFK149" s="35"/>
      <c r="KFL149" s="35"/>
      <c r="KFM149" s="35"/>
      <c r="KFN149" s="35"/>
      <c r="KFO149" s="35"/>
      <c r="KFP149" s="35"/>
      <c r="KFQ149" s="35"/>
      <c r="KFR149" s="35"/>
      <c r="KFS149" s="35"/>
      <c r="KFT149" s="35"/>
      <c r="KFU149" s="35"/>
      <c r="KFV149" s="35"/>
      <c r="KFW149" s="35"/>
      <c r="KFX149" s="35"/>
      <c r="KFY149" s="35"/>
      <c r="KFZ149" s="35"/>
      <c r="KGA149" s="35"/>
      <c r="KGB149" s="35"/>
      <c r="KGC149" s="35"/>
      <c r="KGD149" s="35"/>
      <c r="KGE149" s="35"/>
      <c r="KGF149" s="35"/>
      <c r="KGG149" s="35"/>
      <c r="KGH149" s="35"/>
      <c r="KGI149" s="35"/>
      <c r="KGJ149" s="35"/>
      <c r="KGK149" s="35"/>
      <c r="KGL149" s="35"/>
      <c r="KGM149" s="35"/>
      <c r="KGN149" s="35"/>
      <c r="KGO149" s="35"/>
      <c r="KGP149" s="35"/>
      <c r="KGQ149" s="35"/>
      <c r="KGR149" s="35"/>
      <c r="KGS149" s="35"/>
      <c r="KGT149" s="35"/>
      <c r="KGU149" s="35"/>
      <c r="KGV149" s="35"/>
      <c r="KGW149" s="35"/>
      <c r="KGX149" s="35"/>
      <c r="KGY149" s="35"/>
      <c r="KGZ149" s="35"/>
      <c r="KHA149" s="35"/>
      <c r="KHB149" s="35"/>
      <c r="KHC149" s="35"/>
      <c r="KHD149" s="35"/>
      <c r="KHE149" s="35"/>
      <c r="KHF149" s="35"/>
      <c r="KHG149" s="35"/>
      <c r="KHH149" s="35"/>
      <c r="KHI149" s="35"/>
      <c r="KHJ149" s="35"/>
      <c r="KHK149" s="35"/>
      <c r="KHL149" s="35"/>
      <c r="KHM149" s="35"/>
      <c r="KHN149" s="35"/>
      <c r="KHO149" s="35"/>
      <c r="KHP149" s="35"/>
      <c r="KHQ149" s="35"/>
      <c r="KHR149" s="35"/>
      <c r="KHS149" s="35"/>
      <c r="KHT149" s="35"/>
      <c r="KHU149" s="35"/>
      <c r="KHV149" s="35"/>
      <c r="KHW149" s="35"/>
      <c r="KHX149" s="35"/>
      <c r="KHY149" s="35"/>
      <c r="KHZ149" s="35"/>
      <c r="KIA149" s="35"/>
      <c r="KIB149" s="35"/>
      <c r="KIC149" s="35"/>
      <c r="KID149" s="35"/>
      <c r="KIE149" s="35"/>
      <c r="KIF149" s="35"/>
      <c r="KIG149" s="35"/>
      <c r="KIH149" s="35"/>
      <c r="KII149" s="35"/>
      <c r="KIJ149" s="35"/>
      <c r="KIK149" s="35"/>
      <c r="KIL149" s="35"/>
      <c r="KIM149" s="35"/>
      <c r="KIN149" s="35"/>
      <c r="KIO149" s="35"/>
      <c r="KIP149" s="35"/>
      <c r="KIQ149" s="35"/>
      <c r="KIR149" s="35"/>
      <c r="KIS149" s="35"/>
      <c r="KIT149" s="35"/>
      <c r="KIU149" s="35"/>
      <c r="KIV149" s="35"/>
      <c r="KIW149" s="35"/>
      <c r="KIX149" s="35"/>
      <c r="KIY149" s="35"/>
      <c r="KIZ149" s="35"/>
      <c r="KJA149" s="35"/>
      <c r="KJB149" s="35"/>
      <c r="KJC149" s="35"/>
      <c r="KJD149" s="35"/>
      <c r="KJE149" s="35"/>
      <c r="KJF149" s="35"/>
      <c r="KJG149" s="35"/>
      <c r="KJH149" s="35"/>
      <c r="KJI149" s="35"/>
      <c r="KJJ149" s="35"/>
      <c r="KJK149" s="35"/>
      <c r="KJL149" s="35"/>
      <c r="KJM149" s="35"/>
      <c r="KJN149" s="35"/>
      <c r="KJO149" s="35"/>
      <c r="KJP149" s="35"/>
      <c r="KJQ149" s="35"/>
      <c r="KJR149" s="35"/>
      <c r="KJS149" s="35"/>
      <c r="KJT149" s="35"/>
      <c r="KJU149" s="35"/>
      <c r="KJV149" s="35"/>
      <c r="KJW149" s="35"/>
      <c r="KJX149" s="35"/>
      <c r="KJY149" s="35"/>
      <c r="KJZ149" s="35"/>
      <c r="KKA149" s="35"/>
      <c r="KKB149" s="35"/>
      <c r="KKC149" s="35"/>
      <c r="KKD149" s="35"/>
      <c r="KKE149" s="35"/>
      <c r="KKF149" s="35"/>
      <c r="KKG149" s="35"/>
      <c r="KKH149" s="35"/>
      <c r="KKI149" s="35"/>
      <c r="KKJ149" s="35"/>
      <c r="KKK149" s="35"/>
      <c r="KKL149" s="35"/>
      <c r="KKM149" s="35"/>
      <c r="KKN149" s="35"/>
      <c r="KKO149" s="35"/>
      <c r="KKP149" s="35"/>
      <c r="KKQ149" s="35"/>
      <c r="KKR149" s="35"/>
      <c r="KKS149" s="35"/>
      <c r="KKT149" s="35"/>
      <c r="KKU149" s="35"/>
      <c r="KKV149" s="35"/>
      <c r="KKW149" s="35"/>
      <c r="KKX149" s="35"/>
      <c r="KKY149" s="35"/>
      <c r="KKZ149" s="35"/>
      <c r="KLA149" s="35"/>
      <c r="KLB149" s="35"/>
      <c r="KLC149" s="35"/>
      <c r="KLD149" s="35"/>
      <c r="KLE149" s="35"/>
      <c r="KLF149" s="35"/>
      <c r="KLG149" s="35"/>
      <c r="KLH149" s="35"/>
      <c r="KLI149" s="35"/>
      <c r="KLJ149" s="35"/>
      <c r="KLK149" s="35"/>
      <c r="KLL149" s="35"/>
      <c r="KLM149" s="35"/>
      <c r="KLN149" s="35"/>
      <c r="KLO149" s="35"/>
      <c r="KLP149" s="35"/>
      <c r="KLQ149" s="35"/>
      <c r="KLR149" s="35"/>
      <c r="KLS149" s="35"/>
      <c r="KLT149" s="35"/>
      <c r="KLU149" s="35"/>
      <c r="KLV149" s="35"/>
      <c r="KLW149" s="35"/>
      <c r="KLX149" s="35"/>
      <c r="KLY149" s="35"/>
      <c r="KLZ149" s="35"/>
      <c r="KMA149" s="35"/>
      <c r="KMB149" s="35"/>
      <c r="KMC149" s="35"/>
      <c r="KMD149" s="35"/>
      <c r="KME149" s="35"/>
      <c r="KMF149" s="35"/>
      <c r="KMG149" s="35"/>
      <c r="KMH149" s="35"/>
      <c r="KMI149" s="35"/>
      <c r="KMJ149" s="35"/>
      <c r="KMK149" s="35"/>
      <c r="KML149" s="35"/>
      <c r="KMM149" s="35"/>
      <c r="KMN149" s="35"/>
      <c r="KMO149" s="35"/>
      <c r="KMP149" s="35"/>
      <c r="KMQ149" s="35"/>
      <c r="KMR149" s="35"/>
      <c r="KMS149" s="35"/>
      <c r="KMT149" s="35"/>
      <c r="KMU149" s="35"/>
      <c r="KMV149" s="35"/>
      <c r="KMW149" s="35"/>
      <c r="KMX149" s="35"/>
      <c r="KMY149" s="35"/>
      <c r="KMZ149" s="35"/>
      <c r="KNA149" s="35"/>
      <c r="KNB149" s="35"/>
      <c r="KNC149" s="35"/>
      <c r="KND149" s="35"/>
      <c r="KNE149" s="35"/>
      <c r="KNF149" s="35"/>
      <c r="KNG149" s="35"/>
      <c r="KNH149" s="35"/>
      <c r="KNI149" s="35"/>
      <c r="KNJ149" s="35"/>
      <c r="KNK149" s="35"/>
      <c r="KNL149" s="35"/>
      <c r="KNM149" s="35"/>
      <c r="KNN149" s="35"/>
      <c r="KNO149" s="35"/>
      <c r="KNP149" s="35"/>
      <c r="KNQ149" s="35"/>
      <c r="KNR149" s="35"/>
      <c r="KNS149" s="35"/>
      <c r="KNT149" s="35"/>
      <c r="KNU149" s="35"/>
      <c r="KNV149" s="35"/>
      <c r="KNW149" s="35"/>
      <c r="KNX149" s="35"/>
      <c r="KNY149" s="35"/>
      <c r="KNZ149" s="35"/>
      <c r="KOA149" s="35"/>
      <c r="KOB149" s="35"/>
      <c r="KOC149" s="35"/>
      <c r="KOD149" s="35"/>
      <c r="KOE149" s="35"/>
      <c r="KOF149" s="35"/>
      <c r="KOG149" s="35"/>
      <c r="KOH149" s="35"/>
      <c r="KOI149" s="35"/>
      <c r="KOJ149" s="35"/>
      <c r="KOK149" s="35"/>
      <c r="KOL149" s="35"/>
      <c r="KOM149" s="35"/>
      <c r="KON149" s="35"/>
      <c r="KOO149" s="35"/>
      <c r="KOP149" s="35"/>
      <c r="KOQ149" s="35"/>
      <c r="KOR149" s="35"/>
      <c r="KOS149" s="35"/>
      <c r="KOT149" s="35"/>
      <c r="KOU149" s="35"/>
      <c r="KOV149" s="35"/>
      <c r="KOW149" s="35"/>
      <c r="KOX149" s="35"/>
      <c r="KOY149" s="35"/>
      <c r="KOZ149" s="35"/>
      <c r="KPA149" s="35"/>
      <c r="KPB149" s="35"/>
      <c r="KPC149" s="35"/>
      <c r="KPD149" s="35"/>
      <c r="KPE149" s="35"/>
      <c r="KPF149" s="35"/>
      <c r="KPG149" s="35"/>
      <c r="KPH149" s="35"/>
      <c r="KPI149" s="35"/>
      <c r="KPJ149" s="35"/>
      <c r="KPK149" s="35"/>
      <c r="KPL149" s="35"/>
      <c r="KPM149" s="35"/>
      <c r="KPN149" s="35"/>
      <c r="KPO149" s="35"/>
      <c r="KPP149" s="35"/>
      <c r="KPQ149" s="35"/>
      <c r="KPR149" s="35"/>
      <c r="KPS149" s="35"/>
      <c r="KPT149" s="35"/>
      <c r="KPU149" s="35"/>
      <c r="KPV149" s="35"/>
      <c r="KPW149" s="35"/>
      <c r="KPX149" s="35"/>
      <c r="KPY149" s="35"/>
      <c r="KPZ149" s="35"/>
      <c r="KQA149" s="35"/>
      <c r="KQB149" s="35"/>
      <c r="KQC149" s="35"/>
      <c r="KQD149" s="35"/>
      <c r="KQE149" s="35"/>
      <c r="KQF149" s="35"/>
      <c r="KQG149" s="35"/>
      <c r="KQH149" s="35"/>
      <c r="KQI149" s="35"/>
      <c r="KQJ149" s="35"/>
      <c r="KQK149" s="35"/>
      <c r="KQL149" s="35"/>
      <c r="KQM149" s="35"/>
      <c r="KQN149" s="35"/>
      <c r="KQO149" s="35"/>
      <c r="KQP149" s="35"/>
      <c r="KQQ149" s="35"/>
      <c r="KQR149" s="35"/>
      <c r="KQS149" s="35"/>
      <c r="KQT149" s="35"/>
      <c r="KQU149" s="35"/>
      <c r="KQV149" s="35"/>
      <c r="KQW149" s="35"/>
      <c r="KQX149" s="35"/>
      <c r="KQY149" s="35"/>
      <c r="KQZ149" s="35"/>
      <c r="KRA149" s="35"/>
      <c r="KRB149" s="35"/>
      <c r="KRC149" s="35"/>
      <c r="KRD149" s="35"/>
      <c r="KRE149" s="35"/>
      <c r="KRF149" s="35"/>
      <c r="KRG149" s="35"/>
      <c r="KRH149" s="35"/>
      <c r="KRI149" s="35"/>
      <c r="KRJ149" s="35"/>
      <c r="KRK149" s="35"/>
      <c r="KRL149" s="35"/>
      <c r="KRM149" s="35"/>
      <c r="KRN149" s="35"/>
      <c r="KRO149" s="35"/>
      <c r="KRP149" s="35"/>
      <c r="KRQ149" s="35"/>
      <c r="KRR149" s="35"/>
      <c r="KRS149" s="35"/>
      <c r="KRT149" s="35"/>
      <c r="KRU149" s="35"/>
      <c r="KRV149" s="35"/>
      <c r="KRW149" s="35"/>
      <c r="KRX149" s="35"/>
      <c r="KRY149" s="35"/>
      <c r="KRZ149" s="35"/>
      <c r="KSA149" s="35"/>
      <c r="KSB149" s="35"/>
      <c r="KSC149" s="35"/>
      <c r="KSD149" s="35"/>
      <c r="KSE149" s="35"/>
      <c r="KSF149" s="35"/>
      <c r="KSG149" s="35"/>
      <c r="KSH149" s="35"/>
      <c r="KSI149" s="35"/>
      <c r="KSJ149" s="35"/>
      <c r="KSK149" s="35"/>
      <c r="KSL149" s="35"/>
      <c r="KSM149" s="35"/>
      <c r="KSN149" s="35"/>
      <c r="KSO149" s="35"/>
      <c r="KSP149" s="35"/>
      <c r="KSQ149" s="35"/>
      <c r="KSR149" s="35"/>
      <c r="KSS149" s="35"/>
      <c r="KST149" s="35"/>
      <c r="KSU149" s="35"/>
      <c r="KSV149" s="35"/>
      <c r="KSW149" s="35"/>
      <c r="KSX149" s="35"/>
      <c r="KSY149" s="35"/>
      <c r="KSZ149" s="35"/>
      <c r="KTA149" s="35"/>
      <c r="KTB149" s="35"/>
      <c r="KTC149" s="35"/>
      <c r="KTD149" s="35"/>
      <c r="KTE149" s="35"/>
      <c r="KTF149" s="35"/>
      <c r="KTG149" s="35"/>
      <c r="KTH149" s="35"/>
      <c r="KTI149" s="35"/>
      <c r="KTJ149" s="35"/>
      <c r="KTK149" s="35"/>
      <c r="KTL149" s="35"/>
      <c r="KTM149" s="35"/>
      <c r="KTN149" s="35"/>
      <c r="KTO149" s="35"/>
      <c r="KTP149" s="35"/>
      <c r="KTQ149" s="35"/>
      <c r="KTR149" s="35"/>
      <c r="KTS149" s="35"/>
      <c r="KTT149" s="35"/>
      <c r="KTU149" s="35"/>
      <c r="KTV149" s="35"/>
      <c r="KTW149" s="35"/>
      <c r="KTX149" s="35"/>
      <c r="KTY149" s="35"/>
      <c r="KTZ149" s="35"/>
      <c r="KUA149" s="35"/>
      <c r="KUB149" s="35"/>
      <c r="KUC149" s="35"/>
      <c r="KUD149" s="35"/>
      <c r="KUE149" s="35"/>
      <c r="KUF149" s="35"/>
      <c r="KUG149" s="35"/>
      <c r="KUH149" s="35"/>
      <c r="KUI149" s="35"/>
      <c r="KUJ149" s="35"/>
      <c r="KUK149" s="35"/>
      <c r="KUL149" s="35"/>
      <c r="KUM149" s="35"/>
      <c r="KUN149" s="35"/>
      <c r="KUO149" s="35"/>
      <c r="KUP149" s="35"/>
      <c r="KUQ149" s="35"/>
      <c r="KUR149" s="35"/>
      <c r="KUS149" s="35"/>
      <c r="KUT149" s="35"/>
      <c r="KUU149" s="35"/>
      <c r="KUV149" s="35"/>
      <c r="KUW149" s="35"/>
      <c r="KUX149" s="35"/>
      <c r="KUY149" s="35"/>
      <c r="KUZ149" s="35"/>
      <c r="KVA149" s="35"/>
      <c r="KVB149" s="35"/>
      <c r="KVC149" s="35"/>
      <c r="KVD149" s="35"/>
      <c r="KVE149" s="35"/>
      <c r="KVF149" s="35"/>
      <c r="KVG149" s="35"/>
      <c r="KVH149" s="35"/>
      <c r="KVI149" s="35"/>
      <c r="KVJ149" s="35"/>
      <c r="KVK149" s="35"/>
      <c r="KVL149" s="35"/>
      <c r="KVM149" s="35"/>
      <c r="KVN149" s="35"/>
      <c r="KVO149" s="35"/>
      <c r="KVP149" s="35"/>
      <c r="KVQ149" s="35"/>
      <c r="KVR149" s="35"/>
      <c r="KVS149" s="35"/>
      <c r="KVT149" s="35"/>
      <c r="KVU149" s="35"/>
      <c r="KVV149" s="35"/>
      <c r="KVW149" s="35"/>
      <c r="KVX149" s="35"/>
      <c r="KVY149" s="35"/>
      <c r="KVZ149" s="35"/>
      <c r="KWA149" s="35"/>
      <c r="KWB149" s="35"/>
      <c r="KWC149" s="35"/>
      <c r="KWD149" s="35"/>
      <c r="KWE149" s="35"/>
      <c r="KWF149" s="35"/>
      <c r="KWG149" s="35"/>
      <c r="KWH149" s="35"/>
      <c r="KWI149" s="35"/>
      <c r="KWJ149" s="35"/>
      <c r="KWK149" s="35"/>
      <c r="KWL149" s="35"/>
      <c r="KWM149" s="35"/>
      <c r="KWN149" s="35"/>
      <c r="KWO149" s="35"/>
      <c r="KWP149" s="35"/>
      <c r="KWQ149" s="35"/>
      <c r="KWR149" s="35"/>
      <c r="KWS149" s="35"/>
      <c r="KWT149" s="35"/>
      <c r="KWU149" s="35"/>
      <c r="KWV149" s="35"/>
      <c r="KWW149" s="35"/>
      <c r="KWX149" s="35"/>
      <c r="KWY149" s="35"/>
      <c r="KWZ149" s="35"/>
      <c r="KXA149" s="35"/>
      <c r="KXB149" s="35"/>
      <c r="KXC149" s="35"/>
      <c r="KXD149" s="35"/>
      <c r="KXE149" s="35"/>
      <c r="KXF149" s="35"/>
      <c r="KXG149" s="35"/>
      <c r="KXH149" s="35"/>
      <c r="KXI149" s="35"/>
      <c r="KXJ149" s="35"/>
      <c r="KXK149" s="35"/>
      <c r="KXL149" s="35"/>
      <c r="KXM149" s="35"/>
      <c r="KXN149" s="35"/>
      <c r="KXO149" s="35"/>
      <c r="KXP149" s="35"/>
      <c r="KXQ149" s="35"/>
      <c r="KXR149" s="35"/>
      <c r="KXS149" s="35"/>
      <c r="KXT149" s="35"/>
      <c r="KXU149" s="35"/>
      <c r="KXV149" s="35"/>
      <c r="KXW149" s="35"/>
      <c r="KXX149" s="35"/>
      <c r="KXY149" s="35"/>
      <c r="KXZ149" s="35"/>
      <c r="KYA149" s="35"/>
      <c r="KYB149" s="35"/>
      <c r="KYC149" s="35"/>
      <c r="KYD149" s="35"/>
      <c r="KYE149" s="35"/>
      <c r="KYF149" s="35"/>
      <c r="KYG149" s="35"/>
      <c r="KYH149" s="35"/>
      <c r="KYI149" s="35"/>
      <c r="KYJ149" s="35"/>
      <c r="KYK149" s="35"/>
      <c r="KYL149" s="35"/>
      <c r="KYM149" s="35"/>
      <c r="KYN149" s="35"/>
      <c r="KYO149" s="35"/>
      <c r="KYP149" s="35"/>
      <c r="KYQ149" s="35"/>
      <c r="KYR149" s="35"/>
      <c r="KYS149" s="35"/>
      <c r="KYT149" s="35"/>
      <c r="KYU149" s="35"/>
      <c r="KYV149" s="35"/>
      <c r="KYW149" s="35"/>
      <c r="KYX149" s="35"/>
      <c r="KYY149" s="35"/>
      <c r="KYZ149" s="35"/>
      <c r="KZA149" s="35"/>
      <c r="KZB149" s="35"/>
      <c r="KZC149" s="35"/>
      <c r="KZD149" s="35"/>
      <c r="KZE149" s="35"/>
      <c r="KZF149" s="35"/>
      <c r="KZG149" s="35"/>
      <c r="KZH149" s="35"/>
      <c r="KZI149" s="35"/>
      <c r="KZJ149" s="35"/>
      <c r="KZK149" s="35"/>
      <c r="KZL149" s="35"/>
      <c r="KZM149" s="35"/>
      <c r="KZN149" s="35"/>
      <c r="KZO149" s="35"/>
      <c r="KZP149" s="35"/>
      <c r="KZQ149" s="35"/>
      <c r="KZR149" s="35"/>
      <c r="KZS149" s="35"/>
      <c r="KZT149" s="35"/>
      <c r="KZU149" s="35"/>
      <c r="KZV149" s="35"/>
      <c r="KZW149" s="35"/>
      <c r="KZX149" s="35"/>
      <c r="KZY149" s="35"/>
      <c r="KZZ149" s="35"/>
      <c r="LAA149" s="35"/>
      <c r="LAB149" s="35"/>
      <c r="LAC149" s="35"/>
      <c r="LAD149" s="35"/>
      <c r="LAE149" s="35"/>
      <c r="LAF149" s="35"/>
      <c r="LAG149" s="35"/>
      <c r="LAH149" s="35"/>
      <c r="LAI149" s="35"/>
      <c r="LAJ149" s="35"/>
      <c r="LAK149" s="35"/>
      <c r="LAL149" s="35"/>
      <c r="LAM149" s="35"/>
      <c r="LAN149" s="35"/>
      <c r="LAO149" s="35"/>
      <c r="LAP149" s="35"/>
      <c r="LAQ149" s="35"/>
      <c r="LAR149" s="35"/>
      <c r="LAS149" s="35"/>
      <c r="LAT149" s="35"/>
      <c r="LAU149" s="35"/>
      <c r="LAV149" s="35"/>
      <c r="LAW149" s="35"/>
      <c r="LAX149" s="35"/>
      <c r="LAY149" s="35"/>
      <c r="LAZ149" s="35"/>
      <c r="LBA149" s="35"/>
      <c r="LBB149" s="35"/>
      <c r="LBC149" s="35"/>
      <c r="LBD149" s="35"/>
      <c r="LBE149" s="35"/>
      <c r="LBF149" s="35"/>
      <c r="LBG149" s="35"/>
      <c r="LBH149" s="35"/>
      <c r="LBI149" s="35"/>
      <c r="LBJ149" s="35"/>
      <c r="LBK149" s="35"/>
      <c r="LBL149" s="35"/>
      <c r="LBM149" s="35"/>
      <c r="LBN149" s="35"/>
      <c r="LBO149" s="35"/>
      <c r="LBP149" s="35"/>
      <c r="LBQ149" s="35"/>
      <c r="LBR149" s="35"/>
      <c r="LBS149" s="35"/>
      <c r="LBT149" s="35"/>
      <c r="LBU149" s="35"/>
      <c r="LBV149" s="35"/>
      <c r="LBW149" s="35"/>
      <c r="LBX149" s="35"/>
      <c r="LBY149" s="35"/>
      <c r="LBZ149" s="35"/>
      <c r="LCA149" s="35"/>
      <c r="LCB149" s="35"/>
      <c r="LCC149" s="35"/>
      <c r="LCD149" s="35"/>
      <c r="LCE149" s="35"/>
      <c r="LCF149" s="35"/>
      <c r="LCG149" s="35"/>
      <c r="LCH149" s="35"/>
      <c r="LCI149" s="35"/>
      <c r="LCJ149" s="35"/>
      <c r="LCK149" s="35"/>
      <c r="LCL149" s="35"/>
      <c r="LCM149" s="35"/>
      <c r="LCN149" s="35"/>
      <c r="LCO149" s="35"/>
      <c r="LCP149" s="35"/>
      <c r="LCQ149" s="35"/>
      <c r="LCR149" s="35"/>
      <c r="LCS149" s="35"/>
      <c r="LCT149" s="35"/>
      <c r="LCU149" s="35"/>
      <c r="LCV149" s="35"/>
      <c r="LCW149" s="35"/>
      <c r="LCX149" s="35"/>
      <c r="LCY149" s="35"/>
      <c r="LCZ149" s="35"/>
      <c r="LDA149" s="35"/>
      <c r="LDB149" s="35"/>
      <c r="LDC149" s="35"/>
      <c r="LDD149" s="35"/>
      <c r="LDE149" s="35"/>
      <c r="LDF149" s="35"/>
      <c r="LDG149" s="35"/>
      <c r="LDH149" s="35"/>
      <c r="LDI149" s="35"/>
      <c r="LDJ149" s="35"/>
      <c r="LDK149" s="35"/>
      <c r="LDL149" s="35"/>
      <c r="LDM149" s="35"/>
      <c r="LDN149" s="35"/>
      <c r="LDO149" s="35"/>
      <c r="LDP149" s="35"/>
      <c r="LDQ149" s="35"/>
      <c r="LDR149" s="35"/>
      <c r="LDS149" s="35"/>
      <c r="LDT149" s="35"/>
      <c r="LDU149" s="35"/>
      <c r="LDV149" s="35"/>
      <c r="LDW149" s="35"/>
      <c r="LDX149" s="35"/>
      <c r="LDY149" s="35"/>
      <c r="LDZ149" s="35"/>
      <c r="LEA149" s="35"/>
      <c r="LEB149" s="35"/>
      <c r="LEC149" s="35"/>
      <c r="LED149" s="35"/>
      <c r="LEE149" s="35"/>
      <c r="LEF149" s="35"/>
      <c r="LEG149" s="35"/>
      <c r="LEH149" s="35"/>
      <c r="LEI149" s="35"/>
      <c r="LEJ149" s="35"/>
      <c r="LEK149" s="35"/>
      <c r="LEL149" s="35"/>
      <c r="LEM149" s="35"/>
      <c r="LEN149" s="35"/>
      <c r="LEO149" s="35"/>
      <c r="LEP149" s="35"/>
      <c r="LEQ149" s="35"/>
      <c r="LER149" s="35"/>
      <c r="LES149" s="35"/>
      <c r="LET149" s="35"/>
      <c r="LEU149" s="35"/>
      <c r="LEV149" s="35"/>
      <c r="LEW149" s="35"/>
      <c r="LEX149" s="35"/>
      <c r="LEY149" s="35"/>
      <c r="LEZ149" s="35"/>
      <c r="LFA149" s="35"/>
      <c r="LFB149" s="35"/>
      <c r="LFC149" s="35"/>
      <c r="LFD149" s="35"/>
      <c r="LFE149" s="35"/>
      <c r="LFF149" s="35"/>
      <c r="LFG149" s="35"/>
      <c r="LFH149" s="35"/>
      <c r="LFI149" s="35"/>
      <c r="LFJ149" s="35"/>
      <c r="LFK149" s="35"/>
      <c r="LFL149" s="35"/>
      <c r="LFM149" s="35"/>
      <c r="LFN149" s="35"/>
      <c r="LFO149" s="35"/>
      <c r="LFP149" s="35"/>
      <c r="LFQ149" s="35"/>
      <c r="LFR149" s="35"/>
      <c r="LFS149" s="35"/>
      <c r="LFT149" s="35"/>
      <c r="LFU149" s="35"/>
      <c r="LFV149" s="35"/>
      <c r="LFW149" s="35"/>
      <c r="LFX149" s="35"/>
      <c r="LFY149" s="35"/>
      <c r="LFZ149" s="35"/>
      <c r="LGA149" s="35"/>
      <c r="LGB149" s="35"/>
      <c r="LGC149" s="35"/>
      <c r="LGD149" s="35"/>
      <c r="LGE149" s="35"/>
      <c r="LGF149" s="35"/>
      <c r="LGG149" s="35"/>
      <c r="LGH149" s="35"/>
      <c r="LGI149" s="35"/>
      <c r="LGJ149" s="35"/>
      <c r="LGK149" s="35"/>
      <c r="LGL149" s="35"/>
      <c r="LGM149" s="35"/>
      <c r="LGN149" s="35"/>
      <c r="LGO149" s="35"/>
      <c r="LGP149" s="35"/>
      <c r="LGQ149" s="35"/>
      <c r="LGR149" s="35"/>
      <c r="LGS149" s="35"/>
      <c r="LGT149" s="35"/>
      <c r="LGU149" s="35"/>
      <c r="LGV149" s="35"/>
      <c r="LGW149" s="35"/>
      <c r="LGX149" s="35"/>
      <c r="LGY149" s="35"/>
      <c r="LGZ149" s="35"/>
      <c r="LHA149" s="35"/>
      <c r="LHB149" s="35"/>
      <c r="LHC149" s="35"/>
      <c r="LHD149" s="35"/>
      <c r="LHE149" s="35"/>
      <c r="LHF149" s="35"/>
      <c r="LHG149" s="35"/>
      <c r="LHH149" s="35"/>
      <c r="LHI149" s="35"/>
      <c r="LHJ149" s="35"/>
      <c r="LHK149" s="35"/>
      <c r="LHL149" s="35"/>
      <c r="LHM149" s="35"/>
      <c r="LHN149" s="35"/>
      <c r="LHO149" s="35"/>
      <c r="LHP149" s="35"/>
      <c r="LHQ149" s="35"/>
      <c r="LHR149" s="35"/>
      <c r="LHS149" s="35"/>
      <c r="LHT149" s="35"/>
      <c r="LHU149" s="35"/>
      <c r="LHV149" s="35"/>
      <c r="LHW149" s="35"/>
      <c r="LHX149" s="35"/>
      <c r="LHY149" s="35"/>
      <c r="LHZ149" s="35"/>
      <c r="LIA149" s="35"/>
      <c r="LIB149" s="35"/>
      <c r="LIC149" s="35"/>
      <c r="LID149" s="35"/>
      <c r="LIE149" s="35"/>
      <c r="LIF149" s="35"/>
      <c r="LIG149" s="35"/>
      <c r="LIH149" s="35"/>
      <c r="LII149" s="35"/>
      <c r="LIJ149" s="35"/>
      <c r="LIK149" s="35"/>
      <c r="LIL149" s="35"/>
      <c r="LIM149" s="35"/>
      <c r="LIN149" s="35"/>
      <c r="LIO149" s="35"/>
      <c r="LIP149" s="35"/>
      <c r="LIQ149" s="35"/>
      <c r="LIR149" s="35"/>
      <c r="LIS149" s="35"/>
      <c r="LIT149" s="35"/>
      <c r="LIU149" s="35"/>
      <c r="LIV149" s="35"/>
      <c r="LIW149" s="35"/>
      <c r="LIX149" s="35"/>
      <c r="LIY149" s="35"/>
      <c r="LIZ149" s="35"/>
      <c r="LJA149" s="35"/>
      <c r="LJB149" s="35"/>
      <c r="LJC149" s="35"/>
      <c r="LJD149" s="35"/>
      <c r="LJE149" s="35"/>
      <c r="LJF149" s="35"/>
      <c r="LJG149" s="35"/>
      <c r="LJH149" s="35"/>
      <c r="LJI149" s="35"/>
      <c r="LJJ149" s="35"/>
      <c r="LJK149" s="35"/>
      <c r="LJL149" s="35"/>
      <c r="LJM149" s="35"/>
      <c r="LJN149" s="35"/>
      <c r="LJO149" s="35"/>
      <c r="LJP149" s="35"/>
      <c r="LJQ149" s="35"/>
      <c r="LJR149" s="35"/>
      <c r="LJS149" s="35"/>
      <c r="LJT149" s="35"/>
      <c r="LJU149" s="35"/>
      <c r="LJV149" s="35"/>
      <c r="LJW149" s="35"/>
      <c r="LJX149" s="35"/>
      <c r="LJY149" s="35"/>
      <c r="LJZ149" s="35"/>
      <c r="LKA149" s="35"/>
      <c r="LKB149" s="35"/>
      <c r="LKC149" s="35"/>
      <c r="LKD149" s="35"/>
      <c r="LKE149" s="35"/>
      <c r="LKF149" s="35"/>
      <c r="LKG149" s="35"/>
      <c r="LKH149" s="35"/>
      <c r="LKI149" s="35"/>
      <c r="LKJ149" s="35"/>
      <c r="LKK149" s="35"/>
      <c r="LKL149" s="35"/>
      <c r="LKM149" s="35"/>
      <c r="LKN149" s="35"/>
      <c r="LKO149" s="35"/>
      <c r="LKP149" s="35"/>
      <c r="LKQ149" s="35"/>
      <c r="LKR149" s="35"/>
      <c r="LKS149" s="35"/>
      <c r="LKT149" s="35"/>
      <c r="LKU149" s="35"/>
      <c r="LKV149" s="35"/>
      <c r="LKW149" s="35"/>
      <c r="LKX149" s="35"/>
      <c r="LKY149" s="35"/>
      <c r="LKZ149" s="35"/>
      <c r="LLA149" s="35"/>
      <c r="LLB149" s="35"/>
      <c r="LLC149" s="35"/>
      <c r="LLD149" s="35"/>
      <c r="LLE149" s="35"/>
      <c r="LLF149" s="35"/>
      <c r="LLG149" s="35"/>
      <c r="LLH149" s="35"/>
      <c r="LLI149" s="35"/>
      <c r="LLJ149" s="35"/>
      <c r="LLK149" s="35"/>
      <c r="LLL149" s="35"/>
      <c r="LLM149" s="35"/>
      <c r="LLN149" s="35"/>
      <c r="LLO149" s="35"/>
      <c r="LLP149" s="35"/>
      <c r="LLQ149" s="35"/>
      <c r="LLR149" s="35"/>
      <c r="LLS149" s="35"/>
      <c r="LLT149" s="35"/>
      <c r="LLU149" s="35"/>
      <c r="LLV149" s="35"/>
      <c r="LLW149" s="35"/>
      <c r="LLX149" s="35"/>
      <c r="LLY149" s="35"/>
      <c r="LLZ149" s="35"/>
      <c r="LMA149" s="35"/>
      <c r="LMB149" s="35"/>
      <c r="LMC149" s="35"/>
      <c r="LMD149" s="35"/>
      <c r="LME149" s="35"/>
      <c r="LMF149" s="35"/>
      <c r="LMG149" s="35"/>
      <c r="LMH149" s="35"/>
      <c r="LMI149" s="35"/>
      <c r="LMJ149" s="35"/>
      <c r="LMK149" s="35"/>
      <c r="LML149" s="35"/>
      <c r="LMM149" s="35"/>
      <c r="LMN149" s="35"/>
      <c r="LMO149" s="35"/>
      <c r="LMP149" s="35"/>
      <c r="LMQ149" s="35"/>
      <c r="LMR149" s="35"/>
      <c r="LMS149" s="35"/>
      <c r="LMT149" s="35"/>
      <c r="LMU149" s="35"/>
      <c r="LMV149" s="35"/>
      <c r="LMW149" s="35"/>
      <c r="LMX149" s="35"/>
      <c r="LMY149" s="35"/>
      <c r="LMZ149" s="35"/>
      <c r="LNA149" s="35"/>
      <c r="LNB149" s="35"/>
      <c r="LNC149" s="35"/>
      <c r="LND149" s="35"/>
      <c r="LNE149" s="35"/>
      <c r="LNF149" s="35"/>
      <c r="LNG149" s="35"/>
      <c r="LNH149" s="35"/>
      <c r="LNI149" s="35"/>
      <c r="LNJ149" s="35"/>
      <c r="LNK149" s="35"/>
      <c r="LNL149" s="35"/>
      <c r="LNM149" s="35"/>
      <c r="LNN149" s="35"/>
      <c r="LNO149" s="35"/>
      <c r="LNP149" s="35"/>
      <c r="LNQ149" s="35"/>
      <c r="LNR149" s="35"/>
      <c r="LNS149" s="35"/>
      <c r="LNT149" s="35"/>
      <c r="LNU149" s="35"/>
      <c r="LNV149" s="35"/>
      <c r="LNW149" s="35"/>
      <c r="LNX149" s="35"/>
      <c r="LNY149" s="35"/>
      <c r="LNZ149" s="35"/>
      <c r="LOA149" s="35"/>
      <c r="LOB149" s="35"/>
      <c r="LOC149" s="35"/>
      <c r="LOD149" s="35"/>
      <c r="LOE149" s="35"/>
      <c r="LOF149" s="35"/>
      <c r="LOG149" s="35"/>
      <c r="LOH149" s="35"/>
      <c r="LOI149" s="35"/>
      <c r="LOJ149" s="35"/>
      <c r="LOK149" s="35"/>
      <c r="LOL149" s="35"/>
      <c r="LOM149" s="35"/>
      <c r="LON149" s="35"/>
      <c r="LOO149" s="35"/>
      <c r="LOP149" s="35"/>
      <c r="LOQ149" s="35"/>
      <c r="LOR149" s="35"/>
      <c r="LOS149" s="35"/>
      <c r="LOT149" s="35"/>
      <c r="LOU149" s="35"/>
      <c r="LOV149" s="35"/>
      <c r="LOW149" s="35"/>
      <c r="LOX149" s="35"/>
      <c r="LOY149" s="35"/>
      <c r="LOZ149" s="35"/>
      <c r="LPA149" s="35"/>
      <c r="LPB149" s="35"/>
      <c r="LPC149" s="35"/>
      <c r="LPD149" s="35"/>
      <c r="LPE149" s="35"/>
      <c r="LPF149" s="35"/>
      <c r="LPG149" s="35"/>
      <c r="LPH149" s="35"/>
      <c r="LPI149" s="35"/>
      <c r="LPJ149" s="35"/>
      <c r="LPK149" s="35"/>
      <c r="LPL149" s="35"/>
      <c r="LPM149" s="35"/>
      <c r="LPN149" s="35"/>
      <c r="LPO149" s="35"/>
      <c r="LPP149" s="35"/>
      <c r="LPQ149" s="35"/>
      <c r="LPR149" s="35"/>
      <c r="LPS149" s="35"/>
      <c r="LPT149" s="35"/>
      <c r="LPU149" s="35"/>
      <c r="LPV149" s="35"/>
      <c r="LPW149" s="35"/>
      <c r="LPX149" s="35"/>
      <c r="LPY149" s="35"/>
      <c r="LPZ149" s="35"/>
      <c r="LQA149" s="35"/>
      <c r="LQB149" s="35"/>
      <c r="LQC149" s="35"/>
      <c r="LQD149" s="35"/>
      <c r="LQE149" s="35"/>
      <c r="LQF149" s="35"/>
      <c r="LQG149" s="35"/>
      <c r="LQH149" s="35"/>
      <c r="LQI149" s="35"/>
      <c r="LQJ149" s="35"/>
      <c r="LQK149" s="35"/>
      <c r="LQL149" s="35"/>
      <c r="LQM149" s="35"/>
      <c r="LQN149" s="35"/>
      <c r="LQO149" s="35"/>
      <c r="LQP149" s="35"/>
      <c r="LQQ149" s="35"/>
      <c r="LQR149" s="35"/>
      <c r="LQS149" s="35"/>
      <c r="LQT149" s="35"/>
      <c r="LQU149" s="35"/>
      <c r="LQV149" s="35"/>
      <c r="LQW149" s="35"/>
      <c r="LQX149" s="35"/>
      <c r="LQY149" s="35"/>
      <c r="LQZ149" s="35"/>
      <c r="LRA149" s="35"/>
      <c r="LRB149" s="35"/>
      <c r="LRC149" s="35"/>
      <c r="LRD149" s="35"/>
      <c r="LRE149" s="35"/>
      <c r="LRF149" s="35"/>
      <c r="LRG149" s="35"/>
      <c r="LRH149" s="35"/>
      <c r="LRI149" s="35"/>
      <c r="LRJ149" s="35"/>
      <c r="LRK149" s="35"/>
      <c r="LRL149" s="35"/>
      <c r="LRM149" s="35"/>
      <c r="LRN149" s="35"/>
      <c r="LRO149" s="35"/>
      <c r="LRP149" s="35"/>
      <c r="LRQ149" s="35"/>
      <c r="LRR149" s="35"/>
      <c r="LRS149" s="35"/>
      <c r="LRT149" s="35"/>
      <c r="LRU149" s="35"/>
      <c r="LRV149" s="35"/>
      <c r="LRW149" s="35"/>
      <c r="LRX149" s="35"/>
      <c r="LRY149" s="35"/>
      <c r="LRZ149" s="35"/>
      <c r="LSA149" s="35"/>
      <c r="LSB149" s="35"/>
      <c r="LSC149" s="35"/>
      <c r="LSD149" s="35"/>
      <c r="LSE149" s="35"/>
      <c r="LSF149" s="35"/>
      <c r="LSG149" s="35"/>
      <c r="LSH149" s="35"/>
      <c r="LSI149" s="35"/>
      <c r="LSJ149" s="35"/>
      <c r="LSK149" s="35"/>
      <c r="LSL149" s="35"/>
      <c r="LSM149" s="35"/>
      <c r="LSN149" s="35"/>
      <c r="LSO149" s="35"/>
      <c r="LSP149" s="35"/>
      <c r="LSQ149" s="35"/>
      <c r="LSR149" s="35"/>
      <c r="LSS149" s="35"/>
      <c r="LST149" s="35"/>
      <c r="LSU149" s="35"/>
      <c r="LSV149" s="35"/>
      <c r="LSW149" s="35"/>
      <c r="LSX149" s="35"/>
      <c r="LSY149" s="35"/>
      <c r="LSZ149" s="35"/>
      <c r="LTA149" s="35"/>
      <c r="LTB149" s="35"/>
      <c r="LTC149" s="35"/>
      <c r="LTD149" s="35"/>
      <c r="LTE149" s="35"/>
      <c r="LTF149" s="35"/>
      <c r="LTG149" s="35"/>
      <c r="LTH149" s="35"/>
      <c r="LTI149" s="35"/>
      <c r="LTJ149" s="35"/>
      <c r="LTK149" s="35"/>
      <c r="LTL149" s="35"/>
      <c r="LTM149" s="35"/>
      <c r="LTN149" s="35"/>
      <c r="LTO149" s="35"/>
      <c r="LTP149" s="35"/>
      <c r="LTQ149" s="35"/>
      <c r="LTR149" s="35"/>
      <c r="LTS149" s="35"/>
      <c r="LTT149" s="35"/>
      <c r="LTU149" s="35"/>
      <c r="LTV149" s="35"/>
      <c r="LTW149" s="35"/>
      <c r="LTX149" s="35"/>
      <c r="LTY149" s="35"/>
      <c r="LTZ149" s="35"/>
      <c r="LUA149" s="35"/>
      <c r="LUB149" s="35"/>
      <c r="LUC149" s="35"/>
      <c r="LUD149" s="35"/>
      <c r="LUE149" s="35"/>
      <c r="LUF149" s="35"/>
      <c r="LUG149" s="35"/>
      <c r="LUH149" s="35"/>
      <c r="LUI149" s="35"/>
      <c r="LUJ149" s="35"/>
      <c r="LUK149" s="35"/>
      <c r="LUL149" s="35"/>
      <c r="LUM149" s="35"/>
      <c r="LUN149" s="35"/>
      <c r="LUO149" s="35"/>
      <c r="LUP149" s="35"/>
      <c r="LUQ149" s="35"/>
      <c r="LUR149" s="35"/>
      <c r="LUS149" s="35"/>
      <c r="LUT149" s="35"/>
      <c r="LUU149" s="35"/>
      <c r="LUV149" s="35"/>
      <c r="LUW149" s="35"/>
      <c r="LUX149" s="35"/>
      <c r="LUY149" s="35"/>
      <c r="LUZ149" s="35"/>
      <c r="LVA149" s="35"/>
      <c r="LVB149" s="35"/>
      <c r="LVC149" s="35"/>
      <c r="LVD149" s="35"/>
      <c r="LVE149" s="35"/>
      <c r="LVF149" s="35"/>
      <c r="LVG149" s="35"/>
      <c r="LVH149" s="35"/>
      <c r="LVI149" s="35"/>
      <c r="LVJ149" s="35"/>
      <c r="LVK149" s="35"/>
      <c r="LVL149" s="35"/>
      <c r="LVM149" s="35"/>
      <c r="LVN149" s="35"/>
      <c r="LVO149" s="35"/>
      <c r="LVP149" s="35"/>
      <c r="LVQ149" s="35"/>
      <c r="LVR149" s="35"/>
      <c r="LVS149" s="35"/>
      <c r="LVT149" s="35"/>
      <c r="LVU149" s="35"/>
      <c r="LVV149" s="35"/>
      <c r="LVW149" s="35"/>
      <c r="LVX149" s="35"/>
      <c r="LVY149" s="35"/>
      <c r="LVZ149" s="35"/>
      <c r="LWA149" s="35"/>
      <c r="LWB149" s="35"/>
      <c r="LWC149" s="35"/>
      <c r="LWD149" s="35"/>
      <c r="LWE149" s="35"/>
      <c r="LWF149" s="35"/>
      <c r="LWG149" s="35"/>
      <c r="LWH149" s="35"/>
      <c r="LWI149" s="35"/>
      <c r="LWJ149" s="35"/>
      <c r="LWK149" s="35"/>
      <c r="LWL149" s="35"/>
      <c r="LWM149" s="35"/>
      <c r="LWN149" s="35"/>
      <c r="LWO149" s="35"/>
      <c r="LWP149" s="35"/>
      <c r="LWQ149" s="35"/>
      <c r="LWR149" s="35"/>
      <c r="LWS149" s="35"/>
      <c r="LWT149" s="35"/>
      <c r="LWU149" s="35"/>
      <c r="LWV149" s="35"/>
      <c r="LWW149" s="35"/>
      <c r="LWX149" s="35"/>
      <c r="LWY149" s="35"/>
      <c r="LWZ149" s="35"/>
      <c r="LXA149" s="35"/>
      <c r="LXB149" s="35"/>
      <c r="LXC149" s="35"/>
      <c r="LXD149" s="35"/>
      <c r="LXE149" s="35"/>
      <c r="LXF149" s="35"/>
      <c r="LXG149" s="35"/>
      <c r="LXH149" s="35"/>
      <c r="LXI149" s="35"/>
      <c r="LXJ149" s="35"/>
      <c r="LXK149" s="35"/>
      <c r="LXL149" s="35"/>
      <c r="LXM149" s="35"/>
      <c r="LXN149" s="35"/>
      <c r="LXO149" s="35"/>
      <c r="LXP149" s="35"/>
      <c r="LXQ149" s="35"/>
      <c r="LXR149" s="35"/>
      <c r="LXS149" s="35"/>
      <c r="LXT149" s="35"/>
      <c r="LXU149" s="35"/>
      <c r="LXV149" s="35"/>
      <c r="LXW149" s="35"/>
      <c r="LXX149" s="35"/>
      <c r="LXY149" s="35"/>
      <c r="LXZ149" s="35"/>
      <c r="LYA149" s="35"/>
      <c r="LYB149" s="35"/>
      <c r="LYC149" s="35"/>
      <c r="LYD149" s="35"/>
      <c r="LYE149" s="35"/>
      <c r="LYF149" s="35"/>
      <c r="LYG149" s="35"/>
      <c r="LYH149" s="35"/>
      <c r="LYI149" s="35"/>
      <c r="LYJ149" s="35"/>
      <c r="LYK149" s="35"/>
      <c r="LYL149" s="35"/>
      <c r="LYM149" s="35"/>
      <c r="LYN149" s="35"/>
      <c r="LYO149" s="35"/>
      <c r="LYP149" s="35"/>
      <c r="LYQ149" s="35"/>
      <c r="LYR149" s="35"/>
      <c r="LYS149" s="35"/>
      <c r="LYT149" s="35"/>
      <c r="LYU149" s="35"/>
      <c r="LYV149" s="35"/>
      <c r="LYW149" s="35"/>
      <c r="LYX149" s="35"/>
      <c r="LYY149" s="35"/>
      <c r="LYZ149" s="35"/>
      <c r="LZA149" s="35"/>
      <c r="LZB149" s="35"/>
      <c r="LZC149" s="35"/>
      <c r="LZD149" s="35"/>
      <c r="LZE149" s="35"/>
      <c r="LZF149" s="35"/>
      <c r="LZG149" s="35"/>
      <c r="LZH149" s="35"/>
      <c r="LZI149" s="35"/>
      <c r="LZJ149" s="35"/>
      <c r="LZK149" s="35"/>
      <c r="LZL149" s="35"/>
      <c r="LZM149" s="35"/>
      <c r="LZN149" s="35"/>
      <c r="LZO149" s="35"/>
      <c r="LZP149" s="35"/>
      <c r="LZQ149" s="35"/>
      <c r="LZR149" s="35"/>
      <c r="LZS149" s="35"/>
      <c r="LZT149" s="35"/>
      <c r="LZU149" s="35"/>
      <c r="LZV149" s="35"/>
      <c r="LZW149" s="35"/>
      <c r="LZX149" s="35"/>
      <c r="LZY149" s="35"/>
      <c r="LZZ149" s="35"/>
      <c r="MAA149" s="35"/>
      <c r="MAB149" s="35"/>
      <c r="MAC149" s="35"/>
      <c r="MAD149" s="35"/>
      <c r="MAE149" s="35"/>
      <c r="MAF149" s="35"/>
      <c r="MAG149" s="35"/>
      <c r="MAH149" s="35"/>
      <c r="MAI149" s="35"/>
      <c r="MAJ149" s="35"/>
      <c r="MAK149" s="35"/>
      <c r="MAL149" s="35"/>
      <c r="MAM149" s="35"/>
      <c r="MAN149" s="35"/>
      <c r="MAO149" s="35"/>
      <c r="MAP149" s="35"/>
      <c r="MAQ149" s="35"/>
      <c r="MAR149" s="35"/>
      <c r="MAS149" s="35"/>
      <c r="MAT149" s="35"/>
      <c r="MAU149" s="35"/>
      <c r="MAV149" s="35"/>
      <c r="MAW149" s="35"/>
      <c r="MAX149" s="35"/>
      <c r="MAY149" s="35"/>
      <c r="MAZ149" s="35"/>
      <c r="MBA149" s="35"/>
      <c r="MBB149" s="35"/>
      <c r="MBC149" s="35"/>
      <c r="MBD149" s="35"/>
      <c r="MBE149" s="35"/>
      <c r="MBF149" s="35"/>
      <c r="MBG149" s="35"/>
      <c r="MBH149" s="35"/>
      <c r="MBI149" s="35"/>
      <c r="MBJ149" s="35"/>
      <c r="MBK149" s="35"/>
      <c r="MBL149" s="35"/>
      <c r="MBM149" s="35"/>
      <c r="MBN149" s="35"/>
      <c r="MBO149" s="35"/>
      <c r="MBP149" s="35"/>
      <c r="MBQ149" s="35"/>
      <c r="MBR149" s="35"/>
      <c r="MBS149" s="35"/>
      <c r="MBT149" s="35"/>
      <c r="MBU149" s="35"/>
      <c r="MBV149" s="35"/>
      <c r="MBW149" s="35"/>
      <c r="MBX149" s="35"/>
      <c r="MBY149" s="35"/>
      <c r="MBZ149" s="35"/>
      <c r="MCA149" s="35"/>
      <c r="MCB149" s="35"/>
      <c r="MCC149" s="35"/>
      <c r="MCD149" s="35"/>
      <c r="MCE149" s="35"/>
      <c r="MCF149" s="35"/>
      <c r="MCG149" s="35"/>
      <c r="MCH149" s="35"/>
      <c r="MCI149" s="35"/>
      <c r="MCJ149" s="35"/>
      <c r="MCK149" s="35"/>
      <c r="MCL149" s="35"/>
      <c r="MCM149" s="35"/>
      <c r="MCN149" s="35"/>
      <c r="MCO149" s="35"/>
      <c r="MCP149" s="35"/>
      <c r="MCQ149" s="35"/>
      <c r="MCR149" s="35"/>
      <c r="MCS149" s="35"/>
      <c r="MCT149" s="35"/>
      <c r="MCU149" s="35"/>
      <c r="MCV149" s="35"/>
      <c r="MCW149" s="35"/>
      <c r="MCX149" s="35"/>
      <c r="MCY149" s="35"/>
      <c r="MCZ149" s="35"/>
      <c r="MDA149" s="35"/>
      <c r="MDB149" s="35"/>
      <c r="MDC149" s="35"/>
      <c r="MDD149" s="35"/>
      <c r="MDE149" s="35"/>
      <c r="MDF149" s="35"/>
      <c r="MDG149" s="35"/>
      <c r="MDH149" s="35"/>
      <c r="MDI149" s="35"/>
      <c r="MDJ149" s="35"/>
      <c r="MDK149" s="35"/>
      <c r="MDL149" s="35"/>
      <c r="MDM149" s="35"/>
      <c r="MDN149" s="35"/>
      <c r="MDO149" s="35"/>
      <c r="MDP149" s="35"/>
      <c r="MDQ149" s="35"/>
      <c r="MDR149" s="35"/>
      <c r="MDS149" s="35"/>
      <c r="MDT149" s="35"/>
      <c r="MDU149" s="35"/>
      <c r="MDV149" s="35"/>
      <c r="MDW149" s="35"/>
      <c r="MDX149" s="35"/>
      <c r="MDY149" s="35"/>
      <c r="MDZ149" s="35"/>
      <c r="MEA149" s="35"/>
      <c r="MEB149" s="35"/>
      <c r="MEC149" s="35"/>
      <c r="MED149" s="35"/>
      <c r="MEE149" s="35"/>
      <c r="MEF149" s="35"/>
      <c r="MEG149" s="35"/>
      <c r="MEH149" s="35"/>
      <c r="MEI149" s="35"/>
      <c r="MEJ149" s="35"/>
      <c r="MEK149" s="35"/>
      <c r="MEL149" s="35"/>
      <c r="MEM149" s="35"/>
      <c r="MEN149" s="35"/>
      <c r="MEO149" s="35"/>
      <c r="MEP149" s="35"/>
      <c r="MEQ149" s="35"/>
      <c r="MER149" s="35"/>
      <c r="MES149" s="35"/>
      <c r="MET149" s="35"/>
      <c r="MEU149" s="35"/>
      <c r="MEV149" s="35"/>
      <c r="MEW149" s="35"/>
      <c r="MEX149" s="35"/>
      <c r="MEY149" s="35"/>
      <c r="MEZ149" s="35"/>
      <c r="MFA149" s="35"/>
      <c r="MFB149" s="35"/>
      <c r="MFC149" s="35"/>
      <c r="MFD149" s="35"/>
      <c r="MFE149" s="35"/>
      <c r="MFF149" s="35"/>
      <c r="MFG149" s="35"/>
      <c r="MFH149" s="35"/>
      <c r="MFI149" s="35"/>
      <c r="MFJ149" s="35"/>
      <c r="MFK149" s="35"/>
      <c r="MFL149" s="35"/>
      <c r="MFM149" s="35"/>
      <c r="MFN149" s="35"/>
      <c r="MFO149" s="35"/>
      <c r="MFP149" s="35"/>
      <c r="MFQ149" s="35"/>
      <c r="MFR149" s="35"/>
      <c r="MFS149" s="35"/>
      <c r="MFT149" s="35"/>
      <c r="MFU149" s="35"/>
      <c r="MFV149" s="35"/>
      <c r="MFW149" s="35"/>
      <c r="MFX149" s="35"/>
      <c r="MFY149" s="35"/>
      <c r="MFZ149" s="35"/>
      <c r="MGA149" s="35"/>
      <c r="MGB149" s="35"/>
      <c r="MGC149" s="35"/>
      <c r="MGD149" s="35"/>
      <c r="MGE149" s="35"/>
      <c r="MGF149" s="35"/>
      <c r="MGG149" s="35"/>
      <c r="MGH149" s="35"/>
      <c r="MGI149" s="35"/>
      <c r="MGJ149" s="35"/>
      <c r="MGK149" s="35"/>
      <c r="MGL149" s="35"/>
      <c r="MGM149" s="35"/>
      <c r="MGN149" s="35"/>
      <c r="MGO149" s="35"/>
      <c r="MGP149" s="35"/>
      <c r="MGQ149" s="35"/>
      <c r="MGR149" s="35"/>
      <c r="MGS149" s="35"/>
      <c r="MGT149" s="35"/>
      <c r="MGU149" s="35"/>
      <c r="MGV149" s="35"/>
      <c r="MGW149" s="35"/>
      <c r="MGX149" s="35"/>
      <c r="MGY149" s="35"/>
      <c r="MGZ149" s="35"/>
      <c r="MHA149" s="35"/>
      <c r="MHB149" s="35"/>
      <c r="MHC149" s="35"/>
      <c r="MHD149" s="35"/>
      <c r="MHE149" s="35"/>
      <c r="MHF149" s="35"/>
      <c r="MHG149" s="35"/>
      <c r="MHH149" s="35"/>
      <c r="MHI149" s="35"/>
      <c r="MHJ149" s="35"/>
      <c r="MHK149" s="35"/>
      <c r="MHL149" s="35"/>
      <c r="MHM149" s="35"/>
      <c r="MHN149" s="35"/>
      <c r="MHO149" s="35"/>
      <c r="MHP149" s="35"/>
      <c r="MHQ149" s="35"/>
      <c r="MHR149" s="35"/>
      <c r="MHS149" s="35"/>
      <c r="MHT149" s="35"/>
      <c r="MHU149" s="35"/>
      <c r="MHV149" s="35"/>
      <c r="MHW149" s="35"/>
      <c r="MHX149" s="35"/>
      <c r="MHY149" s="35"/>
      <c r="MHZ149" s="35"/>
      <c r="MIA149" s="35"/>
      <c r="MIB149" s="35"/>
      <c r="MIC149" s="35"/>
      <c r="MID149" s="35"/>
      <c r="MIE149" s="35"/>
      <c r="MIF149" s="35"/>
      <c r="MIG149" s="35"/>
      <c r="MIH149" s="35"/>
      <c r="MII149" s="35"/>
      <c r="MIJ149" s="35"/>
      <c r="MIK149" s="35"/>
      <c r="MIL149" s="35"/>
      <c r="MIM149" s="35"/>
      <c r="MIN149" s="35"/>
      <c r="MIO149" s="35"/>
      <c r="MIP149" s="35"/>
      <c r="MIQ149" s="35"/>
      <c r="MIR149" s="35"/>
      <c r="MIS149" s="35"/>
      <c r="MIT149" s="35"/>
      <c r="MIU149" s="35"/>
      <c r="MIV149" s="35"/>
      <c r="MIW149" s="35"/>
      <c r="MIX149" s="35"/>
      <c r="MIY149" s="35"/>
      <c r="MIZ149" s="35"/>
      <c r="MJA149" s="35"/>
      <c r="MJB149" s="35"/>
      <c r="MJC149" s="35"/>
      <c r="MJD149" s="35"/>
      <c r="MJE149" s="35"/>
      <c r="MJF149" s="35"/>
      <c r="MJG149" s="35"/>
      <c r="MJH149" s="35"/>
      <c r="MJI149" s="35"/>
      <c r="MJJ149" s="35"/>
      <c r="MJK149" s="35"/>
      <c r="MJL149" s="35"/>
      <c r="MJM149" s="35"/>
      <c r="MJN149" s="35"/>
      <c r="MJO149" s="35"/>
      <c r="MJP149" s="35"/>
      <c r="MJQ149" s="35"/>
      <c r="MJR149" s="35"/>
      <c r="MJS149" s="35"/>
      <c r="MJT149" s="35"/>
      <c r="MJU149" s="35"/>
      <c r="MJV149" s="35"/>
      <c r="MJW149" s="35"/>
      <c r="MJX149" s="35"/>
      <c r="MJY149" s="35"/>
      <c r="MJZ149" s="35"/>
      <c r="MKA149" s="35"/>
      <c r="MKB149" s="35"/>
      <c r="MKC149" s="35"/>
      <c r="MKD149" s="35"/>
      <c r="MKE149" s="35"/>
      <c r="MKF149" s="35"/>
      <c r="MKG149" s="35"/>
      <c r="MKH149" s="35"/>
      <c r="MKI149" s="35"/>
      <c r="MKJ149" s="35"/>
      <c r="MKK149" s="35"/>
      <c r="MKL149" s="35"/>
      <c r="MKM149" s="35"/>
      <c r="MKN149" s="35"/>
      <c r="MKO149" s="35"/>
      <c r="MKP149" s="35"/>
      <c r="MKQ149" s="35"/>
      <c r="MKR149" s="35"/>
      <c r="MKS149" s="35"/>
      <c r="MKT149" s="35"/>
      <c r="MKU149" s="35"/>
      <c r="MKV149" s="35"/>
      <c r="MKW149" s="35"/>
      <c r="MKX149" s="35"/>
      <c r="MKY149" s="35"/>
      <c r="MKZ149" s="35"/>
      <c r="MLA149" s="35"/>
      <c r="MLB149" s="35"/>
      <c r="MLC149" s="35"/>
      <c r="MLD149" s="35"/>
      <c r="MLE149" s="35"/>
      <c r="MLF149" s="35"/>
      <c r="MLG149" s="35"/>
      <c r="MLH149" s="35"/>
      <c r="MLI149" s="35"/>
      <c r="MLJ149" s="35"/>
      <c r="MLK149" s="35"/>
      <c r="MLL149" s="35"/>
      <c r="MLM149" s="35"/>
      <c r="MLN149" s="35"/>
      <c r="MLO149" s="35"/>
      <c r="MLP149" s="35"/>
      <c r="MLQ149" s="35"/>
      <c r="MLR149" s="35"/>
      <c r="MLS149" s="35"/>
      <c r="MLT149" s="35"/>
      <c r="MLU149" s="35"/>
      <c r="MLV149" s="35"/>
      <c r="MLW149" s="35"/>
      <c r="MLX149" s="35"/>
      <c r="MLY149" s="35"/>
      <c r="MLZ149" s="35"/>
      <c r="MMA149" s="35"/>
      <c r="MMB149" s="35"/>
      <c r="MMC149" s="35"/>
      <c r="MMD149" s="35"/>
      <c r="MME149" s="35"/>
      <c r="MMF149" s="35"/>
      <c r="MMG149" s="35"/>
      <c r="MMH149" s="35"/>
      <c r="MMI149" s="35"/>
      <c r="MMJ149" s="35"/>
      <c r="MMK149" s="35"/>
      <c r="MML149" s="35"/>
      <c r="MMM149" s="35"/>
      <c r="MMN149" s="35"/>
      <c r="MMO149" s="35"/>
      <c r="MMP149" s="35"/>
      <c r="MMQ149" s="35"/>
      <c r="MMR149" s="35"/>
      <c r="MMS149" s="35"/>
      <c r="MMT149" s="35"/>
      <c r="MMU149" s="35"/>
      <c r="MMV149" s="35"/>
      <c r="MMW149" s="35"/>
      <c r="MMX149" s="35"/>
      <c r="MMY149" s="35"/>
      <c r="MMZ149" s="35"/>
      <c r="MNA149" s="35"/>
      <c r="MNB149" s="35"/>
      <c r="MNC149" s="35"/>
      <c r="MND149" s="35"/>
      <c r="MNE149" s="35"/>
      <c r="MNF149" s="35"/>
      <c r="MNG149" s="35"/>
      <c r="MNH149" s="35"/>
      <c r="MNI149" s="35"/>
      <c r="MNJ149" s="35"/>
      <c r="MNK149" s="35"/>
      <c r="MNL149" s="35"/>
      <c r="MNM149" s="35"/>
      <c r="MNN149" s="35"/>
      <c r="MNO149" s="35"/>
      <c r="MNP149" s="35"/>
      <c r="MNQ149" s="35"/>
      <c r="MNR149" s="35"/>
      <c r="MNS149" s="35"/>
      <c r="MNT149" s="35"/>
      <c r="MNU149" s="35"/>
      <c r="MNV149" s="35"/>
      <c r="MNW149" s="35"/>
      <c r="MNX149" s="35"/>
      <c r="MNY149" s="35"/>
      <c r="MNZ149" s="35"/>
      <c r="MOA149" s="35"/>
      <c r="MOB149" s="35"/>
      <c r="MOC149" s="35"/>
      <c r="MOD149" s="35"/>
      <c r="MOE149" s="35"/>
      <c r="MOF149" s="35"/>
      <c r="MOG149" s="35"/>
      <c r="MOH149" s="35"/>
      <c r="MOI149" s="35"/>
      <c r="MOJ149" s="35"/>
      <c r="MOK149" s="35"/>
      <c r="MOL149" s="35"/>
      <c r="MOM149" s="35"/>
      <c r="MON149" s="35"/>
      <c r="MOO149" s="35"/>
      <c r="MOP149" s="35"/>
      <c r="MOQ149" s="35"/>
      <c r="MOR149" s="35"/>
      <c r="MOS149" s="35"/>
      <c r="MOT149" s="35"/>
      <c r="MOU149" s="35"/>
      <c r="MOV149" s="35"/>
      <c r="MOW149" s="35"/>
      <c r="MOX149" s="35"/>
      <c r="MOY149" s="35"/>
      <c r="MOZ149" s="35"/>
      <c r="MPA149" s="35"/>
      <c r="MPB149" s="35"/>
      <c r="MPC149" s="35"/>
      <c r="MPD149" s="35"/>
      <c r="MPE149" s="35"/>
      <c r="MPF149" s="35"/>
      <c r="MPG149" s="35"/>
      <c r="MPH149" s="35"/>
      <c r="MPI149" s="35"/>
      <c r="MPJ149" s="35"/>
      <c r="MPK149" s="35"/>
      <c r="MPL149" s="35"/>
      <c r="MPM149" s="35"/>
      <c r="MPN149" s="35"/>
      <c r="MPO149" s="35"/>
      <c r="MPP149" s="35"/>
      <c r="MPQ149" s="35"/>
      <c r="MPR149" s="35"/>
      <c r="MPS149" s="35"/>
      <c r="MPT149" s="35"/>
      <c r="MPU149" s="35"/>
      <c r="MPV149" s="35"/>
      <c r="MPW149" s="35"/>
      <c r="MPX149" s="35"/>
      <c r="MPY149" s="35"/>
      <c r="MPZ149" s="35"/>
      <c r="MQA149" s="35"/>
      <c r="MQB149" s="35"/>
      <c r="MQC149" s="35"/>
      <c r="MQD149" s="35"/>
      <c r="MQE149" s="35"/>
      <c r="MQF149" s="35"/>
      <c r="MQG149" s="35"/>
      <c r="MQH149" s="35"/>
      <c r="MQI149" s="35"/>
      <c r="MQJ149" s="35"/>
      <c r="MQK149" s="35"/>
      <c r="MQL149" s="35"/>
      <c r="MQM149" s="35"/>
      <c r="MQN149" s="35"/>
      <c r="MQO149" s="35"/>
      <c r="MQP149" s="35"/>
      <c r="MQQ149" s="35"/>
      <c r="MQR149" s="35"/>
      <c r="MQS149" s="35"/>
      <c r="MQT149" s="35"/>
      <c r="MQU149" s="35"/>
      <c r="MQV149" s="35"/>
      <c r="MQW149" s="35"/>
      <c r="MQX149" s="35"/>
      <c r="MQY149" s="35"/>
      <c r="MQZ149" s="35"/>
      <c r="MRA149" s="35"/>
      <c r="MRB149" s="35"/>
      <c r="MRC149" s="35"/>
      <c r="MRD149" s="35"/>
      <c r="MRE149" s="35"/>
      <c r="MRF149" s="35"/>
      <c r="MRG149" s="35"/>
      <c r="MRH149" s="35"/>
      <c r="MRI149" s="35"/>
      <c r="MRJ149" s="35"/>
      <c r="MRK149" s="35"/>
      <c r="MRL149" s="35"/>
      <c r="MRM149" s="35"/>
      <c r="MRN149" s="35"/>
      <c r="MRO149" s="35"/>
      <c r="MRP149" s="35"/>
      <c r="MRQ149" s="35"/>
      <c r="MRR149" s="35"/>
      <c r="MRS149" s="35"/>
      <c r="MRT149" s="35"/>
      <c r="MRU149" s="35"/>
      <c r="MRV149" s="35"/>
      <c r="MRW149" s="35"/>
      <c r="MRX149" s="35"/>
      <c r="MRY149" s="35"/>
      <c r="MRZ149" s="35"/>
      <c r="MSA149" s="35"/>
      <c r="MSB149" s="35"/>
      <c r="MSC149" s="35"/>
      <c r="MSD149" s="35"/>
      <c r="MSE149" s="35"/>
      <c r="MSF149" s="35"/>
      <c r="MSG149" s="35"/>
      <c r="MSH149" s="35"/>
      <c r="MSI149" s="35"/>
      <c r="MSJ149" s="35"/>
      <c r="MSK149" s="35"/>
      <c r="MSL149" s="35"/>
      <c r="MSM149" s="35"/>
      <c r="MSN149" s="35"/>
      <c r="MSO149" s="35"/>
      <c r="MSP149" s="35"/>
      <c r="MSQ149" s="35"/>
      <c r="MSR149" s="35"/>
      <c r="MSS149" s="35"/>
      <c r="MST149" s="35"/>
      <c r="MSU149" s="35"/>
      <c r="MSV149" s="35"/>
      <c r="MSW149" s="35"/>
      <c r="MSX149" s="35"/>
      <c r="MSY149" s="35"/>
      <c r="MSZ149" s="35"/>
      <c r="MTA149" s="35"/>
      <c r="MTB149" s="35"/>
      <c r="MTC149" s="35"/>
      <c r="MTD149" s="35"/>
      <c r="MTE149" s="35"/>
      <c r="MTF149" s="35"/>
      <c r="MTG149" s="35"/>
      <c r="MTH149" s="35"/>
      <c r="MTI149" s="35"/>
      <c r="MTJ149" s="35"/>
      <c r="MTK149" s="35"/>
      <c r="MTL149" s="35"/>
      <c r="MTM149" s="35"/>
      <c r="MTN149" s="35"/>
      <c r="MTO149" s="35"/>
      <c r="MTP149" s="35"/>
      <c r="MTQ149" s="35"/>
      <c r="MTR149" s="35"/>
      <c r="MTS149" s="35"/>
      <c r="MTT149" s="35"/>
      <c r="MTU149" s="35"/>
      <c r="MTV149" s="35"/>
      <c r="MTW149" s="35"/>
      <c r="MTX149" s="35"/>
      <c r="MTY149" s="35"/>
      <c r="MTZ149" s="35"/>
      <c r="MUA149" s="35"/>
      <c r="MUB149" s="35"/>
      <c r="MUC149" s="35"/>
      <c r="MUD149" s="35"/>
      <c r="MUE149" s="35"/>
      <c r="MUF149" s="35"/>
      <c r="MUG149" s="35"/>
      <c r="MUH149" s="35"/>
      <c r="MUI149" s="35"/>
      <c r="MUJ149" s="35"/>
      <c r="MUK149" s="35"/>
      <c r="MUL149" s="35"/>
      <c r="MUM149" s="35"/>
      <c r="MUN149" s="35"/>
      <c r="MUO149" s="35"/>
      <c r="MUP149" s="35"/>
      <c r="MUQ149" s="35"/>
      <c r="MUR149" s="35"/>
      <c r="MUS149" s="35"/>
      <c r="MUT149" s="35"/>
      <c r="MUU149" s="35"/>
      <c r="MUV149" s="35"/>
      <c r="MUW149" s="35"/>
      <c r="MUX149" s="35"/>
      <c r="MUY149" s="35"/>
      <c r="MUZ149" s="35"/>
      <c r="MVA149" s="35"/>
      <c r="MVB149" s="35"/>
      <c r="MVC149" s="35"/>
      <c r="MVD149" s="35"/>
      <c r="MVE149" s="35"/>
      <c r="MVF149" s="35"/>
      <c r="MVG149" s="35"/>
      <c r="MVH149" s="35"/>
      <c r="MVI149" s="35"/>
      <c r="MVJ149" s="35"/>
      <c r="MVK149" s="35"/>
      <c r="MVL149" s="35"/>
      <c r="MVM149" s="35"/>
      <c r="MVN149" s="35"/>
      <c r="MVO149" s="35"/>
      <c r="MVP149" s="35"/>
      <c r="MVQ149" s="35"/>
      <c r="MVR149" s="35"/>
      <c r="MVS149" s="35"/>
      <c r="MVT149" s="35"/>
      <c r="MVU149" s="35"/>
      <c r="MVV149" s="35"/>
      <c r="MVW149" s="35"/>
      <c r="MVX149" s="35"/>
      <c r="MVY149" s="35"/>
      <c r="MVZ149" s="35"/>
      <c r="MWA149" s="35"/>
      <c r="MWB149" s="35"/>
      <c r="MWC149" s="35"/>
      <c r="MWD149" s="35"/>
      <c r="MWE149" s="35"/>
      <c r="MWF149" s="35"/>
      <c r="MWG149" s="35"/>
      <c r="MWH149" s="35"/>
      <c r="MWI149" s="35"/>
      <c r="MWJ149" s="35"/>
      <c r="MWK149" s="35"/>
      <c r="MWL149" s="35"/>
      <c r="MWM149" s="35"/>
      <c r="MWN149" s="35"/>
      <c r="MWO149" s="35"/>
      <c r="MWP149" s="35"/>
      <c r="MWQ149" s="35"/>
      <c r="MWR149" s="35"/>
      <c r="MWS149" s="35"/>
      <c r="MWT149" s="35"/>
      <c r="MWU149" s="35"/>
      <c r="MWV149" s="35"/>
      <c r="MWW149" s="35"/>
      <c r="MWX149" s="35"/>
      <c r="MWY149" s="35"/>
      <c r="MWZ149" s="35"/>
      <c r="MXA149" s="35"/>
      <c r="MXB149" s="35"/>
      <c r="MXC149" s="35"/>
      <c r="MXD149" s="35"/>
      <c r="MXE149" s="35"/>
      <c r="MXF149" s="35"/>
      <c r="MXG149" s="35"/>
      <c r="MXH149" s="35"/>
      <c r="MXI149" s="35"/>
      <c r="MXJ149" s="35"/>
      <c r="MXK149" s="35"/>
      <c r="MXL149" s="35"/>
      <c r="MXM149" s="35"/>
      <c r="MXN149" s="35"/>
      <c r="MXO149" s="35"/>
      <c r="MXP149" s="35"/>
      <c r="MXQ149" s="35"/>
      <c r="MXR149" s="35"/>
      <c r="MXS149" s="35"/>
      <c r="MXT149" s="35"/>
      <c r="MXU149" s="35"/>
      <c r="MXV149" s="35"/>
      <c r="MXW149" s="35"/>
      <c r="MXX149" s="35"/>
      <c r="MXY149" s="35"/>
      <c r="MXZ149" s="35"/>
      <c r="MYA149" s="35"/>
      <c r="MYB149" s="35"/>
      <c r="MYC149" s="35"/>
      <c r="MYD149" s="35"/>
      <c r="MYE149" s="35"/>
      <c r="MYF149" s="35"/>
      <c r="MYG149" s="35"/>
      <c r="MYH149" s="35"/>
      <c r="MYI149" s="35"/>
      <c r="MYJ149" s="35"/>
      <c r="MYK149" s="35"/>
      <c r="MYL149" s="35"/>
      <c r="MYM149" s="35"/>
      <c r="MYN149" s="35"/>
      <c r="MYO149" s="35"/>
      <c r="MYP149" s="35"/>
      <c r="MYQ149" s="35"/>
      <c r="MYR149" s="35"/>
      <c r="MYS149" s="35"/>
      <c r="MYT149" s="35"/>
      <c r="MYU149" s="35"/>
      <c r="MYV149" s="35"/>
      <c r="MYW149" s="35"/>
      <c r="MYX149" s="35"/>
      <c r="MYY149" s="35"/>
      <c r="MYZ149" s="35"/>
      <c r="MZA149" s="35"/>
      <c r="MZB149" s="35"/>
      <c r="MZC149" s="35"/>
      <c r="MZD149" s="35"/>
      <c r="MZE149" s="35"/>
      <c r="MZF149" s="35"/>
      <c r="MZG149" s="35"/>
      <c r="MZH149" s="35"/>
      <c r="MZI149" s="35"/>
      <c r="MZJ149" s="35"/>
      <c r="MZK149" s="35"/>
      <c r="MZL149" s="35"/>
      <c r="MZM149" s="35"/>
      <c r="MZN149" s="35"/>
      <c r="MZO149" s="35"/>
      <c r="MZP149" s="35"/>
      <c r="MZQ149" s="35"/>
      <c r="MZR149" s="35"/>
      <c r="MZS149" s="35"/>
      <c r="MZT149" s="35"/>
      <c r="MZU149" s="35"/>
      <c r="MZV149" s="35"/>
      <c r="MZW149" s="35"/>
      <c r="MZX149" s="35"/>
      <c r="MZY149" s="35"/>
      <c r="MZZ149" s="35"/>
      <c r="NAA149" s="35"/>
      <c r="NAB149" s="35"/>
      <c r="NAC149" s="35"/>
      <c r="NAD149" s="35"/>
      <c r="NAE149" s="35"/>
      <c r="NAF149" s="35"/>
      <c r="NAG149" s="35"/>
      <c r="NAH149" s="35"/>
      <c r="NAI149" s="35"/>
      <c r="NAJ149" s="35"/>
      <c r="NAK149" s="35"/>
      <c r="NAL149" s="35"/>
      <c r="NAM149" s="35"/>
      <c r="NAN149" s="35"/>
      <c r="NAO149" s="35"/>
      <c r="NAP149" s="35"/>
      <c r="NAQ149" s="35"/>
      <c r="NAR149" s="35"/>
      <c r="NAS149" s="35"/>
      <c r="NAT149" s="35"/>
      <c r="NAU149" s="35"/>
      <c r="NAV149" s="35"/>
      <c r="NAW149" s="35"/>
      <c r="NAX149" s="35"/>
      <c r="NAY149" s="35"/>
      <c r="NAZ149" s="35"/>
      <c r="NBA149" s="35"/>
      <c r="NBB149" s="35"/>
      <c r="NBC149" s="35"/>
      <c r="NBD149" s="35"/>
      <c r="NBE149" s="35"/>
      <c r="NBF149" s="35"/>
      <c r="NBG149" s="35"/>
      <c r="NBH149" s="35"/>
      <c r="NBI149" s="35"/>
      <c r="NBJ149" s="35"/>
      <c r="NBK149" s="35"/>
      <c r="NBL149" s="35"/>
      <c r="NBM149" s="35"/>
      <c r="NBN149" s="35"/>
      <c r="NBO149" s="35"/>
      <c r="NBP149" s="35"/>
      <c r="NBQ149" s="35"/>
      <c r="NBR149" s="35"/>
      <c r="NBS149" s="35"/>
      <c r="NBT149" s="35"/>
      <c r="NBU149" s="35"/>
      <c r="NBV149" s="35"/>
      <c r="NBW149" s="35"/>
      <c r="NBX149" s="35"/>
      <c r="NBY149" s="35"/>
      <c r="NBZ149" s="35"/>
      <c r="NCA149" s="35"/>
      <c r="NCB149" s="35"/>
      <c r="NCC149" s="35"/>
      <c r="NCD149" s="35"/>
      <c r="NCE149" s="35"/>
      <c r="NCF149" s="35"/>
      <c r="NCG149" s="35"/>
      <c r="NCH149" s="35"/>
      <c r="NCI149" s="35"/>
      <c r="NCJ149" s="35"/>
      <c r="NCK149" s="35"/>
      <c r="NCL149" s="35"/>
      <c r="NCM149" s="35"/>
      <c r="NCN149" s="35"/>
      <c r="NCO149" s="35"/>
      <c r="NCP149" s="35"/>
      <c r="NCQ149" s="35"/>
      <c r="NCR149" s="35"/>
      <c r="NCS149" s="35"/>
      <c r="NCT149" s="35"/>
      <c r="NCU149" s="35"/>
      <c r="NCV149" s="35"/>
      <c r="NCW149" s="35"/>
      <c r="NCX149" s="35"/>
      <c r="NCY149" s="35"/>
      <c r="NCZ149" s="35"/>
      <c r="NDA149" s="35"/>
      <c r="NDB149" s="35"/>
      <c r="NDC149" s="35"/>
      <c r="NDD149" s="35"/>
      <c r="NDE149" s="35"/>
      <c r="NDF149" s="35"/>
      <c r="NDG149" s="35"/>
      <c r="NDH149" s="35"/>
      <c r="NDI149" s="35"/>
      <c r="NDJ149" s="35"/>
      <c r="NDK149" s="35"/>
      <c r="NDL149" s="35"/>
      <c r="NDM149" s="35"/>
      <c r="NDN149" s="35"/>
      <c r="NDO149" s="35"/>
      <c r="NDP149" s="35"/>
      <c r="NDQ149" s="35"/>
      <c r="NDR149" s="35"/>
      <c r="NDS149" s="35"/>
      <c r="NDT149" s="35"/>
      <c r="NDU149" s="35"/>
      <c r="NDV149" s="35"/>
      <c r="NDW149" s="35"/>
      <c r="NDX149" s="35"/>
      <c r="NDY149" s="35"/>
      <c r="NDZ149" s="35"/>
      <c r="NEA149" s="35"/>
      <c r="NEB149" s="35"/>
      <c r="NEC149" s="35"/>
      <c r="NED149" s="35"/>
      <c r="NEE149" s="35"/>
      <c r="NEF149" s="35"/>
      <c r="NEG149" s="35"/>
      <c r="NEH149" s="35"/>
      <c r="NEI149" s="35"/>
      <c r="NEJ149" s="35"/>
      <c r="NEK149" s="35"/>
      <c r="NEL149" s="35"/>
      <c r="NEM149" s="35"/>
      <c r="NEN149" s="35"/>
      <c r="NEO149" s="35"/>
      <c r="NEP149" s="35"/>
      <c r="NEQ149" s="35"/>
      <c r="NER149" s="35"/>
      <c r="NES149" s="35"/>
      <c r="NET149" s="35"/>
      <c r="NEU149" s="35"/>
      <c r="NEV149" s="35"/>
      <c r="NEW149" s="35"/>
      <c r="NEX149" s="35"/>
      <c r="NEY149" s="35"/>
      <c r="NEZ149" s="35"/>
      <c r="NFA149" s="35"/>
      <c r="NFB149" s="35"/>
      <c r="NFC149" s="35"/>
      <c r="NFD149" s="35"/>
      <c r="NFE149" s="35"/>
      <c r="NFF149" s="35"/>
      <c r="NFG149" s="35"/>
      <c r="NFH149" s="35"/>
      <c r="NFI149" s="35"/>
      <c r="NFJ149" s="35"/>
      <c r="NFK149" s="35"/>
      <c r="NFL149" s="35"/>
      <c r="NFM149" s="35"/>
      <c r="NFN149" s="35"/>
      <c r="NFO149" s="35"/>
      <c r="NFP149" s="35"/>
      <c r="NFQ149" s="35"/>
      <c r="NFR149" s="35"/>
      <c r="NFS149" s="35"/>
      <c r="NFT149" s="35"/>
      <c r="NFU149" s="35"/>
      <c r="NFV149" s="35"/>
      <c r="NFW149" s="35"/>
      <c r="NFX149" s="35"/>
      <c r="NFY149" s="35"/>
      <c r="NFZ149" s="35"/>
      <c r="NGA149" s="35"/>
      <c r="NGB149" s="35"/>
      <c r="NGC149" s="35"/>
      <c r="NGD149" s="35"/>
      <c r="NGE149" s="35"/>
      <c r="NGF149" s="35"/>
      <c r="NGG149" s="35"/>
      <c r="NGH149" s="35"/>
      <c r="NGI149" s="35"/>
      <c r="NGJ149" s="35"/>
      <c r="NGK149" s="35"/>
      <c r="NGL149" s="35"/>
      <c r="NGM149" s="35"/>
      <c r="NGN149" s="35"/>
      <c r="NGO149" s="35"/>
      <c r="NGP149" s="35"/>
      <c r="NGQ149" s="35"/>
      <c r="NGR149" s="35"/>
      <c r="NGS149" s="35"/>
      <c r="NGT149" s="35"/>
      <c r="NGU149" s="35"/>
      <c r="NGV149" s="35"/>
      <c r="NGW149" s="35"/>
      <c r="NGX149" s="35"/>
      <c r="NGY149" s="35"/>
      <c r="NGZ149" s="35"/>
      <c r="NHA149" s="35"/>
      <c r="NHB149" s="35"/>
      <c r="NHC149" s="35"/>
      <c r="NHD149" s="35"/>
      <c r="NHE149" s="35"/>
      <c r="NHF149" s="35"/>
      <c r="NHG149" s="35"/>
      <c r="NHH149" s="35"/>
      <c r="NHI149" s="35"/>
      <c r="NHJ149" s="35"/>
      <c r="NHK149" s="35"/>
      <c r="NHL149" s="35"/>
      <c r="NHM149" s="35"/>
      <c r="NHN149" s="35"/>
      <c r="NHO149" s="35"/>
      <c r="NHP149" s="35"/>
      <c r="NHQ149" s="35"/>
      <c r="NHR149" s="35"/>
      <c r="NHS149" s="35"/>
      <c r="NHT149" s="35"/>
      <c r="NHU149" s="35"/>
      <c r="NHV149" s="35"/>
      <c r="NHW149" s="35"/>
      <c r="NHX149" s="35"/>
      <c r="NHY149" s="35"/>
      <c r="NHZ149" s="35"/>
      <c r="NIA149" s="35"/>
      <c r="NIB149" s="35"/>
      <c r="NIC149" s="35"/>
      <c r="NID149" s="35"/>
      <c r="NIE149" s="35"/>
      <c r="NIF149" s="35"/>
      <c r="NIG149" s="35"/>
      <c r="NIH149" s="35"/>
      <c r="NII149" s="35"/>
      <c r="NIJ149" s="35"/>
      <c r="NIK149" s="35"/>
      <c r="NIL149" s="35"/>
      <c r="NIM149" s="35"/>
      <c r="NIN149" s="35"/>
      <c r="NIO149" s="35"/>
      <c r="NIP149" s="35"/>
      <c r="NIQ149" s="35"/>
      <c r="NIR149" s="35"/>
      <c r="NIS149" s="35"/>
      <c r="NIT149" s="35"/>
      <c r="NIU149" s="35"/>
      <c r="NIV149" s="35"/>
      <c r="NIW149" s="35"/>
      <c r="NIX149" s="35"/>
      <c r="NIY149" s="35"/>
      <c r="NIZ149" s="35"/>
      <c r="NJA149" s="35"/>
      <c r="NJB149" s="35"/>
      <c r="NJC149" s="35"/>
      <c r="NJD149" s="35"/>
      <c r="NJE149" s="35"/>
      <c r="NJF149" s="35"/>
      <c r="NJG149" s="35"/>
      <c r="NJH149" s="35"/>
      <c r="NJI149" s="35"/>
      <c r="NJJ149" s="35"/>
      <c r="NJK149" s="35"/>
      <c r="NJL149" s="35"/>
      <c r="NJM149" s="35"/>
      <c r="NJN149" s="35"/>
      <c r="NJO149" s="35"/>
      <c r="NJP149" s="35"/>
      <c r="NJQ149" s="35"/>
      <c r="NJR149" s="35"/>
      <c r="NJS149" s="35"/>
      <c r="NJT149" s="35"/>
      <c r="NJU149" s="35"/>
      <c r="NJV149" s="35"/>
      <c r="NJW149" s="35"/>
      <c r="NJX149" s="35"/>
      <c r="NJY149" s="35"/>
      <c r="NJZ149" s="35"/>
      <c r="NKA149" s="35"/>
      <c r="NKB149" s="35"/>
      <c r="NKC149" s="35"/>
      <c r="NKD149" s="35"/>
      <c r="NKE149" s="35"/>
      <c r="NKF149" s="35"/>
      <c r="NKG149" s="35"/>
      <c r="NKH149" s="35"/>
      <c r="NKI149" s="35"/>
      <c r="NKJ149" s="35"/>
      <c r="NKK149" s="35"/>
      <c r="NKL149" s="35"/>
      <c r="NKM149" s="35"/>
      <c r="NKN149" s="35"/>
      <c r="NKO149" s="35"/>
      <c r="NKP149" s="35"/>
      <c r="NKQ149" s="35"/>
      <c r="NKR149" s="35"/>
      <c r="NKS149" s="35"/>
      <c r="NKT149" s="35"/>
      <c r="NKU149" s="35"/>
      <c r="NKV149" s="35"/>
      <c r="NKW149" s="35"/>
      <c r="NKX149" s="35"/>
      <c r="NKY149" s="35"/>
      <c r="NKZ149" s="35"/>
      <c r="NLA149" s="35"/>
      <c r="NLB149" s="35"/>
      <c r="NLC149" s="35"/>
      <c r="NLD149" s="35"/>
      <c r="NLE149" s="35"/>
      <c r="NLF149" s="35"/>
      <c r="NLG149" s="35"/>
      <c r="NLH149" s="35"/>
      <c r="NLI149" s="35"/>
      <c r="NLJ149" s="35"/>
      <c r="NLK149" s="35"/>
      <c r="NLL149" s="35"/>
      <c r="NLM149" s="35"/>
      <c r="NLN149" s="35"/>
      <c r="NLO149" s="35"/>
      <c r="NLP149" s="35"/>
      <c r="NLQ149" s="35"/>
      <c r="NLR149" s="35"/>
      <c r="NLS149" s="35"/>
      <c r="NLT149" s="35"/>
      <c r="NLU149" s="35"/>
      <c r="NLV149" s="35"/>
      <c r="NLW149" s="35"/>
      <c r="NLX149" s="35"/>
      <c r="NLY149" s="35"/>
      <c r="NLZ149" s="35"/>
      <c r="NMA149" s="35"/>
      <c r="NMB149" s="35"/>
      <c r="NMC149" s="35"/>
      <c r="NMD149" s="35"/>
      <c r="NME149" s="35"/>
      <c r="NMF149" s="35"/>
      <c r="NMG149" s="35"/>
      <c r="NMH149" s="35"/>
      <c r="NMI149" s="35"/>
      <c r="NMJ149" s="35"/>
      <c r="NMK149" s="35"/>
      <c r="NML149" s="35"/>
      <c r="NMM149" s="35"/>
      <c r="NMN149" s="35"/>
      <c r="NMO149" s="35"/>
      <c r="NMP149" s="35"/>
      <c r="NMQ149" s="35"/>
      <c r="NMR149" s="35"/>
      <c r="NMS149" s="35"/>
      <c r="NMT149" s="35"/>
      <c r="NMU149" s="35"/>
      <c r="NMV149" s="35"/>
      <c r="NMW149" s="35"/>
      <c r="NMX149" s="35"/>
      <c r="NMY149" s="35"/>
      <c r="NMZ149" s="35"/>
      <c r="NNA149" s="35"/>
      <c r="NNB149" s="35"/>
      <c r="NNC149" s="35"/>
      <c r="NND149" s="35"/>
      <c r="NNE149" s="35"/>
      <c r="NNF149" s="35"/>
      <c r="NNG149" s="35"/>
      <c r="NNH149" s="35"/>
      <c r="NNI149" s="35"/>
      <c r="NNJ149" s="35"/>
      <c r="NNK149" s="35"/>
      <c r="NNL149" s="35"/>
      <c r="NNM149" s="35"/>
      <c r="NNN149" s="35"/>
      <c r="NNO149" s="35"/>
      <c r="NNP149" s="35"/>
      <c r="NNQ149" s="35"/>
      <c r="NNR149" s="35"/>
      <c r="NNS149" s="35"/>
      <c r="NNT149" s="35"/>
      <c r="NNU149" s="35"/>
      <c r="NNV149" s="35"/>
      <c r="NNW149" s="35"/>
      <c r="NNX149" s="35"/>
      <c r="NNY149" s="35"/>
      <c r="NNZ149" s="35"/>
      <c r="NOA149" s="35"/>
      <c r="NOB149" s="35"/>
      <c r="NOC149" s="35"/>
      <c r="NOD149" s="35"/>
      <c r="NOE149" s="35"/>
      <c r="NOF149" s="35"/>
      <c r="NOG149" s="35"/>
      <c r="NOH149" s="35"/>
      <c r="NOI149" s="35"/>
      <c r="NOJ149" s="35"/>
      <c r="NOK149" s="35"/>
      <c r="NOL149" s="35"/>
      <c r="NOM149" s="35"/>
      <c r="NON149" s="35"/>
      <c r="NOO149" s="35"/>
      <c r="NOP149" s="35"/>
      <c r="NOQ149" s="35"/>
      <c r="NOR149" s="35"/>
      <c r="NOS149" s="35"/>
      <c r="NOT149" s="35"/>
      <c r="NOU149" s="35"/>
      <c r="NOV149" s="35"/>
      <c r="NOW149" s="35"/>
      <c r="NOX149" s="35"/>
      <c r="NOY149" s="35"/>
      <c r="NOZ149" s="35"/>
      <c r="NPA149" s="35"/>
      <c r="NPB149" s="35"/>
      <c r="NPC149" s="35"/>
      <c r="NPD149" s="35"/>
      <c r="NPE149" s="35"/>
      <c r="NPF149" s="35"/>
      <c r="NPG149" s="35"/>
      <c r="NPH149" s="35"/>
      <c r="NPI149" s="35"/>
      <c r="NPJ149" s="35"/>
      <c r="NPK149" s="35"/>
      <c r="NPL149" s="35"/>
      <c r="NPM149" s="35"/>
      <c r="NPN149" s="35"/>
      <c r="NPO149" s="35"/>
      <c r="NPP149" s="35"/>
      <c r="NPQ149" s="35"/>
      <c r="NPR149" s="35"/>
      <c r="NPS149" s="35"/>
      <c r="NPT149" s="35"/>
      <c r="NPU149" s="35"/>
      <c r="NPV149" s="35"/>
      <c r="NPW149" s="35"/>
      <c r="NPX149" s="35"/>
      <c r="NPY149" s="35"/>
      <c r="NPZ149" s="35"/>
      <c r="NQA149" s="35"/>
      <c r="NQB149" s="35"/>
      <c r="NQC149" s="35"/>
      <c r="NQD149" s="35"/>
      <c r="NQE149" s="35"/>
      <c r="NQF149" s="35"/>
      <c r="NQG149" s="35"/>
      <c r="NQH149" s="35"/>
      <c r="NQI149" s="35"/>
      <c r="NQJ149" s="35"/>
      <c r="NQK149" s="35"/>
      <c r="NQL149" s="35"/>
      <c r="NQM149" s="35"/>
      <c r="NQN149" s="35"/>
      <c r="NQO149" s="35"/>
      <c r="NQP149" s="35"/>
      <c r="NQQ149" s="35"/>
      <c r="NQR149" s="35"/>
      <c r="NQS149" s="35"/>
      <c r="NQT149" s="35"/>
      <c r="NQU149" s="35"/>
      <c r="NQV149" s="35"/>
      <c r="NQW149" s="35"/>
      <c r="NQX149" s="35"/>
      <c r="NQY149" s="35"/>
      <c r="NQZ149" s="35"/>
      <c r="NRA149" s="35"/>
      <c r="NRB149" s="35"/>
      <c r="NRC149" s="35"/>
      <c r="NRD149" s="35"/>
      <c r="NRE149" s="35"/>
      <c r="NRF149" s="35"/>
      <c r="NRG149" s="35"/>
      <c r="NRH149" s="35"/>
      <c r="NRI149" s="35"/>
      <c r="NRJ149" s="35"/>
      <c r="NRK149" s="35"/>
      <c r="NRL149" s="35"/>
      <c r="NRM149" s="35"/>
      <c r="NRN149" s="35"/>
      <c r="NRO149" s="35"/>
      <c r="NRP149" s="35"/>
      <c r="NRQ149" s="35"/>
      <c r="NRR149" s="35"/>
      <c r="NRS149" s="35"/>
      <c r="NRT149" s="35"/>
      <c r="NRU149" s="35"/>
      <c r="NRV149" s="35"/>
      <c r="NRW149" s="35"/>
      <c r="NRX149" s="35"/>
      <c r="NRY149" s="35"/>
      <c r="NRZ149" s="35"/>
      <c r="NSA149" s="35"/>
      <c r="NSB149" s="35"/>
      <c r="NSC149" s="35"/>
      <c r="NSD149" s="35"/>
      <c r="NSE149" s="35"/>
      <c r="NSF149" s="35"/>
      <c r="NSG149" s="35"/>
      <c r="NSH149" s="35"/>
      <c r="NSI149" s="35"/>
      <c r="NSJ149" s="35"/>
      <c r="NSK149" s="35"/>
      <c r="NSL149" s="35"/>
      <c r="NSM149" s="35"/>
      <c r="NSN149" s="35"/>
      <c r="NSO149" s="35"/>
      <c r="NSP149" s="35"/>
      <c r="NSQ149" s="35"/>
      <c r="NSR149" s="35"/>
      <c r="NSS149" s="35"/>
      <c r="NST149" s="35"/>
      <c r="NSU149" s="35"/>
      <c r="NSV149" s="35"/>
      <c r="NSW149" s="35"/>
      <c r="NSX149" s="35"/>
      <c r="NSY149" s="35"/>
      <c r="NSZ149" s="35"/>
      <c r="NTA149" s="35"/>
      <c r="NTB149" s="35"/>
      <c r="NTC149" s="35"/>
      <c r="NTD149" s="35"/>
      <c r="NTE149" s="35"/>
      <c r="NTF149" s="35"/>
      <c r="NTG149" s="35"/>
      <c r="NTH149" s="35"/>
      <c r="NTI149" s="35"/>
      <c r="NTJ149" s="35"/>
      <c r="NTK149" s="35"/>
      <c r="NTL149" s="35"/>
      <c r="NTM149" s="35"/>
      <c r="NTN149" s="35"/>
      <c r="NTO149" s="35"/>
      <c r="NTP149" s="35"/>
      <c r="NTQ149" s="35"/>
      <c r="NTR149" s="35"/>
      <c r="NTS149" s="35"/>
      <c r="NTT149" s="35"/>
      <c r="NTU149" s="35"/>
      <c r="NTV149" s="35"/>
      <c r="NTW149" s="35"/>
      <c r="NTX149" s="35"/>
      <c r="NTY149" s="35"/>
      <c r="NTZ149" s="35"/>
      <c r="NUA149" s="35"/>
      <c r="NUB149" s="35"/>
      <c r="NUC149" s="35"/>
      <c r="NUD149" s="35"/>
      <c r="NUE149" s="35"/>
      <c r="NUF149" s="35"/>
      <c r="NUG149" s="35"/>
      <c r="NUH149" s="35"/>
      <c r="NUI149" s="35"/>
      <c r="NUJ149" s="35"/>
      <c r="NUK149" s="35"/>
      <c r="NUL149" s="35"/>
      <c r="NUM149" s="35"/>
      <c r="NUN149" s="35"/>
      <c r="NUO149" s="35"/>
      <c r="NUP149" s="35"/>
      <c r="NUQ149" s="35"/>
      <c r="NUR149" s="35"/>
      <c r="NUS149" s="35"/>
      <c r="NUT149" s="35"/>
      <c r="NUU149" s="35"/>
      <c r="NUV149" s="35"/>
      <c r="NUW149" s="35"/>
      <c r="NUX149" s="35"/>
      <c r="NUY149" s="35"/>
      <c r="NUZ149" s="35"/>
      <c r="NVA149" s="35"/>
      <c r="NVB149" s="35"/>
      <c r="NVC149" s="35"/>
      <c r="NVD149" s="35"/>
      <c r="NVE149" s="35"/>
      <c r="NVF149" s="35"/>
      <c r="NVG149" s="35"/>
      <c r="NVH149" s="35"/>
      <c r="NVI149" s="35"/>
      <c r="NVJ149" s="35"/>
      <c r="NVK149" s="35"/>
      <c r="NVL149" s="35"/>
      <c r="NVM149" s="35"/>
      <c r="NVN149" s="35"/>
      <c r="NVO149" s="35"/>
      <c r="NVP149" s="35"/>
      <c r="NVQ149" s="35"/>
      <c r="NVR149" s="35"/>
      <c r="NVS149" s="35"/>
      <c r="NVT149" s="35"/>
      <c r="NVU149" s="35"/>
      <c r="NVV149" s="35"/>
      <c r="NVW149" s="35"/>
      <c r="NVX149" s="35"/>
      <c r="NVY149" s="35"/>
      <c r="NVZ149" s="35"/>
      <c r="NWA149" s="35"/>
      <c r="NWB149" s="35"/>
      <c r="NWC149" s="35"/>
      <c r="NWD149" s="35"/>
      <c r="NWE149" s="35"/>
      <c r="NWF149" s="35"/>
      <c r="NWG149" s="35"/>
      <c r="NWH149" s="35"/>
      <c r="NWI149" s="35"/>
      <c r="NWJ149" s="35"/>
      <c r="NWK149" s="35"/>
      <c r="NWL149" s="35"/>
      <c r="NWM149" s="35"/>
      <c r="NWN149" s="35"/>
      <c r="NWO149" s="35"/>
      <c r="NWP149" s="35"/>
      <c r="NWQ149" s="35"/>
      <c r="NWR149" s="35"/>
      <c r="NWS149" s="35"/>
      <c r="NWT149" s="35"/>
      <c r="NWU149" s="35"/>
      <c r="NWV149" s="35"/>
      <c r="NWW149" s="35"/>
      <c r="NWX149" s="35"/>
      <c r="NWY149" s="35"/>
      <c r="NWZ149" s="35"/>
      <c r="NXA149" s="35"/>
      <c r="NXB149" s="35"/>
      <c r="NXC149" s="35"/>
      <c r="NXD149" s="35"/>
      <c r="NXE149" s="35"/>
      <c r="NXF149" s="35"/>
      <c r="NXG149" s="35"/>
      <c r="NXH149" s="35"/>
      <c r="NXI149" s="35"/>
      <c r="NXJ149" s="35"/>
      <c r="NXK149" s="35"/>
      <c r="NXL149" s="35"/>
      <c r="NXM149" s="35"/>
      <c r="NXN149" s="35"/>
      <c r="NXO149" s="35"/>
      <c r="NXP149" s="35"/>
      <c r="NXQ149" s="35"/>
      <c r="NXR149" s="35"/>
      <c r="NXS149" s="35"/>
      <c r="NXT149" s="35"/>
      <c r="NXU149" s="35"/>
      <c r="NXV149" s="35"/>
      <c r="NXW149" s="35"/>
      <c r="NXX149" s="35"/>
      <c r="NXY149" s="35"/>
      <c r="NXZ149" s="35"/>
      <c r="NYA149" s="35"/>
      <c r="NYB149" s="35"/>
      <c r="NYC149" s="35"/>
      <c r="NYD149" s="35"/>
      <c r="NYE149" s="35"/>
      <c r="NYF149" s="35"/>
      <c r="NYG149" s="35"/>
      <c r="NYH149" s="35"/>
      <c r="NYI149" s="35"/>
      <c r="NYJ149" s="35"/>
      <c r="NYK149" s="35"/>
      <c r="NYL149" s="35"/>
      <c r="NYM149" s="35"/>
      <c r="NYN149" s="35"/>
      <c r="NYO149" s="35"/>
      <c r="NYP149" s="35"/>
      <c r="NYQ149" s="35"/>
      <c r="NYR149" s="35"/>
      <c r="NYS149" s="35"/>
      <c r="NYT149" s="35"/>
      <c r="NYU149" s="35"/>
      <c r="NYV149" s="35"/>
      <c r="NYW149" s="35"/>
      <c r="NYX149" s="35"/>
      <c r="NYY149" s="35"/>
      <c r="NYZ149" s="35"/>
      <c r="NZA149" s="35"/>
      <c r="NZB149" s="35"/>
      <c r="NZC149" s="35"/>
      <c r="NZD149" s="35"/>
      <c r="NZE149" s="35"/>
      <c r="NZF149" s="35"/>
      <c r="NZG149" s="35"/>
      <c r="NZH149" s="35"/>
      <c r="NZI149" s="35"/>
      <c r="NZJ149" s="35"/>
      <c r="NZK149" s="35"/>
      <c r="NZL149" s="35"/>
      <c r="NZM149" s="35"/>
      <c r="NZN149" s="35"/>
      <c r="NZO149" s="35"/>
      <c r="NZP149" s="35"/>
      <c r="NZQ149" s="35"/>
      <c r="NZR149" s="35"/>
      <c r="NZS149" s="35"/>
      <c r="NZT149" s="35"/>
      <c r="NZU149" s="35"/>
      <c r="NZV149" s="35"/>
      <c r="NZW149" s="35"/>
      <c r="NZX149" s="35"/>
      <c r="NZY149" s="35"/>
      <c r="NZZ149" s="35"/>
      <c r="OAA149" s="35"/>
      <c r="OAB149" s="35"/>
      <c r="OAC149" s="35"/>
      <c r="OAD149" s="35"/>
      <c r="OAE149" s="35"/>
      <c r="OAF149" s="35"/>
      <c r="OAG149" s="35"/>
      <c r="OAH149" s="35"/>
      <c r="OAI149" s="35"/>
      <c r="OAJ149" s="35"/>
      <c r="OAK149" s="35"/>
      <c r="OAL149" s="35"/>
      <c r="OAM149" s="35"/>
      <c r="OAN149" s="35"/>
      <c r="OAO149" s="35"/>
      <c r="OAP149" s="35"/>
      <c r="OAQ149" s="35"/>
      <c r="OAR149" s="35"/>
      <c r="OAS149" s="35"/>
      <c r="OAT149" s="35"/>
      <c r="OAU149" s="35"/>
      <c r="OAV149" s="35"/>
      <c r="OAW149" s="35"/>
      <c r="OAX149" s="35"/>
      <c r="OAY149" s="35"/>
      <c r="OAZ149" s="35"/>
      <c r="OBA149" s="35"/>
      <c r="OBB149" s="35"/>
      <c r="OBC149" s="35"/>
      <c r="OBD149" s="35"/>
      <c r="OBE149" s="35"/>
      <c r="OBF149" s="35"/>
      <c r="OBG149" s="35"/>
      <c r="OBH149" s="35"/>
      <c r="OBI149" s="35"/>
      <c r="OBJ149" s="35"/>
      <c r="OBK149" s="35"/>
      <c r="OBL149" s="35"/>
      <c r="OBM149" s="35"/>
      <c r="OBN149" s="35"/>
      <c r="OBO149" s="35"/>
      <c r="OBP149" s="35"/>
      <c r="OBQ149" s="35"/>
      <c r="OBR149" s="35"/>
      <c r="OBS149" s="35"/>
      <c r="OBT149" s="35"/>
      <c r="OBU149" s="35"/>
      <c r="OBV149" s="35"/>
      <c r="OBW149" s="35"/>
      <c r="OBX149" s="35"/>
      <c r="OBY149" s="35"/>
      <c r="OBZ149" s="35"/>
      <c r="OCA149" s="35"/>
      <c r="OCB149" s="35"/>
      <c r="OCC149" s="35"/>
      <c r="OCD149" s="35"/>
      <c r="OCE149" s="35"/>
      <c r="OCF149" s="35"/>
      <c r="OCG149" s="35"/>
      <c r="OCH149" s="35"/>
      <c r="OCI149" s="35"/>
      <c r="OCJ149" s="35"/>
      <c r="OCK149" s="35"/>
      <c r="OCL149" s="35"/>
      <c r="OCM149" s="35"/>
      <c r="OCN149" s="35"/>
      <c r="OCO149" s="35"/>
      <c r="OCP149" s="35"/>
      <c r="OCQ149" s="35"/>
      <c r="OCR149" s="35"/>
      <c r="OCS149" s="35"/>
      <c r="OCT149" s="35"/>
      <c r="OCU149" s="35"/>
      <c r="OCV149" s="35"/>
      <c r="OCW149" s="35"/>
      <c r="OCX149" s="35"/>
      <c r="OCY149" s="35"/>
      <c r="OCZ149" s="35"/>
      <c r="ODA149" s="35"/>
      <c r="ODB149" s="35"/>
      <c r="ODC149" s="35"/>
      <c r="ODD149" s="35"/>
      <c r="ODE149" s="35"/>
      <c r="ODF149" s="35"/>
      <c r="ODG149" s="35"/>
      <c r="ODH149" s="35"/>
      <c r="ODI149" s="35"/>
      <c r="ODJ149" s="35"/>
      <c r="ODK149" s="35"/>
      <c r="ODL149" s="35"/>
      <c r="ODM149" s="35"/>
      <c r="ODN149" s="35"/>
      <c r="ODO149" s="35"/>
      <c r="ODP149" s="35"/>
      <c r="ODQ149" s="35"/>
      <c r="ODR149" s="35"/>
      <c r="ODS149" s="35"/>
      <c r="ODT149" s="35"/>
      <c r="ODU149" s="35"/>
      <c r="ODV149" s="35"/>
      <c r="ODW149" s="35"/>
      <c r="ODX149" s="35"/>
      <c r="ODY149" s="35"/>
      <c r="ODZ149" s="35"/>
      <c r="OEA149" s="35"/>
      <c r="OEB149" s="35"/>
      <c r="OEC149" s="35"/>
      <c r="OED149" s="35"/>
      <c r="OEE149" s="35"/>
      <c r="OEF149" s="35"/>
      <c r="OEG149" s="35"/>
      <c r="OEH149" s="35"/>
      <c r="OEI149" s="35"/>
      <c r="OEJ149" s="35"/>
      <c r="OEK149" s="35"/>
      <c r="OEL149" s="35"/>
      <c r="OEM149" s="35"/>
      <c r="OEN149" s="35"/>
      <c r="OEO149" s="35"/>
      <c r="OEP149" s="35"/>
      <c r="OEQ149" s="35"/>
      <c r="OER149" s="35"/>
      <c r="OES149" s="35"/>
      <c r="OET149" s="35"/>
      <c r="OEU149" s="35"/>
      <c r="OEV149" s="35"/>
      <c r="OEW149" s="35"/>
      <c r="OEX149" s="35"/>
      <c r="OEY149" s="35"/>
      <c r="OEZ149" s="35"/>
      <c r="OFA149" s="35"/>
      <c r="OFB149" s="35"/>
      <c r="OFC149" s="35"/>
      <c r="OFD149" s="35"/>
      <c r="OFE149" s="35"/>
      <c r="OFF149" s="35"/>
      <c r="OFG149" s="35"/>
      <c r="OFH149" s="35"/>
      <c r="OFI149" s="35"/>
      <c r="OFJ149" s="35"/>
      <c r="OFK149" s="35"/>
      <c r="OFL149" s="35"/>
      <c r="OFM149" s="35"/>
      <c r="OFN149" s="35"/>
      <c r="OFO149" s="35"/>
      <c r="OFP149" s="35"/>
      <c r="OFQ149" s="35"/>
      <c r="OFR149" s="35"/>
      <c r="OFS149" s="35"/>
      <c r="OFT149" s="35"/>
      <c r="OFU149" s="35"/>
      <c r="OFV149" s="35"/>
      <c r="OFW149" s="35"/>
      <c r="OFX149" s="35"/>
      <c r="OFY149" s="35"/>
      <c r="OFZ149" s="35"/>
      <c r="OGA149" s="35"/>
      <c r="OGB149" s="35"/>
      <c r="OGC149" s="35"/>
      <c r="OGD149" s="35"/>
      <c r="OGE149" s="35"/>
      <c r="OGF149" s="35"/>
      <c r="OGG149" s="35"/>
      <c r="OGH149" s="35"/>
      <c r="OGI149" s="35"/>
      <c r="OGJ149" s="35"/>
      <c r="OGK149" s="35"/>
      <c r="OGL149" s="35"/>
      <c r="OGM149" s="35"/>
      <c r="OGN149" s="35"/>
      <c r="OGO149" s="35"/>
      <c r="OGP149" s="35"/>
      <c r="OGQ149" s="35"/>
      <c r="OGR149" s="35"/>
      <c r="OGS149" s="35"/>
      <c r="OGT149" s="35"/>
      <c r="OGU149" s="35"/>
      <c r="OGV149" s="35"/>
      <c r="OGW149" s="35"/>
      <c r="OGX149" s="35"/>
      <c r="OGY149" s="35"/>
      <c r="OGZ149" s="35"/>
      <c r="OHA149" s="35"/>
      <c r="OHB149" s="35"/>
      <c r="OHC149" s="35"/>
      <c r="OHD149" s="35"/>
      <c r="OHE149" s="35"/>
      <c r="OHF149" s="35"/>
      <c r="OHG149" s="35"/>
      <c r="OHH149" s="35"/>
      <c r="OHI149" s="35"/>
      <c r="OHJ149" s="35"/>
      <c r="OHK149" s="35"/>
      <c r="OHL149" s="35"/>
      <c r="OHM149" s="35"/>
      <c r="OHN149" s="35"/>
      <c r="OHO149" s="35"/>
      <c r="OHP149" s="35"/>
      <c r="OHQ149" s="35"/>
      <c r="OHR149" s="35"/>
      <c r="OHS149" s="35"/>
      <c r="OHT149" s="35"/>
      <c r="OHU149" s="35"/>
      <c r="OHV149" s="35"/>
      <c r="OHW149" s="35"/>
      <c r="OHX149" s="35"/>
      <c r="OHY149" s="35"/>
      <c r="OHZ149" s="35"/>
      <c r="OIA149" s="35"/>
      <c r="OIB149" s="35"/>
      <c r="OIC149" s="35"/>
      <c r="OID149" s="35"/>
      <c r="OIE149" s="35"/>
      <c r="OIF149" s="35"/>
      <c r="OIG149" s="35"/>
      <c r="OIH149" s="35"/>
      <c r="OII149" s="35"/>
      <c r="OIJ149" s="35"/>
      <c r="OIK149" s="35"/>
      <c r="OIL149" s="35"/>
      <c r="OIM149" s="35"/>
      <c r="OIN149" s="35"/>
      <c r="OIO149" s="35"/>
      <c r="OIP149" s="35"/>
      <c r="OIQ149" s="35"/>
      <c r="OIR149" s="35"/>
      <c r="OIS149" s="35"/>
      <c r="OIT149" s="35"/>
      <c r="OIU149" s="35"/>
      <c r="OIV149" s="35"/>
      <c r="OIW149" s="35"/>
      <c r="OIX149" s="35"/>
      <c r="OIY149" s="35"/>
      <c r="OIZ149" s="35"/>
      <c r="OJA149" s="35"/>
      <c r="OJB149" s="35"/>
      <c r="OJC149" s="35"/>
      <c r="OJD149" s="35"/>
      <c r="OJE149" s="35"/>
      <c r="OJF149" s="35"/>
      <c r="OJG149" s="35"/>
      <c r="OJH149" s="35"/>
      <c r="OJI149" s="35"/>
      <c r="OJJ149" s="35"/>
      <c r="OJK149" s="35"/>
      <c r="OJL149" s="35"/>
      <c r="OJM149" s="35"/>
      <c r="OJN149" s="35"/>
      <c r="OJO149" s="35"/>
      <c r="OJP149" s="35"/>
      <c r="OJQ149" s="35"/>
      <c r="OJR149" s="35"/>
      <c r="OJS149" s="35"/>
      <c r="OJT149" s="35"/>
      <c r="OJU149" s="35"/>
      <c r="OJV149" s="35"/>
      <c r="OJW149" s="35"/>
      <c r="OJX149" s="35"/>
      <c r="OJY149" s="35"/>
      <c r="OJZ149" s="35"/>
      <c r="OKA149" s="35"/>
      <c r="OKB149" s="35"/>
      <c r="OKC149" s="35"/>
      <c r="OKD149" s="35"/>
      <c r="OKE149" s="35"/>
      <c r="OKF149" s="35"/>
      <c r="OKG149" s="35"/>
      <c r="OKH149" s="35"/>
      <c r="OKI149" s="35"/>
      <c r="OKJ149" s="35"/>
      <c r="OKK149" s="35"/>
      <c r="OKL149" s="35"/>
      <c r="OKM149" s="35"/>
      <c r="OKN149" s="35"/>
      <c r="OKO149" s="35"/>
      <c r="OKP149" s="35"/>
      <c r="OKQ149" s="35"/>
      <c r="OKR149" s="35"/>
      <c r="OKS149" s="35"/>
      <c r="OKT149" s="35"/>
      <c r="OKU149" s="35"/>
      <c r="OKV149" s="35"/>
      <c r="OKW149" s="35"/>
      <c r="OKX149" s="35"/>
      <c r="OKY149" s="35"/>
      <c r="OKZ149" s="35"/>
      <c r="OLA149" s="35"/>
      <c r="OLB149" s="35"/>
      <c r="OLC149" s="35"/>
      <c r="OLD149" s="35"/>
      <c r="OLE149" s="35"/>
      <c r="OLF149" s="35"/>
      <c r="OLG149" s="35"/>
      <c r="OLH149" s="35"/>
      <c r="OLI149" s="35"/>
      <c r="OLJ149" s="35"/>
      <c r="OLK149" s="35"/>
      <c r="OLL149" s="35"/>
      <c r="OLM149" s="35"/>
      <c r="OLN149" s="35"/>
      <c r="OLO149" s="35"/>
      <c r="OLP149" s="35"/>
      <c r="OLQ149" s="35"/>
      <c r="OLR149" s="35"/>
      <c r="OLS149" s="35"/>
      <c r="OLT149" s="35"/>
      <c r="OLU149" s="35"/>
      <c r="OLV149" s="35"/>
      <c r="OLW149" s="35"/>
      <c r="OLX149" s="35"/>
      <c r="OLY149" s="35"/>
      <c r="OLZ149" s="35"/>
      <c r="OMA149" s="35"/>
      <c r="OMB149" s="35"/>
      <c r="OMC149" s="35"/>
      <c r="OMD149" s="35"/>
      <c r="OME149" s="35"/>
      <c r="OMF149" s="35"/>
      <c r="OMG149" s="35"/>
      <c r="OMH149" s="35"/>
      <c r="OMI149" s="35"/>
      <c r="OMJ149" s="35"/>
      <c r="OMK149" s="35"/>
      <c r="OML149" s="35"/>
      <c r="OMM149" s="35"/>
      <c r="OMN149" s="35"/>
      <c r="OMO149" s="35"/>
      <c r="OMP149" s="35"/>
      <c r="OMQ149" s="35"/>
      <c r="OMR149" s="35"/>
      <c r="OMS149" s="35"/>
      <c r="OMT149" s="35"/>
      <c r="OMU149" s="35"/>
      <c r="OMV149" s="35"/>
      <c r="OMW149" s="35"/>
      <c r="OMX149" s="35"/>
      <c r="OMY149" s="35"/>
      <c r="OMZ149" s="35"/>
      <c r="ONA149" s="35"/>
      <c r="ONB149" s="35"/>
      <c r="ONC149" s="35"/>
      <c r="OND149" s="35"/>
      <c r="ONE149" s="35"/>
      <c r="ONF149" s="35"/>
      <c r="ONG149" s="35"/>
      <c r="ONH149" s="35"/>
      <c r="ONI149" s="35"/>
      <c r="ONJ149" s="35"/>
      <c r="ONK149" s="35"/>
      <c r="ONL149" s="35"/>
      <c r="ONM149" s="35"/>
      <c r="ONN149" s="35"/>
      <c r="ONO149" s="35"/>
      <c r="ONP149" s="35"/>
      <c r="ONQ149" s="35"/>
      <c r="ONR149" s="35"/>
      <c r="ONS149" s="35"/>
      <c r="ONT149" s="35"/>
      <c r="ONU149" s="35"/>
      <c r="ONV149" s="35"/>
      <c r="ONW149" s="35"/>
      <c r="ONX149" s="35"/>
      <c r="ONY149" s="35"/>
      <c r="ONZ149" s="35"/>
      <c r="OOA149" s="35"/>
      <c r="OOB149" s="35"/>
      <c r="OOC149" s="35"/>
      <c r="OOD149" s="35"/>
      <c r="OOE149" s="35"/>
      <c r="OOF149" s="35"/>
      <c r="OOG149" s="35"/>
      <c r="OOH149" s="35"/>
      <c r="OOI149" s="35"/>
      <c r="OOJ149" s="35"/>
      <c r="OOK149" s="35"/>
      <c r="OOL149" s="35"/>
      <c r="OOM149" s="35"/>
      <c r="OON149" s="35"/>
      <c r="OOO149" s="35"/>
      <c r="OOP149" s="35"/>
      <c r="OOQ149" s="35"/>
      <c r="OOR149" s="35"/>
      <c r="OOS149" s="35"/>
      <c r="OOT149" s="35"/>
      <c r="OOU149" s="35"/>
      <c r="OOV149" s="35"/>
      <c r="OOW149" s="35"/>
      <c r="OOX149" s="35"/>
      <c r="OOY149" s="35"/>
      <c r="OOZ149" s="35"/>
      <c r="OPA149" s="35"/>
      <c r="OPB149" s="35"/>
      <c r="OPC149" s="35"/>
      <c r="OPD149" s="35"/>
      <c r="OPE149" s="35"/>
      <c r="OPF149" s="35"/>
      <c r="OPG149" s="35"/>
      <c r="OPH149" s="35"/>
      <c r="OPI149" s="35"/>
      <c r="OPJ149" s="35"/>
      <c r="OPK149" s="35"/>
      <c r="OPL149" s="35"/>
      <c r="OPM149" s="35"/>
      <c r="OPN149" s="35"/>
      <c r="OPO149" s="35"/>
      <c r="OPP149" s="35"/>
      <c r="OPQ149" s="35"/>
      <c r="OPR149" s="35"/>
      <c r="OPS149" s="35"/>
      <c r="OPT149" s="35"/>
      <c r="OPU149" s="35"/>
      <c r="OPV149" s="35"/>
      <c r="OPW149" s="35"/>
      <c r="OPX149" s="35"/>
      <c r="OPY149" s="35"/>
      <c r="OPZ149" s="35"/>
      <c r="OQA149" s="35"/>
      <c r="OQB149" s="35"/>
      <c r="OQC149" s="35"/>
      <c r="OQD149" s="35"/>
      <c r="OQE149" s="35"/>
      <c r="OQF149" s="35"/>
      <c r="OQG149" s="35"/>
      <c r="OQH149" s="35"/>
      <c r="OQI149" s="35"/>
      <c r="OQJ149" s="35"/>
      <c r="OQK149" s="35"/>
      <c r="OQL149" s="35"/>
      <c r="OQM149" s="35"/>
      <c r="OQN149" s="35"/>
      <c r="OQO149" s="35"/>
      <c r="OQP149" s="35"/>
      <c r="OQQ149" s="35"/>
      <c r="OQR149" s="35"/>
      <c r="OQS149" s="35"/>
      <c r="OQT149" s="35"/>
      <c r="OQU149" s="35"/>
      <c r="OQV149" s="35"/>
      <c r="OQW149" s="35"/>
      <c r="OQX149" s="35"/>
      <c r="OQY149" s="35"/>
      <c r="OQZ149" s="35"/>
      <c r="ORA149" s="35"/>
      <c r="ORB149" s="35"/>
      <c r="ORC149" s="35"/>
      <c r="ORD149" s="35"/>
      <c r="ORE149" s="35"/>
      <c r="ORF149" s="35"/>
      <c r="ORG149" s="35"/>
      <c r="ORH149" s="35"/>
      <c r="ORI149" s="35"/>
      <c r="ORJ149" s="35"/>
      <c r="ORK149" s="35"/>
      <c r="ORL149" s="35"/>
      <c r="ORM149" s="35"/>
      <c r="ORN149" s="35"/>
      <c r="ORO149" s="35"/>
      <c r="ORP149" s="35"/>
      <c r="ORQ149" s="35"/>
      <c r="ORR149" s="35"/>
      <c r="ORS149" s="35"/>
      <c r="ORT149" s="35"/>
      <c r="ORU149" s="35"/>
      <c r="ORV149" s="35"/>
      <c r="ORW149" s="35"/>
      <c r="ORX149" s="35"/>
      <c r="ORY149" s="35"/>
      <c r="ORZ149" s="35"/>
      <c r="OSA149" s="35"/>
      <c r="OSB149" s="35"/>
      <c r="OSC149" s="35"/>
      <c r="OSD149" s="35"/>
      <c r="OSE149" s="35"/>
      <c r="OSF149" s="35"/>
      <c r="OSG149" s="35"/>
      <c r="OSH149" s="35"/>
      <c r="OSI149" s="35"/>
      <c r="OSJ149" s="35"/>
      <c r="OSK149" s="35"/>
      <c r="OSL149" s="35"/>
      <c r="OSM149" s="35"/>
      <c r="OSN149" s="35"/>
      <c r="OSO149" s="35"/>
      <c r="OSP149" s="35"/>
      <c r="OSQ149" s="35"/>
      <c r="OSR149" s="35"/>
      <c r="OSS149" s="35"/>
      <c r="OST149" s="35"/>
      <c r="OSU149" s="35"/>
      <c r="OSV149" s="35"/>
      <c r="OSW149" s="35"/>
      <c r="OSX149" s="35"/>
      <c r="OSY149" s="35"/>
      <c r="OSZ149" s="35"/>
      <c r="OTA149" s="35"/>
      <c r="OTB149" s="35"/>
      <c r="OTC149" s="35"/>
      <c r="OTD149" s="35"/>
      <c r="OTE149" s="35"/>
      <c r="OTF149" s="35"/>
      <c r="OTG149" s="35"/>
      <c r="OTH149" s="35"/>
      <c r="OTI149" s="35"/>
      <c r="OTJ149" s="35"/>
      <c r="OTK149" s="35"/>
      <c r="OTL149" s="35"/>
      <c r="OTM149" s="35"/>
      <c r="OTN149" s="35"/>
      <c r="OTO149" s="35"/>
      <c r="OTP149" s="35"/>
      <c r="OTQ149" s="35"/>
      <c r="OTR149" s="35"/>
      <c r="OTS149" s="35"/>
      <c r="OTT149" s="35"/>
      <c r="OTU149" s="35"/>
      <c r="OTV149" s="35"/>
      <c r="OTW149" s="35"/>
      <c r="OTX149" s="35"/>
      <c r="OTY149" s="35"/>
      <c r="OTZ149" s="35"/>
      <c r="OUA149" s="35"/>
      <c r="OUB149" s="35"/>
      <c r="OUC149" s="35"/>
      <c r="OUD149" s="35"/>
      <c r="OUE149" s="35"/>
      <c r="OUF149" s="35"/>
      <c r="OUG149" s="35"/>
      <c r="OUH149" s="35"/>
      <c r="OUI149" s="35"/>
      <c r="OUJ149" s="35"/>
      <c r="OUK149" s="35"/>
      <c r="OUL149" s="35"/>
      <c r="OUM149" s="35"/>
      <c r="OUN149" s="35"/>
      <c r="OUO149" s="35"/>
      <c r="OUP149" s="35"/>
      <c r="OUQ149" s="35"/>
      <c r="OUR149" s="35"/>
      <c r="OUS149" s="35"/>
      <c r="OUT149" s="35"/>
      <c r="OUU149" s="35"/>
      <c r="OUV149" s="35"/>
      <c r="OUW149" s="35"/>
      <c r="OUX149" s="35"/>
      <c r="OUY149" s="35"/>
      <c r="OUZ149" s="35"/>
      <c r="OVA149" s="35"/>
      <c r="OVB149" s="35"/>
      <c r="OVC149" s="35"/>
      <c r="OVD149" s="35"/>
      <c r="OVE149" s="35"/>
      <c r="OVF149" s="35"/>
      <c r="OVG149" s="35"/>
      <c r="OVH149" s="35"/>
      <c r="OVI149" s="35"/>
      <c r="OVJ149" s="35"/>
      <c r="OVK149" s="35"/>
      <c r="OVL149" s="35"/>
      <c r="OVM149" s="35"/>
      <c r="OVN149" s="35"/>
      <c r="OVO149" s="35"/>
      <c r="OVP149" s="35"/>
      <c r="OVQ149" s="35"/>
      <c r="OVR149" s="35"/>
      <c r="OVS149" s="35"/>
      <c r="OVT149" s="35"/>
      <c r="OVU149" s="35"/>
      <c r="OVV149" s="35"/>
      <c r="OVW149" s="35"/>
      <c r="OVX149" s="35"/>
      <c r="OVY149" s="35"/>
      <c r="OVZ149" s="35"/>
      <c r="OWA149" s="35"/>
      <c r="OWB149" s="35"/>
      <c r="OWC149" s="35"/>
      <c r="OWD149" s="35"/>
      <c r="OWE149" s="35"/>
      <c r="OWF149" s="35"/>
      <c r="OWG149" s="35"/>
      <c r="OWH149" s="35"/>
      <c r="OWI149" s="35"/>
      <c r="OWJ149" s="35"/>
      <c r="OWK149" s="35"/>
      <c r="OWL149" s="35"/>
      <c r="OWM149" s="35"/>
      <c r="OWN149" s="35"/>
      <c r="OWO149" s="35"/>
      <c r="OWP149" s="35"/>
      <c r="OWQ149" s="35"/>
      <c r="OWR149" s="35"/>
      <c r="OWS149" s="35"/>
      <c r="OWT149" s="35"/>
      <c r="OWU149" s="35"/>
      <c r="OWV149" s="35"/>
      <c r="OWW149" s="35"/>
      <c r="OWX149" s="35"/>
      <c r="OWY149" s="35"/>
      <c r="OWZ149" s="35"/>
      <c r="OXA149" s="35"/>
      <c r="OXB149" s="35"/>
      <c r="OXC149" s="35"/>
      <c r="OXD149" s="35"/>
      <c r="OXE149" s="35"/>
      <c r="OXF149" s="35"/>
      <c r="OXG149" s="35"/>
      <c r="OXH149" s="35"/>
      <c r="OXI149" s="35"/>
      <c r="OXJ149" s="35"/>
      <c r="OXK149" s="35"/>
      <c r="OXL149" s="35"/>
      <c r="OXM149" s="35"/>
      <c r="OXN149" s="35"/>
      <c r="OXO149" s="35"/>
      <c r="OXP149" s="35"/>
      <c r="OXQ149" s="35"/>
      <c r="OXR149" s="35"/>
      <c r="OXS149" s="35"/>
      <c r="OXT149" s="35"/>
      <c r="OXU149" s="35"/>
      <c r="OXV149" s="35"/>
      <c r="OXW149" s="35"/>
      <c r="OXX149" s="35"/>
      <c r="OXY149" s="35"/>
      <c r="OXZ149" s="35"/>
      <c r="OYA149" s="35"/>
      <c r="OYB149" s="35"/>
      <c r="OYC149" s="35"/>
      <c r="OYD149" s="35"/>
      <c r="OYE149" s="35"/>
      <c r="OYF149" s="35"/>
      <c r="OYG149" s="35"/>
      <c r="OYH149" s="35"/>
      <c r="OYI149" s="35"/>
      <c r="OYJ149" s="35"/>
      <c r="OYK149" s="35"/>
      <c r="OYL149" s="35"/>
      <c r="OYM149" s="35"/>
      <c r="OYN149" s="35"/>
      <c r="OYO149" s="35"/>
      <c r="OYP149" s="35"/>
      <c r="OYQ149" s="35"/>
      <c r="OYR149" s="35"/>
      <c r="OYS149" s="35"/>
      <c r="OYT149" s="35"/>
      <c r="OYU149" s="35"/>
      <c r="OYV149" s="35"/>
      <c r="OYW149" s="35"/>
      <c r="OYX149" s="35"/>
      <c r="OYY149" s="35"/>
      <c r="OYZ149" s="35"/>
      <c r="OZA149" s="35"/>
      <c r="OZB149" s="35"/>
      <c r="OZC149" s="35"/>
      <c r="OZD149" s="35"/>
      <c r="OZE149" s="35"/>
      <c r="OZF149" s="35"/>
      <c r="OZG149" s="35"/>
      <c r="OZH149" s="35"/>
      <c r="OZI149" s="35"/>
      <c r="OZJ149" s="35"/>
      <c r="OZK149" s="35"/>
      <c r="OZL149" s="35"/>
      <c r="OZM149" s="35"/>
      <c r="OZN149" s="35"/>
      <c r="OZO149" s="35"/>
      <c r="OZP149" s="35"/>
      <c r="OZQ149" s="35"/>
      <c r="OZR149" s="35"/>
      <c r="OZS149" s="35"/>
      <c r="OZT149" s="35"/>
      <c r="OZU149" s="35"/>
      <c r="OZV149" s="35"/>
      <c r="OZW149" s="35"/>
      <c r="OZX149" s="35"/>
      <c r="OZY149" s="35"/>
      <c r="OZZ149" s="35"/>
      <c r="PAA149" s="35"/>
      <c r="PAB149" s="35"/>
      <c r="PAC149" s="35"/>
      <c r="PAD149" s="35"/>
      <c r="PAE149" s="35"/>
      <c r="PAF149" s="35"/>
      <c r="PAG149" s="35"/>
      <c r="PAH149" s="35"/>
      <c r="PAI149" s="35"/>
      <c r="PAJ149" s="35"/>
      <c r="PAK149" s="35"/>
      <c r="PAL149" s="35"/>
      <c r="PAM149" s="35"/>
      <c r="PAN149" s="35"/>
      <c r="PAO149" s="35"/>
      <c r="PAP149" s="35"/>
      <c r="PAQ149" s="35"/>
      <c r="PAR149" s="35"/>
      <c r="PAS149" s="35"/>
      <c r="PAT149" s="35"/>
      <c r="PAU149" s="35"/>
      <c r="PAV149" s="35"/>
      <c r="PAW149" s="35"/>
      <c r="PAX149" s="35"/>
      <c r="PAY149" s="35"/>
      <c r="PAZ149" s="35"/>
      <c r="PBA149" s="35"/>
      <c r="PBB149" s="35"/>
      <c r="PBC149" s="35"/>
      <c r="PBD149" s="35"/>
      <c r="PBE149" s="35"/>
      <c r="PBF149" s="35"/>
      <c r="PBG149" s="35"/>
      <c r="PBH149" s="35"/>
      <c r="PBI149" s="35"/>
      <c r="PBJ149" s="35"/>
      <c r="PBK149" s="35"/>
      <c r="PBL149" s="35"/>
      <c r="PBM149" s="35"/>
      <c r="PBN149" s="35"/>
      <c r="PBO149" s="35"/>
      <c r="PBP149" s="35"/>
      <c r="PBQ149" s="35"/>
      <c r="PBR149" s="35"/>
      <c r="PBS149" s="35"/>
      <c r="PBT149" s="35"/>
      <c r="PBU149" s="35"/>
      <c r="PBV149" s="35"/>
      <c r="PBW149" s="35"/>
      <c r="PBX149" s="35"/>
      <c r="PBY149" s="35"/>
      <c r="PBZ149" s="35"/>
      <c r="PCA149" s="35"/>
      <c r="PCB149" s="35"/>
      <c r="PCC149" s="35"/>
      <c r="PCD149" s="35"/>
      <c r="PCE149" s="35"/>
      <c r="PCF149" s="35"/>
      <c r="PCG149" s="35"/>
      <c r="PCH149" s="35"/>
      <c r="PCI149" s="35"/>
      <c r="PCJ149" s="35"/>
      <c r="PCK149" s="35"/>
      <c r="PCL149" s="35"/>
      <c r="PCM149" s="35"/>
      <c r="PCN149" s="35"/>
      <c r="PCO149" s="35"/>
      <c r="PCP149" s="35"/>
      <c r="PCQ149" s="35"/>
      <c r="PCR149" s="35"/>
      <c r="PCS149" s="35"/>
      <c r="PCT149" s="35"/>
      <c r="PCU149" s="35"/>
      <c r="PCV149" s="35"/>
      <c r="PCW149" s="35"/>
      <c r="PCX149" s="35"/>
      <c r="PCY149" s="35"/>
      <c r="PCZ149" s="35"/>
      <c r="PDA149" s="35"/>
      <c r="PDB149" s="35"/>
      <c r="PDC149" s="35"/>
      <c r="PDD149" s="35"/>
      <c r="PDE149" s="35"/>
      <c r="PDF149" s="35"/>
      <c r="PDG149" s="35"/>
      <c r="PDH149" s="35"/>
      <c r="PDI149" s="35"/>
      <c r="PDJ149" s="35"/>
      <c r="PDK149" s="35"/>
      <c r="PDL149" s="35"/>
      <c r="PDM149" s="35"/>
      <c r="PDN149" s="35"/>
      <c r="PDO149" s="35"/>
      <c r="PDP149" s="35"/>
      <c r="PDQ149" s="35"/>
      <c r="PDR149" s="35"/>
      <c r="PDS149" s="35"/>
      <c r="PDT149" s="35"/>
      <c r="PDU149" s="35"/>
      <c r="PDV149" s="35"/>
      <c r="PDW149" s="35"/>
      <c r="PDX149" s="35"/>
      <c r="PDY149" s="35"/>
      <c r="PDZ149" s="35"/>
      <c r="PEA149" s="35"/>
      <c r="PEB149" s="35"/>
      <c r="PEC149" s="35"/>
      <c r="PED149" s="35"/>
      <c r="PEE149" s="35"/>
      <c r="PEF149" s="35"/>
      <c r="PEG149" s="35"/>
      <c r="PEH149" s="35"/>
      <c r="PEI149" s="35"/>
      <c r="PEJ149" s="35"/>
      <c r="PEK149" s="35"/>
      <c r="PEL149" s="35"/>
      <c r="PEM149" s="35"/>
      <c r="PEN149" s="35"/>
      <c r="PEO149" s="35"/>
      <c r="PEP149" s="35"/>
      <c r="PEQ149" s="35"/>
      <c r="PER149" s="35"/>
      <c r="PES149" s="35"/>
      <c r="PET149" s="35"/>
      <c r="PEU149" s="35"/>
      <c r="PEV149" s="35"/>
      <c r="PEW149" s="35"/>
      <c r="PEX149" s="35"/>
      <c r="PEY149" s="35"/>
      <c r="PEZ149" s="35"/>
      <c r="PFA149" s="35"/>
      <c r="PFB149" s="35"/>
      <c r="PFC149" s="35"/>
      <c r="PFD149" s="35"/>
      <c r="PFE149" s="35"/>
      <c r="PFF149" s="35"/>
      <c r="PFG149" s="35"/>
      <c r="PFH149" s="35"/>
      <c r="PFI149" s="35"/>
      <c r="PFJ149" s="35"/>
      <c r="PFK149" s="35"/>
      <c r="PFL149" s="35"/>
      <c r="PFM149" s="35"/>
      <c r="PFN149" s="35"/>
      <c r="PFO149" s="35"/>
      <c r="PFP149" s="35"/>
      <c r="PFQ149" s="35"/>
      <c r="PFR149" s="35"/>
      <c r="PFS149" s="35"/>
      <c r="PFT149" s="35"/>
      <c r="PFU149" s="35"/>
      <c r="PFV149" s="35"/>
      <c r="PFW149" s="35"/>
      <c r="PFX149" s="35"/>
      <c r="PFY149" s="35"/>
      <c r="PFZ149" s="35"/>
      <c r="PGA149" s="35"/>
      <c r="PGB149" s="35"/>
      <c r="PGC149" s="35"/>
      <c r="PGD149" s="35"/>
      <c r="PGE149" s="35"/>
      <c r="PGF149" s="35"/>
      <c r="PGG149" s="35"/>
      <c r="PGH149" s="35"/>
      <c r="PGI149" s="35"/>
      <c r="PGJ149" s="35"/>
      <c r="PGK149" s="35"/>
      <c r="PGL149" s="35"/>
      <c r="PGM149" s="35"/>
      <c r="PGN149" s="35"/>
      <c r="PGO149" s="35"/>
      <c r="PGP149" s="35"/>
      <c r="PGQ149" s="35"/>
      <c r="PGR149" s="35"/>
      <c r="PGS149" s="35"/>
      <c r="PGT149" s="35"/>
      <c r="PGU149" s="35"/>
      <c r="PGV149" s="35"/>
      <c r="PGW149" s="35"/>
      <c r="PGX149" s="35"/>
      <c r="PGY149" s="35"/>
      <c r="PGZ149" s="35"/>
      <c r="PHA149" s="35"/>
      <c r="PHB149" s="35"/>
      <c r="PHC149" s="35"/>
      <c r="PHD149" s="35"/>
      <c r="PHE149" s="35"/>
      <c r="PHF149" s="35"/>
      <c r="PHG149" s="35"/>
      <c r="PHH149" s="35"/>
      <c r="PHI149" s="35"/>
      <c r="PHJ149" s="35"/>
      <c r="PHK149" s="35"/>
      <c r="PHL149" s="35"/>
      <c r="PHM149" s="35"/>
      <c r="PHN149" s="35"/>
      <c r="PHO149" s="35"/>
      <c r="PHP149" s="35"/>
      <c r="PHQ149" s="35"/>
      <c r="PHR149" s="35"/>
      <c r="PHS149" s="35"/>
      <c r="PHT149" s="35"/>
      <c r="PHU149" s="35"/>
      <c r="PHV149" s="35"/>
      <c r="PHW149" s="35"/>
      <c r="PHX149" s="35"/>
      <c r="PHY149" s="35"/>
      <c r="PHZ149" s="35"/>
      <c r="PIA149" s="35"/>
      <c r="PIB149" s="35"/>
      <c r="PIC149" s="35"/>
      <c r="PID149" s="35"/>
      <c r="PIE149" s="35"/>
      <c r="PIF149" s="35"/>
      <c r="PIG149" s="35"/>
      <c r="PIH149" s="35"/>
      <c r="PII149" s="35"/>
      <c r="PIJ149" s="35"/>
      <c r="PIK149" s="35"/>
      <c r="PIL149" s="35"/>
      <c r="PIM149" s="35"/>
      <c r="PIN149" s="35"/>
      <c r="PIO149" s="35"/>
      <c r="PIP149" s="35"/>
      <c r="PIQ149" s="35"/>
      <c r="PIR149" s="35"/>
      <c r="PIS149" s="35"/>
      <c r="PIT149" s="35"/>
      <c r="PIU149" s="35"/>
      <c r="PIV149" s="35"/>
      <c r="PIW149" s="35"/>
      <c r="PIX149" s="35"/>
      <c r="PIY149" s="35"/>
      <c r="PIZ149" s="35"/>
      <c r="PJA149" s="35"/>
      <c r="PJB149" s="35"/>
      <c r="PJC149" s="35"/>
      <c r="PJD149" s="35"/>
      <c r="PJE149" s="35"/>
      <c r="PJF149" s="35"/>
      <c r="PJG149" s="35"/>
      <c r="PJH149" s="35"/>
      <c r="PJI149" s="35"/>
      <c r="PJJ149" s="35"/>
      <c r="PJK149" s="35"/>
      <c r="PJL149" s="35"/>
      <c r="PJM149" s="35"/>
      <c r="PJN149" s="35"/>
      <c r="PJO149" s="35"/>
      <c r="PJP149" s="35"/>
      <c r="PJQ149" s="35"/>
      <c r="PJR149" s="35"/>
      <c r="PJS149" s="35"/>
      <c r="PJT149" s="35"/>
      <c r="PJU149" s="35"/>
      <c r="PJV149" s="35"/>
      <c r="PJW149" s="35"/>
      <c r="PJX149" s="35"/>
      <c r="PJY149" s="35"/>
      <c r="PJZ149" s="35"/>
      <c r="PKA149" s="35"/>
      <c r="PKB149" s="35"/>
      <c r="PKC149" s="35"/>
      <c r="PKD149" s="35"/>
      <c r="PKE149" s="35"/>
      <c r="PKF149" s="35"/>
      <c r="PKG149" s="35"/>
      <c r="PKH149" s="35"/>
      <c r="PKI149" s="35"/>
      <c r="PKJ149" s="35"/>
      <c r="PKK149" s="35"/>
      <c r="PKL149" s="35"/>
      <c r="PKM149" s="35"/>
      <c r="PKN149" s="35"/>
      <c r="PKO149" s="35"/>
      <c r="PKP149" s="35"/>
      <c r="PKQ149" s="35"/>
      <c r="PKR149" s="35"/>
      <c r="PKS149" s="35"/>
      <c r="PKT149" s="35"/>
      <c r="PKU149" s="35"/>
      <c r="PKV149" s="35"/>
      <c r="PKW149" s="35"/>
      <c r="PKX149" s="35"/>
      <c r="PKY149" s="35"/>
      <c r="PKZ149" s="35"/>
      <c r="PLA149" s="35"/>
      <c r="PLB149" s="35"/>
      <c r="PLC149" s="35"/>
      <c r="PLD149" s="35"/>
      <c r="PLE149" s="35"/>
      <c r="PLF149" s="35"/>
      <c r="PLG149" s="35"/>
      <c r="PLH149" s="35"/>
      <c r="PLI149" s="35"/>
      <c r="PLJ149" s="35"/>
      <c r="PLK149" s="35"/>
      <c r="PLL149" s="35"/>
      <c r="PLM149" s="35"/>
      <c r="PLN149" s="35"/>
      <c r="PLO149" s="35"/>
      <c r="PLP149" s="35"/>
      <c r="PLQ149" s="35"/>
      <c r="PLR149" s="35"/>
      <c r="PLS149" s="35"/>
      <c r="PLT149" s="35"/>
      <c r="PLU149" s="35"/>
      <c r="PLV149" s="35"/>
      <c r="PLW149" s="35"/>
      <c r="PLX149" s="35"/>
      <c r="PLY149" s="35"/>
      <c r="PLZ149" s="35"/>
      <c r="PMA149" s="35"/>
      <c r="PMB149" s="35"/>
      <c r="PMC149" s="35"/>
      <c r="PMD149" s="35"/>
      <c r="PME149" s="35"/>
      <c r="PMF149" s="35"/>
      <c r="PMG149" s="35"/>
      <c r="PMH149" s="35"/>
      <c r="PMI149" s="35"/>
      <c r="PMJ149" s="35"/>
      <c r="PMK149" s="35"/>
      <c r="PML149" s="35"/>
      <c r="PMM149" s="35"/>
      <c r="PMN149" s="35"/>
      <c r="PMO149" s="35"/>
      <c r="PMP149" s="35"/>
      <c r="PMQ149" s="35"/>
      <c r="PMR149" s="35"/>
      <c r="PMS149" s="35"/>
      <c r="PMT149" s="35"/>
      <c r="PMU149" s="35"/>
      <c r="PMV149" s="35"/>
      <c r="PMW149" s="35"/>
      <c r="PMX149" s="35"/>
      <c r="PMY149" s="35"/>
      <c r="PMZ149" s="35"/>
      <c r="PNA149" s="35"/>
      <c r="PNB149" s="35"/>
      <c r="PNC149" s="35"/>
      <c r="PND149" s="35"/>
      <c r="PNE149" s="35"/>
      <c r="PNF149" s="35"/>
      <c r="PNG149" s="35"/>
      <c r="PNH149" s="35"/>
      <c r="PNI149" s="35"/>
      <c r="PNJ149" s="35"/>
      <c r="PNK149" s="35"/>
      <c r="PNL149" s="35"/>
      <c r="PNM149" s="35"/>
      <c r="PNN149" s="35"/>
      <c r="PNO149" s="35"/>
      <c r="PNP149" s="35"/>
      <c r="PNQ149" s="35"/>
      <c r="PNR149" s="35"/>
      <c r="PNS149" s="35"/>
      <c r="PNT149" s="35"/>
      <c r="PNU149" s="35"/>
      <c r="PNV149" s="35"/>
      <c r="PNW149" s="35"/>
      <c r="PNX149" s="35"/>
      <c r="PNY149" s="35"/>
      <c r="PNZ149" s="35"/>
      <c r="POA149" s="35"/>
      <c r="POB149" s="35"/>
      <c r="POC149" s="35"/>
      <c r="POD149" s="35"/>
      <c r="POE149" s="35"/>
      <c r="POF149" s="35"/>
      <c r="POG149" s="35"/>
      <c r="POH149" s="35"/>
      <c r="POI149" s="35"/>
      <c r="POJ149" s="35"/>
      <c r="POK149" s="35"/>
      <c r="POL149" s="35"/>
      <c r="POM149" s="35"/>
      <c r="PON149" s="35"/>
      <c r="POO149" s="35"/>
      <c r="POP149" s="35"/>
      <c r="POQ149" s="35"/>
      <c r="POR149" s="35"/>
      <c r="POS149" s="35"/>
      <c r="POT149" s="35"/>
      <c r="POU149" s="35"/>
      <c r="POV149" s="35"/>
      <c r="POW149" s="35"/>
      <c r="POX149" s="35"/>
      <c r="POY149" s="35"/>
      <c r="POZ149" s="35"/>
      <c r="PPA149" s="35"/>
      <c r="PPB149" s="35"/>
      <c r="PPC149" s="35"/>
      <c r="PPD149" s="35"/>
      <c r="PPE149" s="35"/>
      <c r="PPF149" s="35"/>
      <c r="PPG149" s="35"/>
      <c r="PPH149" s="35"/>
      <c r="PPI149" s="35"/>
      <c r="PPJ149" s="35"/>
      <c r="PPK149" s="35"/>
      <c r="PPL149" s="35"/>
      <c r="PPM149" s="35"/>
      <c r="PPN149" s="35"/>
      <c r="PPO149" s="35"/>
      <c r="PPP149" s="35"/>
      <c r="PPQ149" s="35"/>
      <c r="PPR149" s="35"/>
      <c r="PPS149" s="35"/>
      <c r="PPT149" s="35"/>
      <c r="PPU149" s="35"/>
      <c r="PPV149" s="35"/>
      <c r="PPW149" s="35"/>
      <c r="PPX149" s="35"/>
      <c r="PPY149" s="35"/>
      <c r="PPZ149" s="35"/>
      <c r="PQA149" s="35"/>
      <c r="PQB149" s="35"/>
      <c r="PQC149" s="35"/>
      <c r="PQD149" s="35"/>
      <c r="PQE149" s="35"/>
      <c r="PQF149" s="35"/>
      <c r="PQG149" s="35"/>
      <c r="PQH149" s="35"/>
      <c r="PQI149" s="35"/>
      <c r="PQJ149" s="35"/>
      <c r="PQK149" s="35"/>
      <c r="PQL149" s="35"/>
      <c r="PQM149" s="35"/>
      <c r="PQN149" s="35"/>
      <c r="PQO149" s="35"/>
      <c r="PQP149" s="35"/>
      <c r="PQQ149" s="35"/>
      <c r="PQR149" s="35"/>
      <c r="PQS149" s="35"/>
      <c r="PQT149" s="35"/>
      <c r="PQU149" s="35"/>
      <c r="PQV149" s="35"/>
      <c r="PQW149" s="35"/>
      <c r="PQX149" s="35"/>
      <c r="PQY149" s="35"/>
      <c r="PQZ149" s="35"/>
      <c r="PRA149" s="35"/>
      <c r="PRB149" s="35"/>
      <c r="PRC149" s="35"/>
      <c r="PRD149" s="35"/>
      <c r="PRE149" s="35"/>
      <c r="PRF149" s="35"/>
      <c r="PRG149" s="35"/>
      <c r="PRH149" s="35"/>
      <c r="PRI149" s="35"/>
      <c r="PRJ149" s="35"/>
      <c r="PRK149" s="35"/>
      <c r="PRL149" s="35"/>
      <c r="PRM149" s="35"/>
      <c r="PRN149" s="35"/>
      <c r="PRO149" s="35"/>
      <c r="PRP149" s="35"/>
      <c r="PRQ149" s="35"/>
      <c r="PRR149" s="35"/>
      <c r="PRS149" s="35"/>
      <c r="PRT149" s="35"/>
      <c r="PRU149" s="35"/>
      <c r="PRV149" s="35"/>
      <c r="PRW149" s="35"/>
      <c r="PRX149" s="35"/>
      <c r="PRY149" s="35"/>
      <c r="PRZ149" s="35"/>
      <c r="PSA149" s="35"/>
      <c r="PSB149" s="35"/>
      <c r="PSC149" s="35"/>
      <c r="PSD149" s="35"/>
      <c r="PSE149" s="35"/>
      <c r="PSF149" s="35"/>
      <c r="PSG149" s="35"/>
      <c r="PSH149" s="35"/>
      <c r="PSI149" s="35"/>
      <c r="PSJ149" s="35"/>
      <c r="PSK149" s="35"/>
      <c r="PSL149" s="35"/>
      <c r="PSM149" s="35"/>
      <c r="PSN149" s="35"/>
      <c r="PSO149" s="35"/>
      <c r="PSP149" s="35"/>
      <c r="PSQ149" s="35"/>
      <c r="PSR149" s="35"/>
      <c r="PSS149" s="35"/>
      <c r="PST149" s="35"/>
      <c r="PSU149" s="35"/>
      <c r="PSV149" s="35"/>
      <c r="PSW149" s="35"/>
      <c r="PSX149" s="35"/>
      <c r="PSY149" s="35"/>
      <c r="PSZ149" s="35"/>
      <c r="PTA149" s="35"/>
      <c r="PTB149" s="35"/>
      <c r="PTC149" s="35"/>
      <c r="PTD149" s="35"/>
      <c r="PTE149" s="35"/>
      <c r="PTF149" s="35"/>
      <c r="PTG149" s="35"/>
      <c r="PTH149" s="35"/>
      <c r="PTI149" s="35"/>
      <c r="PTJ149" s="35"/>
      <c r="PTK149" s="35"/>
      <c r="PTL149" s="35"/>
      <c r="PTM149" s="35"/>
      <c r="PTN149" s="35"/>
      <c r="PTO149" s="35"/>
      <c r="PTP149" s="35"/>
      <c r="PTQ149" s="35"/>
      <c r="PTR149" s="35"/>
      <c r="PTS149" s="35"/>
      <c r="PTT149" s="35"/>
      <c r="PTU149" s="35"/>
      <c r="PTV149" s="35"/>
      <c r="PTW149" s="35"/>
      <c r="PTX149" s="35"/>
      <c r="PTY149" s="35"/>
      <c r="PTZ149" s="35"/>
      <c r="PUA149" s="35"/>
      <c r="PUB149" s="35"/>
      <c r="PUC149" s="35"/>
      <c r="PUD149" s="35"/>
      <c r="PUE149" s="35"/>
      <c r="PUF149" s="35"/>
      <c r="PUG149" s="35"/>
      <c r="PUH149" s="35"/>
      <c r="PUI149" s="35"/>
      <c r="PUJ149" s="35"/>
      <c r="PUK149" s="35"/>
      <c r="PUL149" s="35"/>
      <c r="PUM149" s="35"/>
      <c r="PUN149" s="35"/>
      <c r="PUO149" s="35"/>
      <c r="PUP149" s="35"/>
      <c r="PUQ149" s="35"/>
      <c r="PUR149" s="35"/>
      <c r="PUS149" s="35"/>
      <c r="PUT149" s="35"/>
      <c r="PUU149" s="35"/>
      <c r="PUV149" s="35"/>
      <c r="PUW149" s="35"/>
      <c r="PUX149" s="35"/>
      <c r="PUY149" s="35"/>
      <c r="PUZ149" s="35"/>
      <c r="PVA149" s="35"/>
      <c r="PVB149" s="35"/>
      <c r="PVC149" s="35"/>
      <c r="PVD149" s="35"/>
      <c r="PVE149" s="35"/>
      <c r="PVF149" s="35"/>
      <c r="PVG149" s="35"/>
      <c r="PVH149" s="35"/>
      <c r="PVI149" s="35"/>
      <c r="PVJ149" s="35"/>
      <c r="PVK149" s="35"/>
      <c r="PVL149" s="35"/>
      <c r="PVM149" s="35"/>
      <c r="PVN149" s="35"/>
      <c r="PVO149" s="35"/>
      <c r="PVP149" s="35"/>
      <c r="PVQ149" s="35"/>
      <c r="PVR149" s="35"/>
      <c r="PVS149" s="35"/>
      <c r="PVT149" s="35"/>
      <c r="PVU149" s="35"/>
      <c r="PVV149" s="35"/>
      <c r="PVW149" s="35"/>
      <c r="PVX149" s="35"/>
      <c r="PVY149" s="35"/>
      <c r="PVZ149" s="35"/>
      <c r="PWA149" s="35"/>
      <c r="PWB149" s="35"/>
      <c r="PWC149" s="35"/>
      <c r="PWD149" s="35"/>
      <c r="PWE149" s="35"/>
      <c r="PWF149" s="35"/>
      <c r="PWG149" s="35"/>
      <c r="PWH149" s="35"/>
      <c r="PWI149" s="35"/>
      <c r="PWJ149" s="35"/>
      <c r="PWK149" s="35"/>
      <c r="PWL149" s="35"/>
      <c r="PWM149" s="35"/>
      <c r="PWN149" s="35"/>
      <c r="PWO149" s="35"/>
      <c r="PWP149" s="35"/>
      <c r="PWQ149" s="35"/>
      <c r="PWR149" s="35"/>
      <c r="PWS149" s="35"/>
      <c r="PWT149" s="35"/>
      <c r="PWU149" s="35"/>
      <c r="PWV149" s="35"/>
      <c r="PWW149" s="35"/>
      <c r="PWX149" s="35"/>
      <c r="PWY149" s="35"/>
      <c r="PWZ149" s="35"/>
      <c r="PXA149" s="35"/>
      <c r="PXB149" s="35"/>
      <c r="PXC149" s="35"/>
      <c r="PXD149" s="35"/>
      <c r="PXE149" s="35"/>
      <c r="PXF149" s="35"/>
      <c r="PXG149" s="35"/>
      <c r="PXH149" s="35"/>
      <c r="PXI149" s="35"/>
      <c r="PXJ149" s="35"/>
      <c r="PXK149" s="35"/>
      <c r="PXL149" s="35"/>
      <c r="PXM149" s="35"/>
      <c r="PXN149" s="35"/>
      <c r="PXO149" s="35"/>
      <c r="PXP149" s="35"/>
      <c r="PXQ149" s="35"/>
      <c r="PXR149" s="35"/>
      <c r="PXS149" s="35"/>
      <c r="PXT149" s="35"/>
      <c r="PXU149" s="35"/>
      <c r="PXV149" s="35"/>
      <c r="PXW149" s="35"/>
      <c r="PXX149" s="35"/>
      <c r="PXY149" s="35"/>
      <c r="PXZ149" s="35"/>
      <c r="PYA149" s="35"/>
      <c r="PYB149" s="35"/>
      <c r="PYC149" s="35"/>
      <c r="PYD149" s="35"/>
      <c r="PYE149" s="35"/>
      <c r="PYF149" s="35"/>
      <c r="PYG149" s="35"/>
      <c r="PYH149" s="35"/>
      <c r="PYI149" s="35"/>
      <c r="PYJ149" s="35"/>
      <c r="PYK149" s="35"/>
      <c r="PYL149" s="35"/>
      <c r="PYM149" s="35"/>
      <c r="PYN149" s="35"/>
      <c r="PYO149" s="35"/>
      <c r="PYP149" s="35"/>
      <c r="PYQ149" s="35"/>
      <c r="PYR149" s="35"/>
      <c r="PYS149" s="35"/>
      <c r="PYT149" s="35"/>
      <c r="PYU149" s="35"/>
      <c r="PYV149" s="35"/>
      <c r="PYW149" s="35"/>
      <c r="PYX149" s="35"/>
      <c r="PYY149" s="35"/>
      <c r="PYZ149" s="35"/>
      <c r="PZA149" s="35"/>
      <c r="PZB149" s="35"/>
      <c r="PZC149" s="35"/>
      <c r="PZD149" s="35"/>
      <c r="PZE149" s="35"/>
      <c r="PZF149" s="35"/>
      <c r="PZG149" s="35"/>
      <c r="PZH149" s="35"/>
      <c r="PZI149" s="35"/>
      <c r="PZJ149" s="35"/>
      <c r="PZK149" s="35"/>
      <c r="PZL149" s="35"/>
      <c r="PZM149" s="35"/>
      <c r="PZN149" s="35"/>
      <c r="PZO149" s="35"/>
      <c r="PZP149" s="35"/>
      <c r="PZQ149" s="35"/>
      <c r="PZR149" s="35"/>
      <c r="PZS149" s="35"/>
      <c r="PZT149" s="35"/>
      <c r="PZU149" s="35"/>
      <c r="PZV149" s="35"/>
      <c r="PZW149" s="35"/>
      <c r="PZX149" s="35"/>
      <c r="PZY149" s="35"/>
      <c r="PZZ149" s="35"/>
      <c r="QAA149" s="35"/>
      <c r="QAB149" s="35"/>
      <c r="QAC149" s="35"/>
      <c r="QAD149" s="35"/>
      <c r="QAE149" s="35"/>
      <c r="QAF149" s="35"/>
      <c r="QAG149" s="35"/>
      <c r="QAH149" s="35"/>
      <c r="QAI149" s="35"/>
      <c r="QAJ149" s="35"/>
      <c r="QAK149" s="35"/>
      <c r="QAL149" s="35"/>
      <c r="QAM149" s="35"/>
      <c r="QAN149" s="35"/>
      <c r="QAO149" s="35"/>
      <c r="QAP149" s="35"/>
      <c r="QAQ149" s="35"/>
      <c r="QAR149" s="35"/>
      <c r="QAS149" s="35"/>
      <c r="QAT149" s="35"/>
      <c r="QAU149" s="35"/>
      <c r="QAV149" s="35"/>
      <c r="QAW149" s="35"/>
      <c r="QAX149" s="35"/>
      <c r="QAY149" s="35"/>
      <c r="QAZ149" s="35"/>
      <c r="QBA149" s="35"/>
      <c r="QBB149" s="35"/>
      <c r="QBC149" s="35"/>
      <c r="QBD149" s="35"/>
      <c r="QBE149" s="35"/>
      <c r="QBF149" s="35"/>
      <c r="QBG149" s="35"/>
      <c r="QBH149" s="35"/>
      <c r="QBI149" s="35"/>
      <c r="QBJ149" s="35"/>
      <c r="QBK149" s="35"/>
      <c r="QBL149" s="35"/>
      <c r="QBM149" s="35"/>
      <c r="QBN149" s="35"/>
      <c r="QBO149" s="35"/>
      <c r="QBP149" s="35"/>
      <c r="QBQ149" s="35"/>
      <c r="QBR149" s="35"/>
      <c r="QBS149" s="35"/>
      <c r="QBT149" s="35"/>
      <c r="QBU149" s="35"/>
      <c r="QBV149" s="35"/>
      <c r="QBW149" s="35"/>
      <c r="QBX149" s="35"/>
      <c r="QBY149" s="35"/>
      <c r="QBZ149" s="35"/>
      <c r="QCA149" s="35"/>
      <c r="QCB149" s="35"/>
      <c r="QCC149" s="35"/>
      <c r="QCD149" s="35"/>
      <c r="QCE149" s="35"/>
      <c r="QCF149" s="35"/>
      <c r="QCG149" s="35"/>
      <c r="QCH149" s="35"/>
      <c r="QCI149" s="35"/>
      <c r="QCJ149" s="35"/>
      <c r="QCK149" s="35"/>
      <c r="QCL149" s="35"/>
      <c r="QCM149" s="35"/>
      <c r="QCN149" s="35"/>
      <c r="QCO149" s="35"/>
      <c r="QCP149" s="35"/>
      <c r="QCQ149" s="35"/>
      <c r="QCR149" s="35"/>
      <c r="QCS149" s="35"/>
      <c r="QCT149" s="35"/>
      <c r="QCU149" s="35"/>
      <c r="QCV149" s="35"/>
      <c r="QCW149" s="35"/>
      <c r="QCX149" s="35"/>
      <c r="QCY149" s="35"/>
      <c r="QCZ149" s="35"/>
      <c r="QDA149" s="35"/>
      <c r="QDB149" s="35"/>
      <c r="QDC149" s="35"/>
      <c r="QDD149" s="35"/>
      <c r="QDE149" s="35"/>
      <c r="QDF149" s="35"/>
      <c r="QDG149" s="35"/>
      <c r="QDH149" s="35"/>
      <c r="QDI149" s="35"/>
      <c r="QDJ149" s="35"/>
      <c r="QDK149" s="35"/>
      <c r="QDL149" s="35"/>
      <c r="QDM149" s="35"/>
      <c r="QDN149" s="35"/>
      <c r="QDO149" s="35"/>
      <c r="QDP149" s="35"/>
      <c r="QDQ149" s="35"/>
      <c r="QDR149" s="35"/>
      <c r="QDS149" s="35"/>
      <c r="QDT149" s="35"/>
      <c r="QDU149" s="35"/>
      <c r="QDV149" s="35"/>
      <c r="QDW149" s="35"/>
      <c r="QDX149" s="35"/>
      <c r="QDY149" s="35"/>
      <c r="QDZ149" s="35"/>
      <c r="QEA149" s="35"/>
      <c r="QEB149" s="35"/>
      <c r="QEC149" s="35"/>
      <c r="QED149" s="35"/>
      <c r="QEE149" s="35"/>
      <c r="QEF149" s="35"/>
      <c r="QEG149" s="35"/>
      <c r="QEH149" s="35"/>
      <c r="QEI149" s="35"/>
      <c r="QEJ149" s="35"/>
      <c r="QEK149" s="35"/>
      <c r="QEL149" s="35"/>
      <c r="QEM149" s="35"/>
      <c r="QEN149" s="35"/>
      <c r="QEO149" s="35"/>
      <c r="QEP149" s="35"/>
      <c r="QEQ149" s="35"/>
      <c r="QER149" s="35"/>
      <c r="QES149" s="35"/>
      <c r="QET149" s="35"/>
      <c r="QEU149" s="35"/>
      <c r="QEV149" s="35"/>
      <c r="QEW149" s="35"/>
      <c r="QEX149" s="35"/>
      <c r="QEY149" s="35"/>
      <c r="QEZ149" s="35"/>
      <c r="QFA149" s="35"/>
      <c r="QFB149" s="35"/>
      <c r="QFC149" s="35"/>
      <c r="QFD149" s="35"/>
      <c r="QFE149" s="35"/>
      <c r="QFF149" s="35"/>
      <c r="QFG149" s="35"/>
      <c r="QFH149" s="35"/>
      <c r="QFI149" s="35"/>
      <c r="QFJ149" s="35"/>
      <c r="QFK149" s="35"/>
      <c r="QFL149" s="35"/>
      <c r="QFM149" s="35"/>
      <c r="QFN149" s="35"/>
      <c r="QFO149" s="35"/>
      <c r="QFP149" s="35"/>
      <c r="QFQ149" s="35"/>
      <c r="QFR149" s="35"/>
      <c r="QFS149" s="35"/>
      <c r="QFT149" s="35"/>
      <c r="QFU149" s="35"/>
      <c r="QFV149" s="35"/>
      <c r="QFW149" s="35"/>
      <c r="QFX149" s="35"/>
      <c r="QFY149" s="35"/>
      <c r="QFZ149" s="35"/>
      <c r="QGA149" s="35"/>
      <c r="QGB149" s="35"/>
      <c r="QGC149" s="35"/>
      <c r="QGD149" s="35"/>
      <c r="QGE149" s="35"/>
      <c r="QGF149" s="35"/>
      <c r="QGG149" s="35"/>
      <c r="QGH149" s="35"/>
      <c r="QGI149" s="35"/>
      <c r="QGJ149" s="35"/>
      <c r="QGK149" s="35"/>
      <c r="QGL149" s="35"/>
      <c r="QGM149" s="35"/>
      <c r="QGN149" s="35"/>
      <c r="QGO149" s="35"/>
      <c r="QGP149" s="35"/>
      <c r="QGQ149" s="35"/>
      <c r="QGR149" s="35"/>
      <c r="QGS149" s="35"/>
      <c r="QGT149" s="35"/>
      <c r="QGU149" s="35"/>
      <c r="QGV149" s="35"/>
      <c r="QGW149" s="35"/>
      <c r="QGX149" s="35"/>
      <c r="QGY149" s="35"/>
      <c r="QGZ149" s="35"/>
      <c r="QHA149" s="35"/>
      <c r="QHB149" s="35"/>
      <c r="QHC149" s="35"/>
      <c r="QHD149" s="35"/>
      <c r="QHE149" s="35"/>
      <c r="QHF149" s="35"/>
      <c r="QHG149" s="35"/>
      <c r="QHH149" s="35"/>
      <c r="QHI149" s="35"/>
      <c r="QHJ149" s="35"/>
      <c r="QHK149" s="35"/>
      <c r="QHL149" s="35"/>
      <c r="QHM149" s="35"/>
      <c r="QHN149" s="35"/>
      <c r="QHO149" s="35"/>
      <c r="QHP149" s="35"/>
      <c r="QHQ149" s="35"/>
      <c r="QHR149" s="35"/>
      <c r="QHS149" s="35"/>
      <c r="QHT149" s="35"/>
      <c r="QHU149" s="35"/>
      <c r="QHV149" s="35"/>
      <c r="QHW149" s="35"/>
      <c r="QHX149" s="35"/>
      <c r="QHY149" s="35"/>
      <c r="QHZ149" s="35"/>
      <c r="QIA149" s="35"/>
      <c r="QIB149" s="35"/>
      <c r="QIC149" s="35"/>
      <c r="QID149" s="35"/>
      <c r="QIE149" s="35"/>
      <c r="QIF149" s="35"/>
      <c r="QIG149" s="35"/>
      <c r="QIH149" s="35"/>
      <c r="QII149" s="35"/>
      <c r="QIJ149" s="35"/>
      <c r="QIK149" s="35"/>
      <c r="QIL149" s="35"/>
      <c r="QIM149" s="35"/>
      <c r="QIN149" s="35"/>
      <c r="QIO149" s="35"/>
      <c r="QIP149" s="35"/>
      <c r="QIQ149" s="35"/>
      <c r="QIR149" s="35"/>
      <c r="QIS149" s="35"/>
      <c r="QIT149" s="35"/>
      <c r="QIU149" s="35"/>
      <c r="QIV149" s="35"/>
      <c r="QIW149" s="35"/>
      <c r="QIX149" s="35"/>
      <c r="QIY149" s="35"/>
      <c r="QIZ149" s="35"/>
      <c r="QJA149" s="35"/>
      <c r="QJB149" s="35"/>
      <c r="QJC149" s="35"/>
      <c r="QJD149" s="35"/>
      <c r="QJE149" s="35"/>
      <c r="QJF149" s="35"/>
      <c r="QJG149" s="35"/>
      <c r="QJH149" s="35"/>
      <c r="QJI149" s="35"/>
      <c r="QJJ149" s="35"/>
      <c r="QJK149" s="35"/>
      <c r="QJL149" s="35"/>
      <c r="QJM149" s="35"/>
      <c r="QJN149" s="35"/>
      <c r="QJO149" s="35"/>
      <c r="QJP149" s="35"/>
      <c r="QJQ149" s="35"/>
      <c r="QJR149" s="35"/>
      <c r="QJS149" s="35"/>
      <c r="QJT149" s="35"/>
      <c r="QJU149" s="35"/>
      <c r="QJV149" s="35"/>
      <c r="QJW149" s="35"/>
      <c r="QJX149" s="35"/>
      <c r="QJY149" s="35"/>
      <c r="QJZ149" s="35"/>
      <c r="QKA149" s="35"/>
      <c r="QKB149" s="35"/>
      <c r="QKC149" s="35"/>
      <c r="QKD149" s="35"/>
      <c r="QKE149" s="35"/>
      <c r="QKF149" s="35"/>
      <c r="QKG149" s="35"/>
      <c r="QKH149" s="35"/>
      <c r="QKI149" s="35"/>
      <c r="QKJ149" s="35"/>
      <c r="QKK149" s="35"/>
      <c r="QKL149" s="35"/>
      <c r="QKM149" s="35"/>
      <c r="QKN149" s="35"/>
      <c r="QKO149" s="35"/>
      <c r="QKP149" s="35"/>
      <c r="QKQ149" s="35"/>
      <c r="QKR149" s="35"/>
      <c r="QKS149" s="35"/>
      <c r="QKT149" s="35"/>
      <c r="QKU149" s="35"/>
      <c r="QKV149" s="35"/>
      <c r="QKW149" s="35"/>
      <c r="QKX149" s="35"/>
      <c r="QKY149" s="35"/>
      <c r="QKZ149" s="35"/>
      <c r="QLA149" s="35"/>
      <c r="QLB149" s="35"/>
      <c r="QLC149" s="35"/>
      <c r="QLD149" s="35"/>
      <c r="QLE149" s="35"/>
      <c r="QLF149" s="35"/>
      <c r="QLG149" s="35"/>
      <c r="QLH149" s="35"/>
      <c r="QLI149" s="35"/>
      <c r="QLJ149" s="35"/>
      <c r="QLK149" s="35"/>
      <c r="QLL149" s="35"/>
      <c r="QLM149" s="35"/>
      <c r="QLN149" s="35"/>
      <c r="QLO149" s="35"/>
      <c r="QLP149" s="35"/>
      <c r="QLQ149" s="35"/>
      <c r="QLR149" s="35"/>
      <c r="QLS149" s="35"/>
      <c r="QLT149" s="35"/>
      <c r="QLU149" s="35"/>
      <c r="QLV149" s="35"/>
      <c r="QLW149" s="35"/>
      <c r="QLX149" s="35"/>
      <c r="QLY149" s="35"/>
      <c r="QLZ149" s="35"/>
      <c r="QMA149" s="35"/>
      <c r="QMB149" s="35"/>
      <c r="QMC149" s="35"/>
      <c r="QMD149" s="35"/>
      <c r="QME149" s="35"/>
      <c r="QMF149" s="35"/>
      <c r="QMG149" s="35"/>
      <c r="QMH149" s="35"/>
      <c r="QMI149" s="35"/>
      <c r="QMJ149" s="35"/>
      <c r="QMK149" s="35"/>
      <c r="QML149" s="35"/>
      <c r="QMM149" s="35"/>
      <c r="QMN149" s="35"/>
      <c r="QMO149" s="35"/>
      <c r="QMP149" s="35"/>
      <c r="QMQ149" s="35"/>
      <c r="QMR149" s="35"/>
      <c r="QMS149" s="35"/>
      <c r="QMT149" s="35"/>
      <c r="QMU149" s="35"/>
      <c r="QMV149" s="35"/>
      <c r="QMW149" s="35"/>
      <c r="QMX149" s="35"/>
      <c r="QMY149" s="35"/>
      <c r="QMZ149" s="35"/>
      <c r="QNA149" s="35"/>
      <c r="QNB149" s="35"/>
      <c r="QNC149" s="35"/>
      <c r="QND149" s="35"/>
      <c r="QNE149" s="35"/>
      <c r="QNF149" s="35"/>
      <c r="QNG149" s="35"/>
      <c r="QNH149" s="35"/>
      <c r="QNI149" s="35"/>
      <c r="QNJ149" s="35"/>
      <c r="QNK149" s="35"/>
      <c r="QNL149" s="35"/>
      <c r="QNM149" s="35"/>
      <c r="QNN149" s="35"/>
      <c r="QNO149" s="35"/>
      <c r="QNP149" s="35"/>
      <c r="QNQ149" s="35"/>
      <c r="QNR149" s="35"/>
      <c r="QNS149" s="35"/>
      <c r="QNT149" s="35"/>
      <c r="QNU149" s="35"/>
      <c r="QNV149" s="35"/>
      <c r="QNW149" s="35"/>
      <c r="QNX149" s="35"/>
      <c r="QNY149" s="35"/>
      <c r="QNZ149" s="35"/>
      <c r="QOA149" s="35"/>
      <c r="QOB149" s="35"/>
      <c r="QOC149" s="35"/>
      <c r="QOD149" s="35"/>
      <c r="QOE149" s="35"/>
      <c r="QOF149" s="35"/>
      <c r="QOG149" s="35"/>
      <c r="QOH149" s="35"/>
      <c r="QOI149" s="35"/>
      <c r="QOJ149" s="35"/>
      <c r="QOK149" s="35"/>
      <c r="QOL149" s="35"/>
      <c r="QOM149" s="35"/>
      <c r="QON149" s="35"/>
      <c r="QOO149" s="35"/>
      <c r="QOP149" s="35"/>
      <c r="QOQ149" s="35"/>
      <c r="QOR149" s="35"/>
      <c r="QOS149" s="35"/>
      <c r="QOT149" s="35"/>
      <c r="QOU149" s="35"/>
      <c r="QOV149" s="35"/>
      <c r="QOW149" s="35"/>
      <c r="QOX149" s="35"/>
      <c r="QOY149" s="35"/>
      <c r="QOZ149" s="35"/>
      <c r="QPA149" s="35"/>
      <c r="QPB149" s="35"/>
      <c r="QPC149" s="35"/>
      <c r="QPD149" s="35"/>
      <c r="QPE149" s="35"/>
      <c r="QPF149" s="35"/>
      <c r="QPG149" s="35"/>
      <c r="QPH149" s="35"/>
      <c r="QPI149" s="35"/>
      <c r="QPJ149" s="35"/>
      <c r="QPK149" s="35"/>
      <c r="QPL149" s="35"/>
      <c r="QPM149" s="35"/>
      <c r="QPN149" s="35"/>
      <c r="QPO149" s="35"/>
      <c r="QPP149" s="35"/>
      <c r="QPQ149" s="35"/>
      <c r="QPR149" s="35"/>
      <c r="QPS149" s="35"/>
      <c r="QPT149" s="35"/>
      <c r="QPU149" s="35"/>
      <c r="QPV149" s="35"/>
      <c r="QPW149" s="35"/>
      <c r="QPX149" s="35"/>
      <c r="QPY149" s="35"/>
      <c r="QPZ149" s="35"/>
      <c r="QQA149" s="35"/>
      <c r="QQB149" s="35"/>
      <c r="QQC149" s="35"/>
      <c r="QQD149" s="35"/>
      <c r="QQE149" s="35"/>
      <c r="QQF149" s="35"/>
      <c r="QQG149" s="35"/>
      <c r="QQH149" s="35"/>
      <c r="QQI149" s="35"/>
      <c r="QQJ149" s="35"/>
      <c r="QQK149" s="35"/>
      <c r="QQL149" s="35"/>
      <c r="QQM149" s="35"/>
      <c r="QQN149" s="35"/>
      <c r="QQO149" s="35"/>
      <c r="QQP149" s="35"/>
      <c r="QQQ149" s="35"/>
      <c r="QQR149" s="35"/>
      <c r="QQS149" s="35"/>
      <c r="QQT149" s="35"/>
      <c r="QQU149" s="35"/>
      <c r="QQV149" s="35"/>
      <c r="QQW149" s="35"/>
      <c r="QQX149" s="35"/>
      <c r="QQY149" s="35"/>
      <c r="QQZ149" s="35"/>
      <c r="QRA149" s="35"/>
      <c r="QRB149" s="35"/>
      <c r="QRC149" s="35"/>
      <c r="QRD149" s="35"/>
      <c r="QRE149" s="35"/>
      <c r="QRF149" s="35"/>
      <c r="QRG149" s="35"/>
      <c r="QRH149" s="35"/>
      <c r="QRI149" s="35"/>
      <c r="QRJ149" s="35"/>
      <c r="QRK149" s="35"/>
      <c r="QRL149" s="35"/>
      <c r="QRM149" s="35"/>
      <c r="QRN149" s="35"/>
      <c r="QRO149" s="35"/>
      <c r="QRP149" s="35"/>
      <c r="QRQ149" s="35"/>
      <c r="QRR149" s="35"/>
      <c r="QRS149" s="35"/>
      <c r="QRT149" s="35"/>
      <c r="QRU149" s="35"/>
      <c r="QRV149" s="35"/>
      <c r="QRW149" s="35"/>
      <c r="QRX149" s="35"/>
      <c r="QRY149" s="35"/>
      <c r="QRZ149" s="35"/>
      <c r="QSA149" s="35"/>
      <c r="QSB149" s="35"/>
      <c r="QSC149" s="35"/>
      <c r="QSD149" s="35"/>
      <c r="QSE149" s="35"/>
      <c r="QSF149" s="35"/>
      <c r="QSG149" s="35"/>
      <c r="QSH149" s="35"/>
      <c r="QSI149" s="35"/>
      <c r="QSJ149" s="35"/>
      <c r="QSK149" s="35"/>
      <c r="QSL149" s="35"/>
      <c r="QSM149" s="35"/>
      <c r="QSN149" s="35"/>
      <c r="QSO149" s="35"/>
      <c r="QSP149" s="35"/>
      <c r="QSQ149" s="35"/>
      <c r="QSR149" s="35"/>
      <c r="QSS149" s="35"/>
      <c r="QST149" s="35"/>
      <c r="QSU149" s="35"/>
      <c r="QSV149" s="35"/>
      <c r="QSW149" s="35"/>
      <c r="QSX149" s="35"/>
      <c r="QSY149" s="35"/>
      <c r="QSZ149" s="35"/>
      <c r="QTA149" s="35"/>
      <c r="QTB149" s="35"/>
      <c r="QTC149" s="35"/>
      <c r="QTD149" s="35"/>
      <c r="QTE149" s="35"/>
      <c r="QTF149" s="35"/>
      <c r="QTG149" s="35"/>
      <c r="QTH149" s="35"/>
      <c r="QTI149" s="35"/>
      <c r="QTJ149" s="35"/>
      <c r="QTK149" s="35"/>
      <c r="QTL149" s="35"/>
      <c r="QTM149" s="35"/>
      <c r="QTN149" s="35"/>
      <c r="QTO149" s="35"/>
      <c r="QTP149" s="35"/>
      <c r="QTQ149" s="35"/>
      <c r="QTR149" s="35"/>
      <c r="QTS149" s="35"/>
      <c r="QTT149" s="35"/>
      <c r="QTU149" s="35"/>
      <c r="QTV149" s="35"/>
      <c r="QTW149" s="35"/>
      <c r="QTX149" s="35"/>
      <c r="QTY149" s="35"/>
      <c r="QTZ149" s="35"/>
      <c r="QUA149" s="35"/>
      <c r="QUB149" s="35"/>
      <c r="QUC149" s="35"/>
      <c r="QUD149" s="35"/>
      <c r="QUE149" s="35"/>
      <c r="QUF149" s="35"/>
      <c r="QUG149" s="35"/>
      <c r="QUH149" s="35"/>
      <c r="QUI149" s="35"/>
      <c r="QUJ149" s="35"/>
      <c r="QUK149" s="35"/>
      <c r="QUL149" s="35"/>
      <c r="QUM149" s="35"/>
      <c r="QUN149" s="35"/>
      <c r="QUO149" s="35"/>
      <c r="QUP149" s="35"/>
      <c r="QUQ149" s="35"/>
      <c r="QUR149" s="35"/>
      <c r="QUS149" s="35"/>
      <c r="QUT149" s="35"/>
      <c r="QUU149" s="35"/>
      <c r="QUV149" s="35"/>
      <c r="QUW149" s="35"/>
      <c r="QUX149" s="35"/>
      <c r="QUY149" s="35"/>
      <c r="QUZ149" s="35"/>
      <c r="QVA149" s="35"/>
      <c r="QVB149" s="35"/>
      <c r="QVC149" s="35"/>
      <c r="QVD149" s="35"/>
      <c r="QVE149" s="35"/>
      <c r="QVF149" s="35"/>
      <c r="QVG149" s="35"/>
      <c r="QVH149" s="35"/>
      <c r="QVI149" s="35"/>
      <c r="QVJ149" s="35"/>
      <c r="QVK149" s="35"/>
      <c r="QVL149" s="35"/>
      <c r="QVM149" s="35"/>
      <c r="QVN149" s="35"/>
      <c r="QVO149" s="35"/>
      <c r="QVP149" s="35"/>
      <c r="QVQ149" s="35"/>
      <c r="QVR149" s="35"/>
      <c r="QVS149" s="35"/>
      <c r="QVT149" s="35"/>
      <c r="QVU149" s="35"/>
      <c r="QVV149" s="35"/>
      <c r="QVW149" s="35"/>
      <c r="QVX149" s="35"/>
      <c r="QVY149" s="35"/>
      <c r="QVZ149" s="35"/>
      <c r="QWA149" s="35"/>
      <c r="QWB149" s="35"/>
      <c r="QWC149" s="35"/>
      <c r="QWD149" s="35"/>
      <c r="QWE149" s="35"/>
      <c r="QWF149" s="35"/>
      <c r="QWG149" s="35"/>
      <c r="QWH149" s="35"/>
      <c r="QWI149" s="35"/>
      <c r="QWJ149" s="35"/>
      <c r="QWK149" s="35"/>
      <c r="QWL149" s="35"/>
      <c r="QWM149" s="35"/>
      <c r="QWN149" s="35"/>
      <c r="QWO149" s="35"/>
      <c r="QWP149" s="35"/>
      <c r="QWQ149" s="35"/>
      <c r="QWR149" s="35"/>
      <c r="QWS149" s="35"/>
      <c r="QWT149" s="35"/>
      <c r="QWU149" s="35"/>
      <c r="QWV149" s="35"/>
      <c r="QWW149" s="35"/>
      <c r="QWX149" s="35"/>
      <c r="QWY149" s="35"/>
      <c r="QWZ149" s="35"/>
      <c r="QXA149" s="35"/>
      <c r="QXB149" s="35"/>
      <c r="QXC149" s="35"/>
      <c r="QXD149" s="35"/>
      <c r="QXE149" s="35"/>
      <c r="QXF149" s="35"/>
      <c r="QXG149" s="35"/>
      <c r="QXH149" s="35"/>
      <c r="QXI149" s="35"/>
      <c r="QXJ149" s="35"/>
      <c r="QXK149" s="35"/>
      <c r="QXL149" s="35"/>
      <c r="QXM149" s="35"/>
      <c r="QXN149" s="35"/>
      <c r="QXO149" s="35"/>
      <c r="QXP149" s="35"/>
      <c r="QXQ149" s="35"/>
      <c r="QXR149" s="35"/>
      <c r="QXS149" s="35"/>
      <c r="QXT149" s="35"/>
      <c r="QXU149" s="35"/>
      <c r="QXV149" s="35"/>
      <c r="QXW149" s="35"/>
      <c r="QXX149" s="35"/>
      <c r="QXY149" s="35"/>
      <c r="QXZ149" s="35"/>
      <c r="QYA149" s="35"/>
      <c r="QYB149" s="35"/>
      <c r="QYC149" s="35"/>
      <c r="QYD149" s="35"/>
      <c r="QYE149" s="35"/>
      <c r="QYF149" s="35"/>
      <c r="QYG149" s="35"/>
      <c r="QYH149" s="35"/>
      <c r="QYI149" s="35"/>
      <c r="QYJ149" s="35"/>
      <c r="QYK149" s="35"/>
      <c r="QYL149" s="35"/>
      <c r="QYM149" s="35"/>
      <c r="QYN149" s="35"/>
      <c r="QYO149" s="35"/>
      <c r="QYP149" s="35"/>
      <c r="QYQ149" s="35"/>
      <c r="QYR149" s="35"/>
      <c r="QYS149" s="35"/>
      <c r="QYT149" s="35"/>
      <c r="QYU149" s="35"/>
      <c r="QYV149" s="35"/>
      <c r="QYW149" s="35"/>
      <c r="QYX149" s="35"/>
      <c r="QYY149" s="35"/>
      <c r="QYZ149" s="35"/>
      <c r="QZA149" s="35"/>
      <c r="QZB149" s="35"/>
      <c r="QZC149" s="35"/>
      <c r="QZD149" s="35"/>
      <c r="QZE149" s="35"/>
      <c r="QZF149" s="35"/>
      <c r="QZG149" s="35"/>
      <c r="QZH149" s="35"/>
      <c r="QZI149" s="35"/>
      <c r="QZJ149" s="35"/>
      <c r="QZK149" s="35"/>
      <c r="QZL149" s="35"/>
      <c r="QZM149" s="35"/>
      <c r="QZN149" s="35"/>
      <c r="QZO149" s="35"/>
      <c r="QZP149" s="35"/>
      <c r="QZQ149" s="35"/>
      <c r="QZR149" s="35"/>
      <c r="QZS149" s="35"/>
      <c r="QZT149" s="35"/>
      <c r="QZU149" s="35"/>
      <c r="QZV149" s="35"/>
      <c r="QZW149" s="35"/>
      <c r="QZX149" s="35"/>
      <c r="QZY149" s="35"/>
      <c r="QZZ149" s="35"/>
      <c r="RAA149" s="35"/>
      <c r="RAB149" s="35"/>
      <c r="RAC149" s="35"/>
      <c r="RAD149" s="35"/>
      <c r="RAE149" s="35"/>
      <c r="RAF149" s="35"/>
      <c r="RAG149" s="35"/>
      <c r="RAH149" s="35"/>
      <c r="RAI149" s="35"/>
      <c r="RAJ149" s="35"/>
      <c r="RAK149" s="35"/>
      <c r="RAL149" s="35"/>
      <c r="RAM149" s="35"/>
      <c r="RAN149" s="35"/>
      <c r="RAO149" s="35"/>
      <c r="RAP149" s="35"/>
      <c r="RAQ149" s="35"/>
      <c r="RAR149" s="35"/>
      <c r="RAS149" s="35"/>
      <c r="RAT149" s="35"/>
      <c r="RAU149" s="35"/>
      <c r="RAV149" s="35"/>
      <c r="RAW149" s="35"/>
      <c r="RAX149" s="35"/>
      <c r="RAY149" s="35"/>
      <c r="RAZ149" s="35"/>
      <c r="RBA149" s="35"/>
      <c r="RBB149" s="35"/>
      <c r="RBC149" s="35"/>
      <c r="RBD149" s="35"/>
      <c r="RBE149" s="35"/>
      <c r="RBF149" s="35"/>
      <c r="RBG149" s="35"/>
      <c r="RBH149" s="35"/>
      <c r="RBI149" s="35"/>
      <c r="RBJ149" s="35"/>
      <c r="RBK149" s="35"/>
      <c r="RBL149" s="35"/>
      <c r="RBM149" s="35"/>
      <c r="RBN149" s="35"/>
      <c r="RBO149" s="35"/>
      <c r="RBP149" s="35"/>
      <c r="RBQ149" s="35"/>
      <c r="RBR149" s="35"/>
      <c r="RBS149" s="35"/>
      <c r="RBT149" s="35"/>
      <c r="RBU149" s="35"/>
      <c r="RBV149" s="35"/>
      <c r="RBW149" s="35"/>
      <c r="RBX149" s="35"/>
      <c r="RBY149" s="35"/>
      <c r="RBZ149" s="35"/>
      <c r="RCA149" s="35"/>
      <c r="RCB149" s="35"/>
      <c r="RCC149" s="35"/>
      <c r="RCD149" s="35"/>
      <c r="RCE149" s="35"/>
      <c r="RCF149" s="35"/>
      <c r="RCG149" s="35"/>
      <c r="RCH149" s="35"/>
      <c r="RCI149" s="35"/>
      <c r="RCJ149" s="35"/>
      <c r="RCK149" s="35"/>
      <c r="RCL149" s="35"/>
      <c r="RCM149" s="35"/>
      <c r="RCN149" s="35"/>
      <c r="RCO149" s="35"/>
      <c r="RCP149" s="35"/>
      <c r="RCQ149" s="35"/>
      <c r="RCR149" s="35"/>
      <c r="RCS149" s="35"/>
      <c r="RCT149" s="35"/>
      <c r="RCU149" s="35"/>
      <c r="RCV149" s="35"/>
      <c r="RCW149" s="35"/>
      <c r="RCX149" s="35"/>
      <c r="RCY149" s="35"/>
      <c r="RCZ149" s="35"/>
      <c r="RDA149" s="35"/>
      <c r="RDB149" s="35"/>
      <c r="RDC149" s="35"/>
      <c r="RDD149" s="35"/>
      <c r="RDE149" s="35"/>
      <c r="RDF149" s="35"/>
      <c r="RDG149" s="35"/>
      <c r="RDH149" s="35"/>
      <c r="RDI149" s="35"/>
      <c r="RDJ149" s="35"/>
      <c r="RDK149" s="35"/>
      <c r="RDL149" s="35"/>
      <c r="RDM149" s="35"/>
      <c r="RDN149" s="35"/>
      <c r="RDO149" s="35"/>
      <c r="RDP149" s="35"/>
      <c r="RDQ149" s="35"/>
      <c r="RDR149" s="35"/>
      <c r="RDS149" s="35"/>
      <c r="RDT149" s="35"/>
      <c r="RDU149" s="35"/>
      <c r="RDV149" s="35"/>
      <c r="RDW149" s="35"/>
      <c r="RDX149" s="35"/>
      <c r="RDY149" s="35"/>
      <c r="RDZ149" s="35"/>
      <c r="REA149" s="35"/>
      <c r="REB149" s="35"/>
      <c r="REC149" s="35"/>
      <c r="RED149" s="35"/>
      <c r="REE149" s="35"/>
      <c r="REF149" s="35"/>
      <c r="REG149" s="35"/>
      <c r="REH149" s="35"/>
      <c r="REI149" s="35"/>
      <c r="REJ149" s="35"/>
      <c r="REK149" s="35"/>
      <c r="REL149" s="35"/>
      <c r="REM149" s="35"/>
      <c r="REN149" s="35"/>
      <c r="REO149" s="35"/>
      <c r="REP149" s="35"/>
      <c r="REQ149" s="35"/>
      <c r="RER149" s="35"/>
      <c r="RES149" s="35"/>
      <c r="RET149" s="35"/>
      <c r="REU149" s="35"/>
      <c r="REV149" s="35"/>
      <c r="REW149" s="35"/>
      <c r="REX149" s="35"/>
      <c r="REY149" s="35"/>
      <c r="REZ149" s="35"/>
      <c r="RFA149" s="35"/>
      <c r="RFB149" s="35"/>
      <c r="RFC149" s="35"/>
      <c r="RFD149" s="35"/>
      <c r="RFE149" s="35"/>
      <c r="RFF149" s="35"/>
      <c r="RFG149" s="35"/>
      <c r="RFH149" s="35"/>
      <c r="RFI149" s="35"/>
      <c r="RFJ149" s="35"/>
      <c r="RFK149" s="35"/>
      <c r="RFL149" s="35"/>
      <c r="RFM149" s="35"/>
      <c r="RFN149" s="35"/>
      <c r="RFO149" s="35"/>
      <c r="RFP149" s="35"/>
      <c r="RFQ149" s="35"/>
      <c r="RFR149" s="35"/>
      <c r="RFS149" s="35"/>
      <c r="RFT149" s="35"/>
      <c r="RFU149" s="35"/>
      <c r="RFV149" s="35"/>
      <c r="RFW149" s="35"/>
      <c r="RFX149" s="35"/>
      <c r="RFY149" s="35"/>
      <c r="RFZ149" s="35"/>
      <c r="RGA149" s="35"/>
      <c r="RGB149" s="35"/>
      <c r="RGC149" s="35"/>
      <c r="RGD149" s="35"/>
      <c r="RGE149" s="35"/>
      <c r="RGF149" s="35"/>
      <c r="RGG149" s="35"/>
      <c r="RGH149" s="35"/>
      <c r="RGI149" s="35"/>
      <c r="RGJ149" s="35"/>
      <c r="RGK149" s="35"/>
      <c r="RGL149" s="35"/>
      <c r="RGM149" s="35"/>
      <c r="RGN149" s="35"/>
      <c r="RGO149" s="35"/>
      <c r="RGP149" s="35"/>
      <c r="RGQ149" s="35"/>
      <c r="RGR149" s="35"/>
      <c r="RGS149" s="35"/>
      <c r="RGT149" s="35"/>
      <c r="RGU149" s="35"/>
      <c r="RGV149" s="35"/>
      <c r="RGW149" s="35"/>
      <c r="RGX149" s="35"/>
      <c r="RGY149" s="35"/>
      <c r="RGZ149" s="35"/>
      <c r="RHA149" s="35"/>
      <c r="RHB149" s="35"/>
      <c r="RHC149" s="35"/>
      <c r="RHD149" s="35"/>
      <c r="RHE149" s="35"/>
      <c r="RHF149" s="35"/>
      <c r="RHG149" s="35"/>
      <c r="RHH149" s="35"/>
      <c r="RHI149" s="35"/>
      <c r="RHJ149" s="35"/>
      <c r="RHK149" s="35"/>
      <c r="RHL149" s="35"/>
      <c r="RHM149" s="35"/>
      <c r="RHN149" s="35"/>
      <c r="RHO149" s="35"/>
      <c r="RHP149" s="35"/>
      <c r="RHQ149" s="35"/>
      <c r="RHR149" s="35"/>
      <c r="RHS149" s="35"/>
      <c r="RHT149" s="35"/>
      <c r="RHU149" s="35"/>
      <c r="RHV149" s="35"/>
      <c r="RHW149" s="35"/>
      <c r="RHX149" s="35"/>
      <c r="RHY149" s="35"/>
      <c r="RHZ149" s="35"/>
      <c r="RIA149" s="35"/>
      <c r="RIB149" s="35"/>
      <c r="RIC149" s="35"/>
      <c r="RID149" s="35"/>
      <c r="RIE149" s="35"/>
      <c r="RIF149" s="35"/>
      <c r="RIG149" s="35"/>
      <c r="RIH149" s="35"/>
      <c r="RII149" s="35"/>
      <c r="RIJ149" s="35"/>
      <c r="RIK149" s="35"/>
      <c r="RIL149" s="35"/>
      <c r="RIM149" s="35"/>
      <c r="RIN149" s="35"/>
      <c r="RIO149" s="35"/>
      <c r="RIP149" s="35"/>
      <c r="RIQ149" s="35"/>
      <c r="RIR149" s="35"/>
      <c r="RIS149" s="35"/>
      <c r="RIT149" s="35"/>
      <c r="RIU149" s="35"/>
      <c r="RIV149" s="35"/>
      <c r="RIW149" s="35"/>
      <c r="RIX149" s="35"/>
      <c r="RIY149" s="35"/>
      <c r="RIZ149" s="35"/>
      <c r="RJA149" s="35"/>
      <c r="RJB149" s="35"/>
      <c r="RJC149" s="35"/>
      <c r="RJD149" s="35"/>
      <c r="RJE149" s="35"/>
      <c r="RJF149" s="35"/>
      <c r="RJG149" s="35"/>
      <c r="RJH149" s="35"/>
      <c r="RJI149" s="35"/>
      <c r="RJJ149" s="35"/>
      <c r="RJK149" s="35"/>
      <c r="RJL149" s="35"/>
      <c r="RJM149" s="35"/>
      <c r="RJN149" s="35"/>
      <c r="RJO149" s="35"/>
      <c r="RJP149" s="35"/>
      <c r="RJQ149" s="35"/>
      <c r="RJR149" s="35"/>
      <c r="RJS149" s="35"/>
      <c r="RJT149" s="35"/>
      <c r="RJU149" s="35"/>
      <c r="RJV149" s="35"/>
      <c r="RJW149" s="35"/>
      <c r="RJX149" s="35"/>
      <c r="RJY149" s="35"/>
      <c r="RJZ149" s="35"/>
      <c r="RKA149" s="35"/>
      <c r="RKB149" s="35"/>
      <c r="RKC149" s="35"/>
      <c r="RKD149" s="35"/>
      <c r="RKE149" s="35"/>
      <c r="RKF149" s="35"/>
      <c r="RKG149" s="35"/>
      <c r="RKH149" s="35"/>
      <c r="RKI149" s="35"/>
      <c r="RKJ149" s="35"/>
      <c r="RKK149" s="35"/>
      <c r="RKL149" s="35"/>
      <c r="RKM149" s="35"/>
      <c r="RKN149" s="35"/>
      <c r="RKO149" s="35"/>
      <c r="RKP149" s="35"/>
      <c r="RKQ149" s="35"/>
      <c r="RKR149" s="35"/>
      <c r="RKS149" s="35"/>
      <c r="RKT149" s="35"/>
      <c r="RKU149" s="35"/>
      <c r="RKV149" s="35"/>
      <c r="RKW149" s="35"/>
      <c r="RKX149" s="35"/>
      <c r="RKY149" s="35"/>
      <c r="RKZ149" s="35"/>
      <c r="RLA149" s="35"/>
      <c r="RLB149" s="35"/>
      <c r="RLC149" s="35"/>
      <c r="RLD149" s="35"/>
      <c r="RLE149" s="35"/>
      <c r="RLF149" s="35"/>
      <c r="RLG149" s="35"/>
      <c r="RLH149" s="35"/>
      <c r="RLI149" s="35"/>
      <c r="RLJ149" s="35"/>
      <c r="RLK149" s="35"/>
      <c r="RLL149" s="35"/>
      <c r="RLM149" s="35"/>
      <c r="RLN149" s="35"/>
      <c r="RLO149" s="35"/>
      <c r="RLP149" s="35"/>
      <c r="RLQ149" s="35"/>
      <c r="RLR149" s="35"/>
      <c r="RLS149" s="35"/>
      <c r="RLT149" s="35"/>
      <c r="RLU149" s="35"/>
      <c r="RLV149" s="35"/>
      <c r="RLW149" s="35"/>
      <c r="RLX149" s="35"/>
      <c r="RLY149" s="35"/>
      <c r="RLZ149" s="35"/>
      <c r="RMA149" s="35"/>
      <c r="RMB149" s="35"/>
      <c r="RMC149" s="35"/>
      <c r="RMD149" s="35"/>
      <c r="RME149" s="35"/>
      <c r="RMF149" s="35"/>
      <c r="RMG149" s="35"/>
      <c r="RMH149" s="35"/>
      <c r="RMI149" s="35"/>
      <c r="RMJ149" s="35"/>
      <c r="RMK149" s="35"/>
      <c r="RML149" s="35"/>
      <c r="RMM149" s="35"/>
      <c r="RMN149" s="35"/>
      <c r="RMO149" s="35"/>
      <c r="RMP149" s="35"/>
      <c r="RMQ149" s="35"/>
      <c r="RMR149" s="35"/>
      <c r="RMS149" s="35"/>
      <c r="RMT149" s="35"/>
      <c r="RMU149" s="35"/>
      <c r="RMV149" s="35"/>
      <c r="RMW149" s="35"/>
      <c r="RMX149" s="35"/>
      <c r="RMY149" s="35"/>
      <c r="RMZ149" s="35"/>
      <c r="RNA149" s="35"/>
      <c r="RNB149" s="35"/>
      <c r="RNC149" s="35"/>
      <c r="RND149" s="35"/>
      <c r="RNE149" s="35"/>
      <c r="RNF149" s="35"/>
      <c r="RNG149" s="35"/>
      <c r="RNH149" s="35"/>
      <c r="RNI149" s="35"/>
      <c r="RNJ149" s="35"/>
      <c r="RNK149" s="35"/>
      <c r="RNL149" s="35"/>
      <c r="RNM149" s="35"/>
      <c r="RNN149" s="35"/>
      <c r="RNO149" s="35"/>
      <c r="RNP149" s="35"/>
      <c r="RNQ149" s="35"/>
      <c r="RNR149" s="35"/>
      <c r="RNS149" s="35"/>
      <c r="RNT149" s="35"/>
      <c r="RNU149" s="35"/>
      <c r="RNV149" s="35"/>
      <c r="RNW149" s="35"/>
      <c r="RNX149" s="35"/>
      <c r="RNY149" s="35"/>
      <c r="RNZ149" s="35"/>
      <c r="ROA149" s="35"/>
      <c r="ROB149" s="35"/>
      <c r="ROC149" s="35"/>
      <c r="ROD149" s="35"/>
      <c r="ROE149" s="35"/>
      <c r="ROF149" s="35"/>
      <c r="ROG149" s="35"/>
      <c r="ROH149" s="35"/>
      <c r="ROI149" s="35"/>
      <c r="ROJ149" s="35"/>
      <c r="ROK149" s="35"/>
      <c r="ROL149" s="35"/>
      <c r="ROM149" s="35"/>
      <c r="RON149" s="35"/>
      <c r="ROO149" s="35"/>
      <c r="ROP149" s="35"/>
      <c r="ROQ149" s="35"/>
      <c r="ROR149" s="35"/>
      <c r="ROS149" s="35"/>
      <c r="ROT149" s="35"/>
      <c r="ROU149" s="35"/>
      <c r="ROV149" s="35"/>
      <c r="ROW149" s="35"/>
      <c r="ROX149" s="35"/>
      <c r="ROY149" s="35"/>
      <c r="ROZ149" s="35"/>
      <c r="RPA149" s="35"/>
      <c r="RPB149" s="35"/>
      <c r="RPC149" s="35"/>
      <c r="RPD149" s="35"/>
      <c r="RPE149" s="35"/>
      <c r="RPF149" s="35"/>
      <c r="RPG149" s="35"/>
      <c r="RPH149" s="35"/>
      <c r="RPI149" s="35"/>
      <c r="RPJ149" s="35"/>
      <c r="RPK149" s="35"/>
      <c r="RPL149" s="35"/>
      <c r="RPM149" s="35"/>
      <c r="RPN149" s="35"/>
      <c r="RPO149" s="35"/>
      <c r="RPP149" s="35"/>
      <c r="RPQ149" s="35"/>
      <c r="RPR149" s="35"/>
      <c r="RPS149" s="35"/>
      <c r="RPT149" s="35"/>
      <c r="RPU149" s="35"/>
      <c r="RPV149" s="35"/>
      <c r="RPW149" s="35"/>
      <c r="RPX149" s="35"/>
      <c r="RPY149" s="35"/>
      <c r="RPZ149" s="35"/>
      <c r="RQA149" s="35"/>
      <c r="RQB149" s="35"/>
      <c r="RQC149" s="35"/>
      <c r="RQD149" s="35"/>
      <c r="RQE149" s="35"/>
      <c r="RQF149" s="35"/>
      <c r="RQG149" s="35"/>
      <c r="RQH149" s="35"/>
      <c r="RQI149" s="35"/>
      <c r="RQJ149" s="35"/>
      <c r="RQK149" s="35"/>
      <c r="RQL149" s="35"/>
      <c r="RQM149" s="35"/>
      <c r="RQN149" s="35"/>
      <c r="RQO149" s="35"/>
      <c r="RQP149" s="35"/>
      <c r="RQQ149" s="35"/>
      <c r="RQR149" s="35"/>
      <c r="RQS149" s="35"/>
      <c r="RQT149" s="35"/>
      <c r="RQU149" s="35"/>
      <c r="RQV149" s="35"/>
      <c r="RQW149" s="35"/>
      <c r="RQX149" s="35"/>
      <c r="RQY149" s="35"/>
      <c r="RQZ149" s="35"/>
      <c r="RRA149" s="35"/>
      <c r="RRB149" s="35"/>
      <c r="RRC149" s="35"/>
      <c r="RRD149" s="35"/>
      <c r="RRE149" s="35"/>
      <c r="RRF149" s="35"/>
      <c r="RRG149" s="35"/>
      <c r="RRH149" s="35"/>
      <c r="RRI149" s="35"/>
      <c r="RRJ149" s="35"/>
      <c r="RRK149" s="35"/>
      <c r="RRL149" s="35"/>
      <c r="RRM149" s="35"/>
      <c r="RRN149" s="35"/>
      <c r="RRO149" s="35"/>
      <c r="RRP149" s="35"/>
      <c r="RRQ149" s="35"/>
      <c r="RRR149" s="35"/>
      <c r="RRS149" s="35"/>
      <c r="RRT149" s="35"/>
      <c r="RRU149" s="35"/>
      <c r="RRV149" s="35"/>
      <c r="RRW149" s="35"/>
      <c r="RRX149" s="35"/>
      <c r="RRY149" s="35"/>
      <c r="RRZ149" s="35"/>
      <c r="RSA149" s="35"/>
      <c r="RSB149" s="35"/>
      <c r="RSC149" s="35"/>
      <c r="RSD149" s="35"/>
      <c r="RSE149" s="35"/>
      <c r="RSF149" s="35"/>
      <c r="RSG149" s="35"/>
      <c r="RSH149" s="35"/>
      <c r="RSI149" s="35"/>
      <c r="RSJ149" s="35"/>
      <c r="RSK149" s="35"/>
      <c r="RSL149" s="35"/>
      <c r="RSM149" s="35"/>
      <c r="RSN149" s="35"/>
      <c r="RSO149" s="35"/>
      <c r="RSP149" s="35"/>
      <c r="RSQ149" s="35"/>
      <c r="RSR149" s="35"/>
      <c r="RSS149" s="35"/>
      <c r="RST149" s="35"/>
      <c r="RSU149" s="35"/>
      <c r="RSV149" s="35"/>
      <c r="RSW149" s="35"/>
      <c r="RSX149" s="35"/>
      <c r="RSY149" s="35"/>
      <c r="RSZ149" s="35"/>
      <c r="RTA149" s="35"/>
      <c r="RTB149" s="35"/>
      <c r="RTC149" s="35"/>
      <c r="RTD149" s="35"/>
      <c r="RTE149" s="35"/>
      <c r="RTF149" s="35"/>
      <c r="RTG149" s="35"/>
      <c r="RTH149" s="35"/>
      <c r="RTI149" s="35"/>
      <c r="RTJ149" s="35"/>
      <c r="RTK149" s="35"/>
      <c r="RTL149" s="35"/>
      <c r="RTM149" s="35"/>
      <c r="RTN149" s="35"/>
      <c r="RTO149" s="35"/>
      <c r="RTP149" s="35"/>
      <c r="RTQ149" s="35"/>
      <c r="RTR149" s="35"/>
      <c r="RTS149" s="35"/>
      <c r="RTT149" s="35"/>
      <c r="RTU149" s="35"/>
      <c r="RTV149" s="35"/>
      <c r="RTW149" s="35"/>
      <c r="RTX149" s="35"/>
      <c r="RTY149" s="35"/>
      <c r="RTZ149" s="35"/>
      <c r="RUA149" s="35"/>
      <c r="RUB149" s="35"/>
      <c r="RUC149" s="35"/>
      <c r="RUD149" s="35"/>
      <c r="RUE149" s="35"/>
      <c r="RUF149" s="35"/>
      <c r="RUG149" s="35"/>
      <c r="RUH149" s="35"/>
      <c r="RUI149" s="35"/>
      <c r="RUJ149" s="35"/>
      <c r="RUK149" s="35"/>
      <c r="RUL149" s="35"/>
      <c r="RUM149" s="35"/>
      <c r="RUN149" s="35"/>
      <c r="RUO149" s="35"/>
      <c r="RUP149" s="35"/>
      <c r="RUQ149" s="35"/>
      <c r="RUR149" s="35"/>
      <c r="RUS149" s="35"/>
      <c r="RUT149" s="35"/>
      <c r="RUU149" s="35"/>
      <c r="RUV149" s="35"/>
      <c r="RUW149" s="35"/>
      <c r="RUX149" s="35"/>
      <c r="RUY149" s="35"/>
      <c r="RUZ149" s="35"/>
      <c r="RVA149" s="35"/>
      <c r="RVB149" s="35"/>
      <c r="RVC149" s="35"/>
      <c r="RVD149" s="35"/>
      <c r="RVE149" s="35"/>
      <c r="RVF149" s="35"/>
      <c r="RVG149" s="35"/>
      <c r="RVH149" s="35"/>
      <c r="RVI149" s="35"/>
      <c r="RVJ149" s="35"/>
      <c r="RVK149" s="35"/>
      <c r="RVL149" s="35"/>
      <c r="RVM149" s="35"/>
      <c r="RVN149" s="35"/>
      <c r="RVO149" s="35"/>
      <c r="RVP149" s="35"/>
      <c r="RVQ149" s="35"/>
      <c r="RVR149" s="35"/>
      <c r="RVS149" s="35"/>
      <c r="RVT149" s="35"/>
      <c r="RVU149" s="35"/>
      <c r="RVV149" s="35"/>
      <c r="RVW149" s="35"/>
      <c r="RVX149" s="35"/>
      <c r="RVY149" s="35"/>
      <c r="RVZ149" s="35"/>
      <c r="RWA149" s="35"/>
      <c r="RWB149" s="35"/>
      <c r="RWC149" s="35"/>
      <c r="RWD149" s="35"/>
      <c r="RWE149" s="35"/>
      <c r="RWF149" s="35"/>
      <c r="RWG149" s="35"/>
      <c r="RWH149" s="35"/>
      <c r="RWI149" s="35"/>
      <c r="RWJ149" s="35"/>
      <c r="RWK149" s="35"/>
      <c r="RWL149" s="35"/>
      <c r="RWM149" s="35"/>
      <c r="RWN149" s="35"/>
      <c r="RWO149" s="35"/>
      <c r="RWP149" s="35"/>
      <c r="RWQ149" s="35"/>
      <c r="RWR149" s="35"/>
      <c r="RWS149" s="35"/>
      <c r="RWT149" s="35"/>
      <c r="RWU149" s="35"/>
      <c r="RWV149" s="35"/>
      <c r="RWW149" s="35"/>
      <c r="RWX149" s="35"/>
      <c r="RWY149" s="35"/>
      <c r="RWZ149" s="35"/>
      <c r="RXA149" s="35"/>
      <c r="RXB149" s="35"/>
      <c r="RXC149" s="35"/>
      <c r="RXD149" s="35"/>
      <c r="RXE149" s="35"/>
      <c r="RXF149" s="35"/>
      <c r="RXG149" s="35"/>
      <c r="RXH149" s="35"/>
      <c r="RXI149" s="35"/>
      <c r="RXJ149" s="35"/>
      <c r="RXK149" s="35"/>
      <c r="RXL149" s="35"/>
      <c r="RXM149" s="35"/>
      <c r="RXN149" s="35"/>
      <c r="RXO149" s="35"/>
      <c r="RXP149" s="35"/>
      <c r="RXQ149" s="35"/>
      <c r="RXR149" s="35"/>
      <c r="RXS149" s="35"/>
      <c r="RXT149" s="35"/>
      <c r="RXU149" s="35"/>
      <c r="RXV149" s="35"/>
      <c r="RXW149" s="35"/>
      <c r="RXX149" s="35"/>
      <c r="RXY149" s="35"/>
      <c r="RXZ149" s="35"/>
      <c r="RYA149" s="35"/>
      <c r="RYB149" s="35"/>
      <c r="RYC149" s="35"/>
      <c r="RYD149" s="35"/>
      <c r="RYE149" s="35"/>
      <c r="RYF149" s="35"/>
      <c r="RYG149" s="35"/>
      <c r="RYH149" s="35"/>
      <c r="RYI149" s="35"/>
      <c r="RYJ149" s="35"/>
      <c r="RYK149" s="35"/>
      <c r="RYL149" s="35"/>
      <c r="RYM149" s="35"/>
      <c r="RYN149" s="35"/>
      <c r="RYO149" s="35"/>
      <c r="RYP149" s="35"/>
      <c r="RYQ149" s="35"/>
      <c r="RYR149" s="35"/>
      <c r="RYS149" s="35"/>
      <c r="RYT149" s="35"/>
      <c r="RYU149" s="35"/>
      <c r="RYV149" s="35"/>
      <c r="RYW149" s="35"/>
      <c r="RYX149" s="35"/>
      <c r="RYY149" s="35"/>
      <c r="RYZ149" s="35"/>
      <c r="RZA149" s="35"/>
      <c r="RZB149" s="35"/>
      <c r="RZC149" s="35"/>
      <c r="RZD149" s="35"/>
      <c r="RZE149" s="35"/>
      <c r="RZF149" s="35"/>
      <c r="RZG149" s="35"/>
      <c r="RZH149" s="35"/>
      <c r="RZI149" s="35"/>
      <c r="RZJ149" s="35"/>
      <c r="RZK149" s="35"/>
      <c r="RZL149" s="35"/>
      <c r="RZM149" s="35"/>
      <c r="RZN149" s="35"/>
      <c r="RZO149" s="35"/>
      <c r="RZP149" s="35"/>
      <c r="RZQ149" s="35"/>
      <c r="RZR149" s="35"/>
      <c r="RZS149" s="35"/>
      <c r="RZT149" s="35"/>
      <c r="RZU149" s="35"/>
      <c r="RZV149" s="35"/>
      <c r="RZW149" s="35"/>
      <c r="RZX149" s="35"/>
      <c r="RZY149" s="35"/>
      <c r="RZZ149" s="35"/>
      <c r="SAA149" s="35"/>
      <c r="SAB149" s="35"/>
      <c r="SAC149" s="35"/>
      <c r="SAD149" s="35"/>
      <c r="SAE149" s="35"/>
      <c r="SAF149" s="35"/>
      <c r="SAG149" s="35"/>
      <c r="SAH149" s="35"/>
      <c r="SAI149" s="35"/>
      <c r="SAJ149" s="35"/>
      <c r="SAK149" s="35"/>
      <c r="SAL149" s="35"/>
      <c r="SAM149" s="35"/>
      <c r="SAN149" s="35"/>
      <c r="SAO149" s="35"/>
      <c r="SAP149" s="35"/>
      <c r="SAQ149" s="35"/>
      <c r="SAR149" s="35"/>
      <c r="SAS149" s="35"/>
      <c r="SAT149" s="35"/>
      <c r="SAU149" s="35"/>
      <c r="SAV149" s="35"/>
      <c r="SAW149" s="35"/>
      <c r="SAX149" s="35"/>
      <c r="SAY149" s="35"/>
      <c r="SAZ149" s="35"/>
      <c r="SBA149" s="35"/>
      <c r="SBB149" s="35"/>
      <c r="SBC149" s="35"/>
      <c r="SBD149" s="35"/>
      <c r="SBE149" s="35"/>
      <c r="SBF149" s="35"/>
      <c r="SBG149" s="35"/>
      <c r="SBH149" s="35"/>
      <c r="SBI149" s="35"/>
      <c r="SBJ149" s="35"/>
      <c r="SBK149" s="35"/>
      <c r="SBL149" s="35"/>
      <c r="SBM149" s="35"/>
      <c r="SBN149" s="35"/>
      <c r="SBO149" s="35"/>
      <c r="SBP149" s="35"/>
      <c r="SBQ149" s="35"/>
      <c r="SBR149" s="35"/>
      <c r="SBS149" s="35"/>
      <c r="SBT149" s="35"/>
      <c r="SBU149" s="35"/>
      <c r="SBV149" s="35"/>
      <c r="SBW149" s="35"/>
      <c r="SBX149" s="35"/>
      <c r="SBY149" s="35"/>
      <c r="SBZ149" s="35"/>
      <c r="SCA149" s="35"/>
      <c r="SCB149" s="35"/>
      <c r="SCC149" s="35"/>
      <c r="SCD149" s="35"/>
      <c r="SCE149" s="35"/>
      <c r="SCF149" s="35"/>
      <c r="SCG149" s="35"/>
      <c r="SCH149" s="35"/>
      <c r="SCI149" s="35"/>
      <c r="SCJ149" s="35"/>
      <c r="SCK149" s="35"/>
      <c r="SCL149" s="35"/>
      <c r="SCM149" s="35"/>
      <c r="SCN149" s="35"/>
      <c r="SCO149" s="35"/>
      <c r="SCP149" s="35"/>
      <c r="SCQ149" s="35"/>
      <c r="SCR149" s="35"/>
      <c r="SCS149" s="35"/>
      <c r="SCT149" s="35"/>
      <c r="SCU149" s="35"/>
      <c r="SCV149" s="35"/>
      <c r="SCW149" s="35"/>
      <c r="SCX149" s="35"/>
      <c r="SCY149" s="35"/>
      <c r="SCZ149" s="35"/>
      <c r="SDA149" s="35"/>
      <c r="SDB149" s="35"/>
      <c r="SDC149" s="35"/>
      <c r="SDD149" s="35"/>
      <c r="SDE149" s="35"/>
      <c r="SDF149" s="35"/>
      <c r="SDG149" s="35"/>
      <c r="SDH149" s="35"/>
      <c r="SDI149" s="35"/>
      <c r="SDJ149" s="35"/>
      <c r="SDK149" s="35"/>
      <c r="SDL149" s="35"/>
      <c r="SDM149" s="35"/>
      <c r="SDN149" s="35"/>
      <c r="SDO149" s="35"/>
      <c r="SDP149" s="35"/>
      <c r="SDQ149" s="35"/>
      <c r="SDR149" s="35"/>
      <c r="SDS149" s="35"/>
      <c r="SDT149" s="35"/>
      <c r="SDU149" s="35"/>
      <c r="SDV149" s="35"/>
      <c r="SDW149" s="35"/>
      <c r="SDX149" s="35"/>
      <c r="SDY149" s="35"/>
      <c r="SDZ149" s="35"/>
      <c r="SEA149" s="35"/>
      <c r="SEB149" s="35"/>
      <c r="SEC149" s="35"/>
      <c r="SED149" s="35"/>
      <c r="SEE149" s="35"/>
      <c r="SEF149" s="35"/>
      <c r="SEG149" s="35"/>
      <c r="SEH149" s="35"/>
      <c r="SEI149" s="35"/>
      <c r="SEJ149" s="35"/>
      <c r="SEK149" s="35"/>
      <c r="SEL149" s="35"/>
      <c r="SEM149" s="35"/>
      <c r="SEN149" s="35"/>
      <c r="SEO149" s="35"/>
      <c r="SEP149" s="35"/>
      <c r="SEQ149" s="35"/>
      <c r="SER149" s="35"/>
      <c r="SES149" s="35"/>
      <c r="SET149" s="35"/>
      <c r="SEU149" s="35"/>
      <c r="SEV149" s="35"/>
      <c r="SEW149" s="35"/>
      <c r="SEX149" s="35"/>
      <c r="SEY149" s="35"/>
      <c r="SEZ149" s="35"/>
      <c r="SFA149" s="35"/>
      <c r="SFB149" s="35"/>
      <c r="SFC149" s="35"/>
      <c r="SFD149" s="35"/>
      <c r="SFE149" s="35"/>
      <c r="SFF149" s="35"/>
      <c r="SFG149" s="35"/>
      <c r="SFH149" s="35"/>
      <c r="SFI149" s="35"/>
      <c r="SFJ149" s="35"/>
      <c r="SFK149" s="35"/>
      <c r="SFL149" s="35"/>
      <c r="SFM149" s="35"/>
      <c r="SFN149" s="35"/>
      <c r="SFO149" s="35"/>
      <c r="SFP149" s="35"/>
      <c r="SFQ149" s="35"/>
      <c r="SFR149" s="35"/>
      <c r="SFS149" s="35"/>
      <c r="SFT149" s="35"/>
      <c r="SFU149" s="35"/>
      <c r="SFV149" s="35"/>
      <c r="SFW149" s="35"/>
      <c r="SFX149" s="35"/>
      <c r="SFY149" s="35"/>
      <c r="SFZ149" s="35"/>
      <c r="SGA149" s="35"/>
      <c r="SGB149" s="35"/>
      <c r="SGC149" s="35"/>
      <c r="SGD149" s="35"/>
      <c r="SGE149" s="35"/>
      <c r="SGF149" s="35"/>
      <c r="SGG149" s="35"/>
      <c r="SGH149" s="35"/>
      <c r="SGI149" s="35"/>
      <c r="SGJ149" s="35"/>
      <c r="SGK149" s="35"/>
      <c r="SGL149" s="35"/>
      <c r="SGM149" s="35"/>
      <c r="SGN149" s="35"/>
      <c r="SGO149" s="35"/>
      <c r="SGP149" s="35"/>
      <c r="SGQ149" s="35"/>
      <c r="SGR149" s="35"/>
      <c r="SGS149" s="35"/>
      <c r="SGT149" s="35"/>
      <c r="SGU149" s="35"/>
      <c r="SGV149" s="35"/>
      <c r="SGW149" s="35"/>
      <c r="SGX149" s="35"/>
      <c r="SGY149" s="35"/>
      <c r="SGZ149" s="35"/>
      <c r="SHA149" s="35"/>
      <c r="SHB149" s="35"/>
      <c r="SHC149" s="35"/>
      <c r="SHD149" s="35"/>
      <c r="SHE149" s="35"/>
      <c r="SHF149" s="35"/>
      <c r="SHG149" s="35"/>
      <c r="SHH149" s="35"/>
      <c r="SHI149" s="35"/>
      <c r="SHJ149" s="35"/>
      <c r="SHK149" s="35"/>
      <c r="SHL149" s="35"/>
      <c r="SHM149" s="35"/>
      <c r="SHN149" s="35"/>
      <c r="SHO149" s="35"/>
      <c r="SHP149" s="35"/>
      <c r="SHQ149" s="35"/>
      <c r="SHR149" s="35"/>
      <c r="SHS149" s="35"/>
      <c r="SHT149" s="35"/>
      <c r="SHU149" s="35"/>
      <c r="SHV149" s="35"/>
      <c r="SHW149" s="35"/>
      <c r="SHX149" s="35"/>
      <c r="SHY149" s="35"/>
      <c r="SHZ149" s="35"/>
      <c r="SIA149" s="35"/>
      <c r="SIB149" s="35"/>
      <c r="SIC149" s="35"/>
      <c r="SID149" s="35"/>
      <c r="SIE149" s="35"/>
      <c r="SIF149" s="35"/>
      <c r="SIG149" s="35"/>
      <c r="SIH149" s="35"/>
      <c r="SII149" s="35"/>
      <c r="SIJ149" s="35"/>
      <c r="SIK149" s="35"/>
      <c r="SIL149" s="35"/>
      <c r="SIM149" s="35"/>
      <c r="SIN149" s="35"/>
      <c r="SIO149" s="35"/>
      <c r="SIP149" s="35"/>
      <c r="SIQ149" s="35"/>
      <c r="SIR149" s="35"/>
      <c r="SIS149" s="35"/>
      <c r="SIT149" s="35"/>
      <c r="SIU149" s="35"/>
      <c r="SIV149" s="35"/>
      <c r="SIW149" s="35"/>
      <c r="SIX149" s="35"/>
      <c r="SIY149" s="35"/>
      <c r="SIZ149" s="35"/>
      <c r="SJA149" s="35"/>
      <c r="SJB149" s="35"/>
      <c r="SJC149" s="35"/>
      <c r="SJD149" s="35"/>
      <c r="SJE149" s="35"/>
      <c r="SJF149" s="35"/>
      <c r="SJG149" s="35"/>
      <c r="SJH149" s="35"/>
      <c r="SJI149" s="35"/>
      <c r="SJJ149" s="35"/>
      <c r="SJK149" s="35"/>
      <c r="SJL149" s="35"/>
      <c r="SJM149" s="35"/>
      <c r="SJN149" s="35"/>
      <c r="SJO149" s="35"/>
      <c r="SJP149" s="35"/>
      <c r="SJQ149" s="35"/>
      <c r="SJR149" s="35"/>
      <c r="SJS149" s="35"/>
      <c r="SJT149" s="35"/>
      <c r="SJU149" s="35"/>
      <c r="SJV149" s="35"/>
      <c r="SJW149" s="35"/>
      <c r="SJX149" s="35"/>
      <c r="SJY149" s="35"/>
      <c r="SJZ149" s="35"/>
      <c r="SKA149" s="35"/>
      <c r="SKB149" s="35"/>
      <c r="SKC149" s="35"/>
      <c r="SKD149" s="35"/>
      <c r="SKE149" s="35"/>
      <c r="SKF149" s="35"/>
      <c r="SKG149" s="35"/>
      <c r="SKH149" s="35"/>
      <c r="SKI149" s="35"/>
      <c r="SKJ149" s="35"/>
      <c r="SKK149" s="35"/>
      <c r="SKL149" s="35"/>
      <c r="SKM149" s="35"/>
      <c r="SKN149" s="35"/>
      <c r="SKO149" s="35"/>
      <c r="SKP149" s="35"/>
      <c r="SKQ149" s="35"/>
      <c r="SKR149" s="35"/>
      <c r="SKS149" s="35"/>
      <c r="SKT149" s="35"/>
      <c r="SKU149" s="35"/>
      <c r="SKV149" s="35"/>
      <c r="SKW149" s="35"/>
      <c r="SKX149" s="35"/>
      <c r="SKY149" s="35"/>
      <c r="SKZ149" s="35"/>
      <c r="SLA149" s="35"/>
      <c r="SLB149" s="35"/>
      <c r="SLC149" s="35"/>
      <c r="SLD149" s="35"/>
      <c r="SLE149" s="35"/>
      <c r="SLF149" s="35"/>
      <c r="SLG149" s="35"/>
      <c r="SLH149" s="35"/>
      <c r="SLI149" s="35"/>
      <c r="SLJ149" s="35"/>
      <c r="SLK149" s="35"/>
      <c r="SLL149" s="35"/>
      <c r="SLM149" s="35"/>
      <c r="SLN149" s="35"/>
      <c r="SLO149" s="35"/>
      <c r="SLP149" s="35"/>
      <c r="SLQ149" s="35"/>
      <c r="SLR149" s="35"/>
      <c r="SLS149" s="35"/>
      <c r="SLT149" s="35"/>
      <c r="SLU149" s="35"/>
      <c r="SLV149" s="35"/>
      <c r="SLW149" s="35"/>
      <c r="SLX149" s="35"/>
      <c r="SLY149" s="35"/>
      <c r="SLZ149" s="35"/>
      <c r="SMA149" s="35"/>
      <c r="SMB149" s="35"/>
      <c r="SMC149" s="35"/>
      <c r="SMD149" s="35"/>
      <c r="SME149" s="35"/>
      <c r="SMF149" s="35"/>
      <c r="SMG149" s="35"/>
      <c r="SMH149" s="35"/>
      <c r="SMI149" s="35"/>
      <c r="SMJ149" s="35"/>
      <c r="SMK149" s="35"/>
      <c r="SML149" s="35"/>
      <c r="SMM149" s="35"/>
      <c r="SMN149" s="35"/>
      <c r="SMO149" s="35"/>
      <c r="SMP149" s="35"/>
      <c r="SMQ149" s="35"/>
      <c r="SMR149" s="35"/>
      <c r="SMS149" s="35"/>
      <c r="SMT149" s="35"/>
      <c r="SMU149" s="35"/>
      <c r="SMV149" s="35"/>
      <c r="SMW149" s="35"/>
      <c r="SMX149" s="35"/>
      <c r="SMY149" s="35"/>
      <c r="SMZ149" s="35"/>
      <c r="SNA149" s="35"/>
      <c r="SNB149" s="35"/>
      <c r="SNC149" s="35"/>
      <c r="SND149" s="35"/>
      <c r="SNE149" s="35"/>
      <c r="SNF149" s="35"/>
      <c r="SNG149" s="35"/>
      <c r="SNH149" s="35"/>
      <c r="SNI149" s="35"/>
      <c r="SNJ149" s="35"/>
      <c r="SNK149" s="35"/>
      <c r="SNL149" s="35"/>
      <c r="SNM149" s="35"/>
      <c r="SNN149" s="35"/>
      <c r="SNO149" s="35"/>
      <c r="SNP149" s="35"/>
      <c r="SNQ149" s="35"/>
      <c r="SNR149" s="35"/>
      <c r="SNS149" s="35"/>
      <c r="SNT149" s="35"/>
      <c r="SNU149" s="35"/>
      <c r="SNV149" s="35"/>
      <c r="SNW149" s="35"/>
      <c r="SNX149" s="35"/>
      <c r="SNY149" s="35"/>
      <c r="SNZ149" s="35"/>
      <c r="SOA149" s="35"/>
      <c r="SOB149" s="35"/>
      <c r="SOC149" s="35"/>
      <c r="SOD149" s="35"/>
      <c r="SOE149" s="35"/>
      <c r="SOF149" s="35"/>
      <c r="SOG149" s="35"/>
      <c r="SOH149" s="35"/>
      <c r="SOI149" s="35"/>
      <c r="SOJ149" s="35"/>
      <c r="SOK149" s="35"/>
      <c r="SOL149" s="35"/>
      <c r="SOM149" s="35"/>
      <c r="SON149" s="35"/>
      <c r="SOO149" s="35"/>
      <c r="SOP149" s="35"/>
      <c r="SOQ149" s="35"/>
      <c r="SOR149" s="35"/>
      <c r="SOS149" s="35"/>
      <c r="SOT149" s="35"/>
      <c r="SOU149" s="35"/>
      <c r="SOV149" s="35"/>
      <c r="SOW149" s="35"/>
      <c r="SOX149" s="35"/>
      <c r="SOY149" s="35"/>
      <c r="SOZ149" s="35"/>
      <c r="SPA149" s="35"/>
      <c r="SPB149" s="35"/>
      <c r="SPC149" s="35"/>
      <c r="SPD149" s="35"/>
      <c r="SPE149" s="35"/>
      <c r="SPF149" s="35"/>
      <c r="SPG149" s="35"/>
      <c r="SPH149" s="35"/>
      <c r="SPI149" s="35"/>
      <c r="SPJ149" s="35"/>
      <c r="SPK149" s="35"/>
      <c r="SPL149" s="35"/>
      <c r="SPM149" s="35"/>
      <c r="SPN149" s="35"/>
      <c r="SPO149" s="35"/>
      <c r="SPP149" s="35"/>
      <c r="SPQ149" s="35"/>
      <c r="SPR149" s="35"/>
      <c r="SPS149" s="35"/>
      <c r="SPT149" s="35"/>
      <c r="SPU149" s="35"/>
      <c r="SPV149" s="35"/>
      <c r="SPW149" s="35"/>
      <c r="SPX149" s="35"/>
      <c r="SPY149" s="35"/>
      <c r="SPZ149" s="35"/>
      <c r="SQA149" s="35"/>
      <c r="SQB149" s="35"/>
      <c r="SQC149" s="35"/>
      <c r="SQD149" s="35"/>
      <c r="SQE149" s="35"/>
      <c r="SQF149" s="35"/>
      <c r="SQG149" s="35"/>
      <c r="SQH149" s="35"/>
      <c r="SQI149" s="35"/>
      <c r="SQJ149" s="35"/>
      <c r="SQK149" s="35"/>
      <c r="SQL149" s="35"/>
      <c r="SQM149" s="35"/>
      <c r="SQN149" s="35"/>
      <c r="SQO149" s="35"/>
      <c r="SQP149" s="35"/>
      <c r="SQQ149" s="35"/>
      <c r="SQR149" s="35"/>
      <c r="SQS149" s="35"/>
      <c r="SQT149" s="35"/>
      <c r="SQU149" s="35"/>
      <c r="SQV149" s="35"/>
      <c r="SQW149" s="35"/>
      <c r="SQX149" s="35"/>
      <c r="SQY149" s="35"/>
      <c r="SQZ149" s="35"/>
      <c r="SRA149" s="35"/>
      <c r="SRB149" s="35"/>
      <c r="SRC149" s="35"/>
      <c r="SRD149" s="35"/>
      <c r="SRE149" s="35"/>
      <c r="SRF149" s="35"/>
      <c r="SRG149" s="35"/>
      <c r="SRH149" s="35"/>
      <c r="SRI149" s="35"/>
      <c r="SRJ149" s="35"/>
      <c r="SRK149" s="35"/>
      <c r="SRL149" s="35"/>
      <c r="SRM149" s="35"/>
      <c r="SRN149" s="35"/>
      <c r="SRO149" s="35"/>
      <c r="SRP149" s="35"/>
      <c r="SRQ149" s="35"/>
      <c r="SRR149" s="35"/>
      <c r="SRS149" s="35"/>
      <c r="SRT149" s="35"/>
      <c r="SRU149" s="35"/>
      <c r="SRV149" s="35"/>
      <c r="SRW149" s="35"/>
      <c r="SRX149" s="35"/>
      <c r="SRY149" s="35"/>
      <c r="SRZ149" s="35"/>
      <c r="SSA149" s="35"/>
      <c r="SSB149" s="35"/>
      <c r="SSC149" s="35"/>
      <c r="SSD149" s="35"/>
      <c r="SSE149" s="35"/>
      <c r="SSF149" s="35"/>
      <c r="SSG149" s="35"/>
      <c r="SSH149" s="35"/>
      <c r="SSI149" s="35"/>
      <c r="SSJ149" s="35"/>
      <c r="SSK149" s="35"/>
      <c r="SSL149" s="35"/>
      <c r="SSM149" s="35"/>
      <c r="SSN149" s="35"/>
      <c r="SSO149" s="35"/>
      <c r="SSP149" s="35"/>
      <c r="SSQ149" s="35"/>
      <c r="SSR149" s="35"/>
      <c r="SSS149" s="35"/>
      <c r="SST149" s="35"/>
      <c r="SSU149" s="35"/>
      <c r="SSV149" s="35"/>
      <c r="SSW149" s="35"/>
      <c r="SSX149" s="35"/>
      <c r="SSY149" s="35"/>
      <c r="SSZ149" s="35"/>
      <c r="STA149" s="35"/>
      <c r="STB149" s="35"/>
      <c r="STC149" s="35"/>
      <c r="STD149" s="35"/>
      <c r="STE149" s="35"/>
      <c r="STF149" s="35"/>
      <c r="STG149" s="35"/>
      <c r="STH149" s="35"/>
      <c r="STI149" s="35"/>
      <c r="STJ149" s="35"/>
      <c r="STK149" s="35"/>
      <c r="STL149" s="35"/>
      <c r="STM149" s="35"/>
      <c r="STN149" s="35"/>
      <c r="STO149" s="35"/>
      <c r="STP149" s="35"/>
      <c r="STQ149" s="35"/>
      <c r="STR149" s="35"/>
      <c r="STS149" s="35"/>
      <c r="STT149" s="35"/>
      <c r="STU149" s="35"/>
      <c r="STV149" s="35"/>
      <c r="STW149" s="35"/>
      <c r="STX149" s="35"/>
      <c r="STY149" s="35"/>
      <c r="STZ149" s="35"/>
      <c r="SUA149" s="35"/>
      <c r="SUB149" s="35"/>
      <c r="SUC149" s="35"/>
      <c r="SUD149" s="35"/>
      <c r="SUE149" s="35"/>
      <c r="SUF149" s="35"/>
      <c r="SUG149" s="35"/>
      <c r="SUH149" s="35"/>
      <c r="SUI149" s="35"/>
      <c r="SUJ149" s="35"/>
      <c r="SUK149" s="35"/>
      <c r="SUL149" s="35"/>
      <c r="SUM149" s="35"/>
      <c r="SUN149" s="35"/>
      <c r="SUO149" s="35"/>
      <c r="SUP149" s="35"/>
      <c r="SUQ149" s="35"/>
      <c r="SUR149" s="35"/>
      <c r="SUS149" s="35"/>
      <c r="SUT149" s="35"/>
      <c r="SUU149" s="35"/>
      <c r="SUV149" s="35"/>
      <c r="SUW149" s="35"/>
      <c r="SUX149" s="35"/>
      <c r="SUY149" s="35"/>
      <c r="SUZ149" s="35"/>
      <c r="SVA149" s="35"/>
      <c r="SVB149" s="35"/>
      <c r="SVC149" s="35"/>
      <c r="SVD149" s="35"/>
      <c r="SVE149" s="35"/>
      <c r="SVF149" s="35"/>
      <c r="SVG149" s="35"/>
      <c r="SVH149" s="35"/>
      <c r="SVI149" s="35"/>
      <c r="SVJ149" s="35"/>
      <c r="SVK149" s="35"/>
      <c r="SVL149" s="35"/>
      <c r="SVM149" s="35"/>
      <c r="SVN149" s="35"/>
      <c r="SVO149" s="35"/>
      <c r="SVP149" s="35"/>
      <c r="SVQ149" s="35"/>
      <c r="SVR149" s="35"/>
      <c r="SVS149" s="35"/>
      <c r="SVT149" s="35"/>
      <c r="SVU149" s="35"/>
      <c r="SVV149" s="35"/>
      <c r="SVW149" s="35"/>
      <c r="SVX149" s="35"/>
      <c r="SVY149" s="35"/>
      <c r="SVZ149" s="35"/>
      <c r="SWA149" s="35"/>
      <c r="SWB149" s="35"/>
      <c r="SWC149" s="35"/>
      <c r="SWD149" s="35"/>
      <c r="SWE149" s="35"/>
      <c r="SWF149" s="35"/>
      <c r="SWG149" s="35"/>
      <c r="SWH149" s="35"/>
      <c r="SWI149" s="35"/>
      <c r="SWJ149" s="35"/>
      <c r="SWK149" s="35"/>
      <c r="SWL149" s="35"/>
      <c r="SWM149" s="35"/>
      <c r="SWN149" s="35"/>
      <c r="SWO149" s="35"/>
      <c r="SWP149" s="35"/>
      <c r="SWQ149" s="35"/>
      <c r="SWR149" s="35"/>
      <c r="SWS149" s="35"/>
      <c r="SWT149" s="35"/>
      <c r="SWU149" s="35"/>
      <c r="SWV149" s="35"/>
      <c r="SWW149" s="35"/>
      <c r="SWX149" s="35"/>
      <c r="SWY149" s="35"/>
      <c r="SWZ149" s="35"/>
      <c r="SXA149" s="35"/>
      <c r="SXB149" s="35"/>
      <c r="SXC149" s="35"/>
      <c r="SXD149" s="35"/>
      <c r="SXE149" s="35"/>
      <c r="SXF149" s="35"/>
      <c r="SXG149" s="35"/>
      <c r="SXH149" s="35"/>
      <c r="SXI149" s="35"/>
      <c r="SXJ149" s="35"/>
      <c r="SXK149" s="35"/>
      <c r="SXL149" s="35"/>
      <c r="SXM149" s="35"/>
      <c r="SXN149" s="35"/>
      <c r="SXO149" s="35"/>
      <c r="SXP149" s="35"/>
      <c r="SXQ149" s="35"/>
      <c r="SXR149" s="35"/>
      <c r="SXS149" s="35"/>
      <c r="SXT149" s="35"/>
      <c r="SXU149" s="35"/>
      <c r="SXV149" s="35"/>
      <c r="SXW149" s="35"/>
      <c r="SXX149" s="35"/>
      <c r="SXY149" s="35"/>
      <c r="SXZ149" s="35"/>
      <c r="SYA149" s="35"/>
      <c r="SYB149" s="35"/>
      <c r="SYC149" s="35"/>
      <c r="SYD149" s="35"/>
      <c r="SYE149" s="35"/>
      <c r="SYF149" s="35"/>
      <c r="SYG149" s="35"/>
      <c r="SYH149" s="35"/>
      <c r="SYI149" s="35"/>
      <c r="SYJ149" s="35"/>
      <c r="SYK149" s="35"/>
      <c r="SYL149" s="35"/>
      <c r="SYM149" s="35"/>
      <c r="SYN149" s="35"/>
      <c r="SYO149" s="35"/>
      <c r="SYP149" s="35"/>
      <c r="SYQ149" s="35"/>
      <c r="SYR149" s="35"/>
      <c r="SYS149" s="35"/>
      <c r="SYT149" s="35"/>
      <c r="SYU149" s="35"/>
      <c r="SYV149" s="35"/>
      <c r="SYW149" s="35"/>
      <c r="SYX149" s="35"/>
      <c r="SYY149" s="35"/>
      <c r="SYZ149" s="35"/>
      <c r="SZA149" s="35"/>
      <c r="SZB149" s="35"/>
      <c r="SZC149" s="35"/>
      <c r="SZD149" s="35"/>
      <c r="SZE149" s="35"/>
      <c r="SZF149" s="35"/>
      <c r="SZG149" s="35"/>
      <c r="SZH149" s="35"/>
      <c r="SZI149" s="35"/>
      <c r="SZJ149" s="35"/>
      <c r="SZK149" s="35"/>
      <c r="SZL149" s="35"/>
      <c r="SZM149" s="35"/>
      <c r="SZN149" s="35"/>
      <c r="SZO149" s="35"/>
      <c r="SZP149" s="35"/>
      <c r="SZQ149" s="35"/>
      <c r="SZR149" s="35"/>
      <c r="SZS149" s="35"/>
      <c r="SZT149" s="35"/>
      <c r="SZU149" s="35"/>
      <c r="SZV149" s="35"/>
      <c r="SZW149" s="35"/>
      <c r="SZX149" s="35"/>
      <c r="SZY149" s="35"/>
      <c r="SZZ149" s="35"/>
      <c r="TAA149" s="35"/>
      <c r="TAB149" s="35"/>
      <c r="TAC149" s="35"/>
      <c r="TAD149" s="35"/>
      <c r="TAE149" s="35"/>
      <c r="TAF149" s="35"/>
      <c r="TAG149" s="35"/>
      <c r="TAH149" s="35"/>
      <c r="TAI149" s="35"/>
      <c r="TAJ149" s="35"/>
      <c r="TAK149" s="35"/>
      <c r="TAL149" s="35"/>
      <c r="TAM149" s="35"/>
      <c r="TAN149" s="35"/>
      <c r="TAO149" s="35"/>
      <c r="TAP149" s="35"/>
      <c r="TAQ149" s="35"/>
      <c r="TAR149" s="35"/>
      <c r="TAS149" s="35"/>
      <c r="TAT149" s="35"/>
      <c r="TAU149" s="35"/>
      <c r="TAV149" s="35"/>
      <c r="TAW149" s="35"/>
      <c r="TAX149" s="35"/>
      <c r="TAY149" s="35"/>
      <c r="TAZ149" s="35"/>
      <c r="TBA149" s="35"/>
      <c r="TBB149" s="35"/>
      <c r="TBC149" s="35"/>
      <c r="TBD149" s="35"/>
      <c r="TBE149" s="35"/>
      <c r="TBF149" s="35"/>
      <c r="TBG149" s="35"/>
      <c r="TBH149" s="35"/>
      <c r="TBI149" s="35"/>
      <c r="TBJ149" s="35"/>
      <c r="TBK149" s="35"/>
      <c r="TBL149" s="35"/>
      <c r="TBM149" s="35"/>
      <c r="TBN149" s="35"/>
      <c r="TBO149" s="35"/>
      <c r="TBP149" s="35"/>
      <c r="TBQ149" s="35"/>
      <c r="TBR149" s="35"/>
      <c r="TBS149" s="35"/>
      <c r="TBT149" s="35"/>
      <c r="TBU149" s="35"/>
      <c r="TBV149" s="35"/>
      <c r="TBW149" s="35"/>
      <c r="TBX149" s="35"/>
      <c r="TBY149" s="35"/>
      <c r="TBZ149" s="35"/>
      <c r="TCA149" s="35"/>
      <c r="TCB149" s="35"/>
      <c r="TCC149" s="35"/>
      <c r="TCD149" s="35"/>
      <c r="TCE149" s="35"/>
      <c r="TCF149" s="35"/>
      <c r="TCG149" s="35"/>
      <c r="TCH149" s="35"/>
      <c r="TCI149" s="35"/>
      <c r="TCJ149" s="35"/>
      <c r="TCK149" s="35"/>
      <c r="TCL149" s="35"/>
      <c r="TCM149" s="35"/>
      <c r="TCN149" s="35"/>
      <c r="TCO149" s="35"/>
      <c r="TCP149" s="35"/>
      <c r="TCQ149" s="35"/>
      <c r="TCR149" s="35"/>
      <c r="TCS149" s="35"/>
      <c r="TCT149" s="35"/>
      <c r="TCU149" s="35"/>
      <c r="TCV149" s="35"/>
      <c r="TCW149" s="35"/>
      <c r="TCX149" s="35"/>
      <c r="TCY149" s="35"/>
      <c r="TCZ149" s="35"/>
      <c r="TDA149" s="35"/>
      <c r="TDB149" s="35"/>
      <c r="TDC149" s="35"/>
      <c r="TDD149" s="35"/>
      <c r="TDE149" s="35"/>
      <c r="TDF149" s="35"/>
      <c r="TDG149" s="35"/>
      <c r="TDH149" s="35"/>
      <c r="TDI149" s="35"/>
      <c r="TDJ149" s="35"/>
      <c r="TDK149" s="35"/>
      <c r="TDL149" s="35"/>
      <c r="TDM149" s="35"/>
      <c r="TDN149" s="35"/>
      <c r="TDO149" s="35"/>
      <c r="TDP149" s="35"/>
      <c r="TDQ149" s="35"/>
      <c r="TDR149" s="35"/>
      <c r="TDS149" s="35"/>
      <c r="TDT149" s="35"/>
      <c r="TDU149" s="35"/>
      <c r="TDV149" s="35"/>
      <c r="TDW149" s="35"/>
      <c r="TDX149" s="35"/>
      <c r="TDY149" s="35"/>
      <c r="TDZ149" s="35"/>
      <c r="TEA149" s="35"/>
      <c r="TEB149" s="35"/>
      <c r="TEC149" s="35"/>
      <c r="TED149" s="35"/>
      <c r="TEE149" s="35"/>
      <c r="TEF149" s="35"/>
      <c r="TEG149" s="35"/>
      <c r="TEH149" s="35"/>
      <c r="TEI149" s="35"/>
      <c r="TEJ149" s="35"/>
      <c r="TEK149" s="35"/>
      <c r="TEL149" s="35"/>
      <c r="TEM149" s="35"/>
      <c r="TEN149" s="35"/>
      <c r="TEO149" s="35"/>
      <c r="TEP149" s="35"/>
      <c r="TEQ149" s="35"/>
      <c r="TER149" s="35"/>
      <c r="TES149" s="35"/>
      <c r="TET149" s="35"/>
      <c r="TEU149" s="35"/>
      <c r="TEV149" s="35"/>
      <c r="TEW149" s="35"/>
      <c r="TEX149" s="35"/>
      <c r="TEY149" s="35"/>
      <c r="TEZ149" s="35"/>
      <c r="TFA149" s="35"/>
      <c r="TFB149" s="35"/>
      <c r="TFC149" s="35"/>
      <c r="TFD149" s="35"/>
      <c r="TFE149" s="35"/>
      <c r="TFF149" s="35"/>
      <c r="TFG149" s="35"/>
      <c r="TFH149" s="35"/>
      <c r="TFI149" s="35"/>
      <c r="TFJ149" s="35"/>
      <c r="TFK149" s="35"/>
      <c r="TFL149" s="35"/>
      <c r="TFM149" s="35"/>
      <c r="TFN149" s="35"/>
      <c r="TFO149" s="35"/>
      <c r="TFP149" s="35"/>
      <c r="TFQ149" s="35"/>
      <c r="TFR149" s="35"/>
      <c r="TFS149" s="35"/>
      <c r="TFT149" s="35"/>
      <c r="TFU149" s="35"/>
      <c r="TFV149" s="35"/>
      <c r="TFW149" s="35"/>
      <c r="TFX149" s="35"/>
      <c r="TFY149" s="35"/>
      <c r="TFZ149" s="35"/>
      <c r="TGA149" s="35"/>
      <c r="TGB149" s="35"/>
      <c r="TGC149" s="35"/>
      <c r="TGD149" s="35"/>
      <c r="TGE149" s="35"/>
      <c r="TGF149" s="35"/>
      <c r="TGG149" s="35"/>
      <c r="TGH149" s="35"/>
      <c r="TGI149" s="35"/>
      <c r="TGJ149" s="35"/>
      <c r="TGK149" s="35"/>
      <c r="TGL149" s="35"/>
      <c r="TGM149" s="35"/>
      <c r="TGN149" s="35"/>
      <c r="TGO149" s="35"/>
      <c r="TGP149" s="35"/>
      <c r="TGQ149" s="35"/>
      <c r="TGR149" s="35"/>
      <c r="TGS149" s="35"/>
      <c r="TGT149" s="35"/>
      <c r="TGU149" s="35"/>
      <c r="TGV149" s="35"/>
      <c r="TGW149" s="35"/>
      <c r="TGX149" s="35"/>
      <c r="TGY149" s="35"/>
      <c r="TGZ149" s="35"/>
      <c r="THA149" s="35"/>
      <c r="THB149" s="35"/>
      <c r="THC149" s="35"/>
      <c r="THD149" s="35"/>
      <c r="THE149" s="35"/>
      <c r="THF149" s="35"/>
      <c r="THG149" s="35"/>
      <c r="THH149" s="35"/>
      <c r="THI149" s="35"/>
      <c r="THJ149" s="35"/>
      <c r="THK149" s="35"/>
      <c r="THL149" s="35"/>
      <c r="THM149" s="35"/>
      <c r="THN149" s="35"/>
      <c r="THO149" s="35"/>
      <c r="THP149" s="35"/>
      <c r="THQ149" s="35"/>
      <c r="THR149" s="35"/>
      <c r="THS149" s="35"/>
      <c r="THT149" s="35"/>
      <c r="THU149" s="35"/>
      <c r="THV149" s="35"/>
      <c r="THW149" s="35"/>
      <c r="THX149" s="35"/>
      <c r="THY149" s="35"/>
      <c r="THZ149" s="35"/>
      <c r="TIA149" s="35"/>
      <c r="TIB149" s="35"/>
      <c r="TIC149" s="35"/>
      <c r="TID149" s="35"/>
      <c r="TIE149" s="35"/>
      <c r="TIF149" s="35"/>
      <c r="TIG149" s="35"/>
      <c r="TIH149" s="35"/>
      <c r="TII149" s="35"/>
      <c r="TIJ149" s="35"/>
      <c r="TIK149" s="35"/>
      <c r="TIL149" s="35"/>
      <c r="TIM149" s="35"/>
      <c r="TIN149" s="35"/>
      <c r="TIO149" s="35"/>
      <c r="TIP149" s="35"/>
      <c r="TIQ149" s="35"/>
      <c r="TIR149" s="35"/>
      <c r="TIS149" s="35"/>
      <c r="TIT149" s="35"/>
      <c r="TIU149" s="35"/>
      <c r="TIV149" s="35"/>
      <c r="TIW149" s="35"/>
      <c r="TIX149" s="35"/>
      <c r="TIY149" s="35"/>
      <c r="TIZ149" s="35"/>
      <c r="TJA149" s="35"/>
      <c r="TJB149" s="35"/>
      <c r="TJC149" s="35"/>
      <c r="TJD149" s="35"/>
      <c r="TJE149" s="35"/>
      <c r="TJF149" s="35"/>
      <c r="TJG149" s="35"/>
      <c r="TJH149" s="35"/>
      <c r="TJI149" s="35"/>
      <c r="TJJ149" s="35"/>
      <c r="TJK149" s="35"/>
      <c r="TJL149" s="35"/>
      <c r="TJM149" s="35"/>
      <c r="TJN149" s="35"/>
      <c r="TJO149" s="35"/>
      <c r="TJP149" s="35"/>
      <c r="TJQ149" s="35"/>
      <c r="TJR149" s="35"/>
      <c r="TJS149" s="35"/>
      <c r="TJT149" s="35"/>
      <c r="TJU149" s="35"/>
      <c r="TJV149" s="35"/>
      <c r="TJW149" s="35"/>
      <c r="TJX149" s="35"/>
      <c r="TJY149" s="35"/>
      <c r="TJZ149" s="35"/>
      <c r="TKA149" s="35"/>
      <c r="TKB149" s="35"/>
      <c r="TKC149" s="35"/>
      <c r="TKD149" s="35"/>
      <c r="TKE149" s="35"/>
      <c r="TKF149" s="35"/>
      <c r="TKG149" s="35"/>
      <c r="TKH149" s="35"/>
      <c r="TKI149" s="35"/>
      <c r="TKJ149" s="35"/>
      <c r="TKK149" s="35"/>
      <c r="TKL149" s="35"/>
      <c r="TKM149" s="35"/>
      <c r="TKN149" s="35"/>
      <c r="TKO149" s="35"/>
      <c r="TKP149" s="35"/>
      <c r="TKQ149" s="35"/>
      <c r="TKR149" s="35"/>
      <c r="TKS149" s="35"/>
      <c r="TKT149" s="35"/>
      <c r="TKU149" s="35"/>
      <c r="TKV149" s="35"/>
      <c r="TKW149" s="35"/>
      <c r="TKX149" s="35"/>
      <c r="TKY149" s="35"/>
      <c r="TKZ149" s="35"/>
      <c r="TLA149" s="35"/>
      <c r="TLB149" s="35"/>
      <c r="TLC149" s="35"/>
      <c r="TLD149" s="35"/>
      <c r="TLE149" s="35"/>
      <c r="TLF149" s="35"/>
      <c r="TLG149" s="35"/>
      <c r="TLH149" s="35"/>
      <c r="TLI149" s="35"/>
      <c r="TLJ149" s="35"/>
      <c r="TLK149" s="35"/>
      <c r="TLL149" s="35"/>
      <c r="TLM149" s="35"/>
      <c r="TLN149" s="35"/>
      <c r="TLO149" s="35"/>
      <c r="TLP149" s="35"/>
      <c r="TLQ149" s="35"/>
      <c r="TLR149" s="35"/>
      <c r="TLS149" s="35"/>
      <c r="TLT149" s="35"/>
      <c r="TLU149" s="35"/>
      <c r="TLV149" s="35"/>
      <c r="TLW149" s="35"/>
      <c r="TLX149" s="35"/>
      <c r="TLY149" s="35"/>
      <c r="TLZ149" s="35"/>
      <c r="TMA149" s="35"/>
      <c r="TMB149" s="35"/>
      <c r="TMC149" s="35"/>
      <c r="TMD149" s="35"/>
      <c r="TME149" s="35"/>
      <c r="TMF149" s="35"/>
      <c r="TMG149" s="35"/>
      <c r="TMH149" s="35"/>
      <c r="TMI149" s="35"/>
      <c r="TMJ149" s="35"/>
      <c r="TMK149" s="35"/>
      <c r="TML149" s="35"/>
      <c r="TMM149" s="35"/>
      <c r="TMN149" s="35"/>
      <c r="TMO149" s="35"/>
      <c r="TMP149" s="35"/>
      <c r="TMQ149" s="35"/>
      <c r="TMR149" s="35"/>
      <c r="TMS149" s="35"/>
      <c r="TMT149" s="35"/>
      <c r="TMU149" s="35"/>
      <c r="TMV149" s="35"/>
      <c r="TMW149" s="35"/>
      <c r="TMX149" s="35"/>
      <c r="TMY149" s="35"/>
      <c r="TMZ149" s="35"/>
      <c r="TNA149" s="35"/>
      <c r="TNB149" s="35"/>
      <c r="TNC149" s="35"/>
      <c r="TND149" s="35"/>
      <c r="TNE149" s="35"/>
      <c r="TNF149" s="35"/>
      <c r="TNG149" s="35"/>
      <c r="TNH149" s="35"/>
      <c r="TNI149" s="35"/>
      <c r="TNJ149" s="35"/>
      <c r="TNK149" s="35"/>
      <c r="TNL149" s="35"/>
      <c r="TNM149" s="35"/>
      <c r="TNN149" s="35"/>
      <c r="TNO149" s="35"/>
      <c r="TNP149" s="35"/>
      <c r="TNQ149" s="35"/>
      <c r="TNR149" s="35"/>
      <c r="TNS149" s="35"/>
      <c r="TNT149" s="35"/>
      <c r="TNU149" s="35"/>
      <c r="TNV149" s="35"/>
      <c r="TNW149" s="35"/>
      <c r="TNX149" s="35"/>
      <c r="TNY149" s="35"/>
      <c r="TNZ149" s="35"/>
      <c r="TOA149" s="35"/>
      <c r="TOB149" s="35"/>
      <c r="TOC149" s="35"/>
      <c r="TOD149" s="35"/>
      <c r="TOE149" s="35"/>
      <c r="TOF149" s="35"/>
      <c r="TOG149" s="35"/>
      <c r="TOH149" s="35"/>
      <c r="TOI149" s="35"/>
      <c r="TOJ149" s="35"/>
      <c r="TOK149" s="35"/>
      <c r="TOL149" s="35"/>
      <c r="TOM149" s="35"/>
      <c r="TON149" s="35"/>
      <c r="TOO149" s="35"/>
      <c r="TOP149" s="35"/>
      <c r="TOQ149" s="35"/>
      <c r="TOR149" s="35"/>
      <c r="TOS149" s="35"/>
      <c r="TOT149" s="35"/>
      <c r="TOU149" s="35"/>
      <c r="TOV149" s="35"/>
      <c r="TOW149" s="35"/>
      <c r="TOX149" s="35"/>
      <c r="TOY149" s="35"/>
      <c r="TOZ149" s="35"/>
      <c r="TPA149" s="35"/>
      <c r="TPB149" s="35"/>
      <c r="TPC149" s="35"/>
      <c r="TPD149" s="35"/>
      <c r="TPE149" s="35"/>
      <c r="TPF149" s="35"/>
      <c r="TPG149" s="35"/>
      <c r="TPH149" s="35"/>
      <c r="TPI149" s="35"/>
      <c r="TPJ149" s="35"/>
      <c r="TPK149" s="35"/>
      <c r="TPL149" s="35"/>
      <c r="TPM149" s="35"/>
      <c r="TPN149" s="35"/>
      <c r="TPO149" s="35"/>
      <c r="TPP149" s="35"/>
      <c r="TPQ149" s="35"/>
      <c r="TPR149" s="35"/>
      <c r="TPS149" s="35"/>
      <c r="TPT149" s="35"/>
      <c r="TPU149" s="35"/>
      <c r="TPV149" s="35"/>
      <c r="TPW149" s="35"/>
      <c r="TPX149" s="35"/>
      <c r="TPY149" s="35"/>
      <c r="TPZ149" s="35"/>
      <c r="TQA149" s="35"/>
      <c r="TQB149" s="35"/>
      <c r="TQC149" s="35"/>
      <c r="TQD149" s="35"/>
      <c r="TQE149" s="35"/>
      <c r="TQF149" s="35"/>
      <c r="TQG149" s="35"/>
      <c r="TQH149" s="35"/>
      <c r="TQI149" s="35"/>
      <c r="TQJ149" s="35"/>
      <c r="TQK149" s="35"/>
      <c r="TQL149" s="35"/>
      <c r="TQM149" s="35"/>
      <c r="TQN149" s="35"/>
      <c r="TQO149" s="35"/>
      <c r="TQP149" s="35"/>
      <c r="TQQ149" s="35"/>
      <c r="TQR149" s="35"/>
      <c r="TQS149" s="35"/>
      <c r="TQT149" s="35"/>
      <c r="TQU149" s="35"/>
      <c r="TQV149" s="35"/>
      <c r="TQW149" s="35"/>
      <c r="TQX149" s="35"/>
      <c r="TQY149" s="35"/>
      <c r="TQZ149" s="35"/>
      <c r="TRA149" s="35"/>
      <c r="TRB149" s="35"/>
      <c r="TRC149" s="35"/>
      <c r="TRD149" s="35"/>
      <c r="TRE149" s="35"/>
      <c r="TRF149" s="35"/>
      <c r="TRG149" s="35"/>
      <c r="TRH149" s="35"/>
      <c r="TRI149" s="35"/>
      <c r="TRJ149" s="35"/>
      <c r="TRK149" s="35"/>
      <c r="TRL149" s="35"/>
      <c r="TRM149" s="35"/>
      <c r="TRN149" s="35"/>
      <c r="TRO149" s="35"/>
      <c r="TRP149" s="35"/>
      <c r="TRQ149" s="35"/>
      <c r="TRR149" s="35"/>
      <c r="TRS149" s="35"/>
      <c r="TRT149" s="35"/>
      <c r="TRU149" s="35"/>
      <c r="TRV149" s="35"/>
      <c r="TRW149" s="35"/>
      <c r="TRX149" s="35"/>
      <c r="TRY149" s="35"/>
      <c r="TRZ149" s="35"/>
      <c r="TSA149" s="35"/>
      <c r="TSB149" s="35"/>
      <c r="TSC149" s="35"/>
      <c r="TSD149" s="35"/>
      <c r="TSE149" s="35"/>
      <c r="TSF149" s="35"/>
      <c r="TSG149" s="35"/>
      <c r="TSH149" s="35"/>
      <c r="TSI149" s="35"/>
      <c r="TSJ149" s="35"/>
      <c r="TSK149" s="35"/>
      <c r="TSL149" s="35"/>
      <c r="TSM149" s="35"/>
      <c r="TSN149" s="35"/>
      <c r="TSO149" s="35"/>
      <c r="TSP149" s="35"/>
      <c r="TSQ149" s="35"/>
      <c r="TSR149" s="35"/>
      <c r="TSS149" s="35"/>
      <c r="TST149" s="35"/>
      <c r="TSU149" s="35"/>
      <c r="TSV149" s="35"/>
      <c r="TSW149" s="35"/>
      <c r="TSX149" s="35"/>
      <c r="TSY149" s="35"/>
      <c r="TSZ149" s="35"/>
      <c r="TTA149" s="35"/>
      <c r="TTB149" s="35"/>
      <c r="TTC149" s="35"/>
      <c r="TTD149" s="35"/>
      <c r="TTE149" s="35"/>
      <c r="TTF149" s="35"/>
      <c r="TTG149" s="35"/>
      <c r="TTH149" s="35"/>
      <c r="TTI149" s="35"/>
      <c r="TTJ149" s="35"/>
      <c r="TTK149" s="35"/>
      <c r="TTL149" s="35"/>
      <c r="TTM149" s="35"/>
      <c r="TTN149" s="35"/>
      <c r="TTO149" s="35"/>
      <c r="TTP149" s="35"/>
      <c r="TTQ149" s="35"/>
      <c r="TTR149" s="35"/>
      <c r="TTS149" s="35"/>
      <c r="TTT149" s="35"/>
      <c r="TTU149" s="35"/>
      <c r="TTV149" s="35"/>
      <c r="TTW149" s="35"/>
      <c r="TTX149" s="35"/>
      <c r="TTY149" s="35"/>
      <c r="TTZ149" s="35"/>
      <c r="TUA149" s="35"/>
      <c r="TUB149" s="35"/>
      <c r="TUC149" s="35"/>
      <c r="TUD149" s="35"/>
      <c r="TUE149" s="35"/>
      <c r="TUF149" s="35"/>
      <c r="TUG149" s="35"/>
      <c r="TUH149" s="35"/>
      <c r="TUI149" s="35"/>
      <c r="TUJ149" s="35"/>
      <c r="TUK149" s="35"/>
      <c r="TUL149" s="35"/>
      <c r="TUM149" s="35"/>
      <c r="TUN149" s="35"/>
      <c r="TUO149" s="35"/>
      <c r="TUP149" s="35"/>
      <c r="TUQ149" s="35"/>
      <c r="TUR149" s="35"/>
      <c r="TUS149" s="35"/>
      <c r="TUT149" s="35"/>
      <c r="TUU149" s="35"/>
      <c r="TUV149" s="35"/>
      <c r="TUW149" s="35"/>
      <c r="TUX149" s="35"/>
      <c r="TUY149" s="35"/>
      <c r="TUZ149" s="35"/>
      <c r="TVA149" s="35"/>
      <c r="TVB149" s="35"/>
      <c r="TVC149" s="35"/>
      <c r="TVD149" s="35"/>
      <c r="TVE149" s="35"/>
      <c r="TVF149" s="35"/>
      <c r="TVG149" s="35"/>
      <c r="TVH149" s="35"/>
      <c r="TVI149" s="35"/>
      <c r="TVJ149" s="35"/>
      <c r="TVK149" s="35"/>
      <c r="TVL149" s="35"/>
      <c r="TVM149" s="35"/>
      <c r="TVN149" s="35"/>
      <c r="TVO149" s="35"/>
      <c r="TVP149" s="35"/>
      <c r="TVQ149" s="35"/>
      <c r="TVR149" s="35"/>
      <c r="TVS149" s="35"/>
      <c r="TVT149" s="35"/>
      <c r="TVU149" s="35"/>
      <c r="TVV149" s="35"/>
      <c r="TVW149" s="35"/>
      <c r="TVX149" s="35"/>
      <c r="TVY149" s="35"/>
      <c r="TVZ149" s="35"/>
      <c r="TWA149" s="35"/>
      <c r="TWB149" s="35"/>
      <c r="TWC149" s="35"/>
      <c r="TWD149" s="35"/>
      <c r="TWE149" s="35"/>
      <c r="TWF149" s="35"/>
      <c r="TWG149" s="35"/>
      <c r="TWH149" s="35"/>
      <c r="TWI149" s="35"/>
      <c r="TWJ149" s="35"/>
      <c r="TWK149" s="35"/>
      <c r="TWL149" s="35"/>
      <c r="TWM149" s="35"/>
      <c r="TWN149" s="35"/>
      <c r="TWO149" s="35"/>
      <c r="TWP149" s="35"/>
      <c r="TWQ149" s="35"/>
      <c r="TWR149" s="35"/>
      <c r="TWS149" s="35"/>
      <c r="TWT149" s="35"/>
      <c r="TWU149" s="35"/>
      <c r="TWV149" s="35"/>
      <c r="TWW149" s="35"/>
      <c r="TWX149" s="35"/>
      <c r="TWY149" s="35"/>
      <c r="TWZ149" s="35"/>
      <c r="TXA149" s="35"/>
      <c r="TXB149" s="35"/>
      <c r="TXC149" s="35"/>
      <c r="TXD149" s="35"/>
      <c r="TXE149" s="35"/>
      <c r="TXF149" s="35"/>
      <c r="TXG149" s="35"/>
      <c r="TXH149" s="35"/>
      <c r="TXI149" s="35"/>
      <c r="TXJ149" s="35"/>
      <c r="TXK149" s="35"/>
      <c r="TXL149" s="35"/>
      <c r="TXM149" s="35"/>
      <c r="TXN149" s="35"/>
      <c r="TXO149" s="35"/>
      <c r="TXP149" s="35"/>
      <c r="TXQ149" s="35"/>
      <c r="TXR149" s="35"/>
      <c r="TXS149" s="35"/>
      <c r="TXT149" s="35"/>
      <c r="TXU149" s="35"/>
      <c r="TXV149" s="35"/>
      <c r="TXW149" s="35"/>
      <c r="TXX149" s="35"/>
      <c r="TXY149" s="35"/>
      <c r="TXZ149" s="35"/>
      <c r="TYA149" s="35"/>
      <c r="TYB149" s="35"/>
      <c r="TYC149" s="35"/>
      <c r="TYD149" s="35"/>
      <c r="TYE149" s="35"/>
      <c r="TYF149" s="35"/>
      <c r="TYG149" s="35"/>
      <c r="TYH149" s="35"/>
      <c r="TYI149" s="35"/>
      <c r="TYJ149" s="35"/>
      <c r="TYK149" s="35"/>
      <c r="TYL149" s="35"/>
      <c r="TYM149" s="35"/>
      <c r="TYN149" s="35"/>
      <c r="TYO149" s="35"/>
      <c r="TYP149" s="35"/>
      <c r="TYQ149" s="35"/>
      <c r="TYR149" s="35"/>
      <c r="TYS149" s="35"/>
      <c r="TYT149" s="35"/>
      <c r="TYU149" s="35"/>
      <c r="TYV149" s="35"/>
      <c r="TYW149" s="35"/>
      <c r="TYX149" s="35"/>
      <c r="TYY149" s="35"/>
      <c r="TYZ149" s="35"/>
      <c r="TZA149" s="35"/>
      <c r="TZB149" s="35"/>
      <c r="TZC149" s="35"/>
      <c r="TZD149" s="35"/>
      <c r="TZE149" s="35"/>
      <c r="TZF149" s="35"/>
      <c r="TZG149" s="35"/>
      <c r="TZH149" s="35"/>
      <c r="TZI149" s="35"/>
      <c r="TZJ149" s="35"/>
      <c r="TZK149" s="35"/>
      <c r="TZL149" s="35"/>
      <c r="TZM149" s="35"/>
      <c r="TZN149" s="35"/>
      <c r="TZO149" s="35"/>
      <c r="TZP149" s="35"/>
      <c r="TZQ149" s="35"/>
      <c r="TZR149" s="35"/>
      <c r="TZS149" s="35"/>
      <c r="TZT149" s="35"/>
      <c r="TZU149" s="35"/>
      <c r="TZV149" s="35"/>
      <c r="TZW149" s="35"/>
      <c r="TZX149" s="35"/>
      <c r="TZY149" s="35"/>
      <c r="TZZ149" s="35"/>
      <c r="UAA149" s="35"/>
      <c r="UAB149" s="35"/>
      <c r="UAC149" s="35"/>
      <c r="UAD149" s="35"/>
      <c r="UAE149" s="35"/>
      <c r="UAF149" s="35"/>
      <c r="UAG149" s="35"/>
      <c r="UAH149" s="35"/>
      <c r="UAI149" s="35"/>
      <c r="UAJ149" s="35"/>
      <c r="UAK149" s="35"/>
      <c r="UAL149" s="35"/>
      <c r="UAM149" s="35"/>
      <c r="UAN149" s="35"/>
      <c r="UAO149" s="35"/>
      <c r="UAP149" s="35"/>
      <c r="UAQ149" s="35"/>
      <c r="UAR149" s="35"/>
      <c r="UAS149" s="35"/>
      <c r="UAT149" s="35"/>
      <c r="UAU149" s="35"/>
      <c r="UAV149" s="35"/>
      <c r="UAW149" s="35"/>
      <c r="UAX149" s="35"/>
      <c r="UAY149" s="35"/>
      <c r="UAZ149" s="35"/>
      <c r="UBA149" s="35"/>
      <c r="UBB149" s="35"/>
      <c r="UBC149" s="35"/>
      <c r="UBD149" s="35"/>
      <c r="UBE149" s="35"/>
      <c r="UBF149" s="35"/>
      <c r="UBG149" s="35"/>
      <c r="UBH149" s="35"/>
      <c r="UBI149" s="35"/>
      <c r="UBJ149" s="35"/>
      <c r="UBK149" s="35"/>
      <c r="UBL149" s="35"/>
      <c r="UBM149" s="35"/>
      <c r="UBN149" s="35"/>
      <c r="UBO149" s="35"/>
      <c r="UBP149" s="35"/>
      <c r="UBQ149" s="35"/>
      <c r="UBR149" s="35"/>
      <c r="UBS149" s="35"/>
      <c r="UBT149" s="35"/>
      <c r="UBU149" s="35"/>
      <c r="UBV149" s="35"/>
      <c r="UBW149" s="35"/>
      <c r="UBX149" s="35"/>
      <c r="UBY149" s="35"/>
      <c r="UBZ149" s="35"/>
      <c r="UCA149" s="35"/>
      <c r="UCB149" s="35"/>
      <c r="UCC149" s="35"/>
      <c r="UCD149" s="35"/>
      <c r="UCE149" s="35"/>
      <c r="UCF149" s="35"/>
      <c r="UCG149" s="35"/>
      <c r="UCH149" s="35"/>
      <c r="UCI149" s="35"/>
      <c r="UCJ149" s="35"/>
      <c r="UCK149" s="35"/>
      <c r="UCL149" s="35"/>
      <c r="UCM149" s="35"/>
      <c r="UCN149" s="35"/>
      <c r="UCO149" s="35"/>
      <c r="UCP149" s="35"/>
      <c r="UCQ149" s="35"/>
      <c r="UCR149" s="35"/>
      <c r="UCS149" s="35"/>
      <c r="UCT149" s="35"/>
      <c r="UCU149" s="35"/>
      <c r="UCV149" s="35"/>
      <c r="UCW149" s="35"/>
      <c r="UCX149" s="35"/>
      <c r="UCY149" s="35"/>
      <c r="UCZ149" s="35"/>
      <c r="UDA149" s="35"/>
      <c r="UDB149" s="35"/>
      <c r="UDC149" s="35"/>
      <c r="UDD149" s="35"/>
      <c r="UDE149" s="35"/>
      <c r="UDF149" s="35"/>
      <c r="UDG149" s="35"/>
      <c r="UDH149" s="35"/>
      <c r="UDI149" s="35"/>
      <c r="UDJ149" s="35"/>
      <c r="UDK149" s="35"/>
      <c r="UDL149" s="35"/>
      <c r="UDM149" s="35"/>
      <c r="UDN149" s="35"/>
      <c r="UDO149" s="35"/>
      <c r="UDP149" s="35"/>
      <c r="UDQ149" s="35"/>
      <c r="UDR149" s="35"/>
      <c r="UDS149" s="35"/>
      <c r="UDT149" s="35"/>
      <c r="UDU149" s="35"/>
      <c r="UDV149" s="35"/>
      <c r="UDW149" s="35"/>
      <c r="UDX149" s="35"/>
      <c r="UDY149" s="35"/>
      <c r="UDZ149" s="35"/>
      <c r="UEA149" s="35"/>
      <c r="UEB149" s="35"/>
      <c r="UEC149" s="35"/>
      <c r="UED149" s="35"/>
      <c r="UEE149" s="35"/>
      <c r="UEF149" s="35"/>
      <c r="UEG149" s="35"/>
      <c r="UEH149" s="35"/>
      <c r="UEI149" s="35"/>
      <c r="UEJ149" s="35"/>
      <c r="UEK149" s="35"/>
      <c r="UEL149" s="35"/>
      <c r="UEM149" s="35"/>
      <c r="UEN149" s="35"/>
      <c r="UEO149" s="35"/>
      <c r="UEP149" s="35"/>
      <c r="UEQ149" s="35"/>
      <c r="UER149" s="35"/>
      <c r="UES149" s="35"/>
      <c r="UET149" s="35"/>
      <c r="UEU149" s="35"/>
      <c r="UEV149" s="35"/>
      <c r="UEW149" s="35"/>
      <c r="UEX149" s="35"/>
      <c r="UEY149" s="35"/>
      <c r="UEZ149" s="35"/>
      <c r="UFA149" s="35"/>
      <c r="UFB149" s="35"/>
      <c r="UFC149" s="35"/>
      <c r="UFD149" s="35"/>
      <c r="UFE149" s="35"/>
      <c r="UFF149" s="35"/>
      <c r="UFG149" s="35"/>
      <c r="UFH149" s="35"/>
      <c r="UFI149" s="35"/>
      <c r="UFJ149" s="35"/>
      <c r="UFK149" s="35"/>
      <c r="UFL149" s="35"/>
      <c r="UFM149" s="35"/>
      <c r="UFN149" s="35"/>
      <c r="UFO149" s="35"/>
      <c r="UFP149" s="35"/>
      <c r="UFQ149" s="35"/>
      <c r="UFR149" s="35"/>
      <c r="UFS149" s="35"/>
      <c r="UFT149" s="35"/>
      <c r="UFU149" s="35"/>
      <c r="UFV149" s="35"/>
      <c r="UFW149" s="35"/>
      <c r="UFX149" s="35"/>
      <c r="UFY149" s="35"/>
      <c r="UFZ149" s="35"/>
      <c r="UGA149" s="35"/>
      <c r="UGB149" s="35"/>
      <c r="UGC149" s="35"/>
      <c r="UGD149" s="35"/>
      <c r="UGE149" s="35"/>
      <c r="UGF149" s="35"/>
      <c r="UGG149" s="35"/>
      <c r="UGH149" s="35"/>
      <c r="UGI149" s="35"/>
      <c r="UGJ149" s="35"/>
      <c r="UGK149" s="35"/>
      <c r="UGL149" s="35"/>
      <c r="UGM149" s="35"/>
      <c r="UGN149" s="35"/>
      <c r="UGO149" s="35"/>
      <c r="UGP149" s="35"/>
      <c r="UGQ149" s="35"/>
      <c r="UGR149" s="35"/>
      <c r="UGS149" s="35"/>
      <c r="UGT149" s="35"/>
      <c r="UGU149" s="35"/>
      <c r="UGV149" s="35"/>
      <c r="UGW149" s="35"/>
      <c r="UGX149" s="35"/>
      <c r="UGY149" s="35"/>
      <c r="UGZ149" s="35"/>
      <c r="UHA149" s="35"/>
      <c r="UHB149" s="35"/>
      <c r="UHC149" s="35"/>
      <c r="UHD149" s="35"/>
      <c r="UHE149" s="35"/>
      <c r="UHF149" s="35"/>
      <c r="UHG149" s="35"/>
      <c r="UHH149" s="35"/>
      <c r="UHI149" s="35"/>
      <c r="UHJ149" s="35"/>
      <c r="UHK149" s="35"/>
      <c r="UHL149" s="35"/>
      <c r="UHM149" s="35"/>
      <c r="UHN149" s="35"/>
      <c r="UHO149" s="35"/>
      <c r="UHP149" s="35"/>
      <c r="UHQ149" s="35"/>
      <c r="UHR149" s="35"/>
      <c r="UHS149" s="35"/>
      <c r="UHT149" s="35"/>
      <c r="UHU149" s="35"/>
      <c r="UHV149" s="35"/>
      <c r="UHW149" s="35"/>
      <c r="UHX149" s="35"/>
      <c r="UHY149" s="35"/>
      <c r="UHZ149" s="35"/>
      <c r="UIA149" s="35"/>
      <c r="UIB149" s="35"/>
      <c r="UIC149" s="35"/>
      <c r="UID149" s="35"/>
      <c r="UIE149" s="35"/>
      <c r="UIF149" s="35"/>
      <c r="UIG149" s="35"/>
      <c r="UIH149" s="35"/>
      <c r="UII149" s="35"/>
      <c r="UIJ149" s="35"/>
      <c r="UIK149" s="35"/>
      <c r="UIL149" s="35"/>
      <c r="UIM149" s="35"/>
      <c r="UIN149" s="35"/>
      <c r="UIO149" s="35"/>
      <c r="UIP149" s="35"/>
      <c r="UIQ149" s="35"/>
      <c r="UIR149" s="35"/>
      <c r="UIS149" s="35"/>
      <c r="UIT149" s="35"/>
      <c r="UIU149" s="35"/>
      <c r="UIV149" s="35"/>
      <c r="UIW149" s="35"/>
      <c r="UIX149" s="35"/>
      <c r="UIY149" s="35"/>
      <c r="UIZ149" s="35"/>
      <c r="UJA149" s="35"/>
      <c r="UJB149" s="35"/>
      <c r="UJC149" s="35"/>
      <c r="UJD149" s="35"/>
      <c r="UJE149" s="35"/>
      <c r="UJF149" s="35"/>
      <c r="UJG149" s="35"/>
      <c r="UJH149" s="35"/>
      <c r="UJI149" s="35"/>
      <c r="UJJ149" s="35"/>
      <c r="UJK149" s="35"/>
      <c r="UJL149" s="35"/>
      <c r="UJM149" s="35"/>
      <c r="UJN149" s="35"/>
      <c r="UJO149" s="35"/>
      <c r="UJP149" s="35"/>
      <c r="UJQ149" s="35"/>
      <c r="UJR149" s="35"/>
      <c r="UJS149" s="35"/>
      <c r="UJT149" s="35"/>
      <c r="UJU149" s="35"/>
      <c r="UJV149" s="35"/>
      <c r="UJW149" s="35"/>
      <c r="UJX149" s="35"/>
      <c r="UJY149" s="35"/>
      <c r="UJZ149" s="35"/>
      <c r="UKA149" s="35"/>
      <c r="UKB149" s="35"/>
      <c r="UKC149" s="35"/>
      <c r="UKD149" s="35"/>
      <c r="UKE149" s="35"/>
      <c r="UKF149" s="35"/>
      <c r="UKG149" s="35"/>
      <c r="UKH149" s="35"/>
      <c r="UKI149" s="35"/>
      <c r="UKJ149" s="35"/>
      <c r="UKK149" s="35"/>
      <c r="UKL149" s="35"/>
      <c r="UKM149" s="35"/>
      <c r="UKN149" s="35"/>
      <c r="UKO149" s="35"/>
      <c r="UKP149" s="35"/>
      <c r="UKQ149" s="35"/>
      <c r="UKR149" s="35"/>
      <c r="UKS149" s="35"/>
      <c r="UKT149" s="35"/>
      <c r="UKU149" s="35"/>
      <c r="UKV149" s="35"/>
      <c r="UKW149" s="35"/>
      <c r="UKX149" s="35"/>
      <c r="UKY149" s="35"/>
      <c r="UKZ149" s="35"/>
      <c r="ULA149" s="35"/>
      <c r="ULB149" s="35"/>
      <c r="ULC149" s="35"/>
      <c r="ULD149" s="35"/>
      <c r="ULE149" s="35"/>
      <c r="ULF149" s="35"/>
      <c r="ULG149" s="35"/>
      <c r="ULH149" s="35"/>
      <c r="ULI149" s="35"/>
      <c r="ULJ149" s="35"/>
      <c r="ULK149" s="35"/>
      <c r="ULL149" s="35"/>
      <c r="ULM149" s="35"/>
      <c r="ULN149" s="35"/>
      <c r="ULO149" s="35"/>
      <c r="ULP149" s="35"/>
      <c r="ULQ149" s="35"/>
      <c r="ULR149" s="35"/>
      <c r="ULS149" s="35"/>
      <c r="ULT149" s="35"/>
      <c r="ULU149" s="35"/>
      <c r="ULV149" s="35"/>
      <c r="ULW149" s="35"/>
      <c r="ULX149" s="35"/>
      <c r="ULY149" s="35"/>
      <c r="ULZ149" s="35"/>
      <c r="UMA149" s="35"/>
      <c r="UMB149" s="35"/>
      <c r="UMC149" s="35"/>
      <c r="UMD149" s="35"/>
      <c r="UME149" s="35"/>
      <c r="UMF149" s="35"/>
      <c r="UMG149" s="35"/>
      <c r="UMH149" s="35"/>
      <c r="UMI149" s="35"/>
      <c r="UMJ149" s="35"/>
      <c r="UMK149" s="35"/>
      <c r="UML149" s="35"/>
      <c r="UMM149" s="35"/>
      <c r="UMN149" s="35"/>
      <c r="UMO149" s="35"/>
      <c r="UMP149" s="35"/>
      <c r="UMQ149" s="35"/>
      <c r="UMR149" s="35"/>
      <c r="UMS149" s="35"/>
      <c r="UMT149" s="35"/>
      <c r="UMU149" s="35"/>
      <c r="UMV149" s="35"/>
      <c r="UMW149" s="35"/>
      <c r="UMX149" s="35"/>
      <c r="UMY149" s="35"/>
      <c r="UMZ149" s="35"/>
      <c r="UNA149" s="35"/>
      <c r="UNB149" s="35"/>
      <c r="UNC149" s="35"/>
      <c r="UND149" s="35"/>
      <c r="UNE149" s="35"/>
      <c r="UNF149" s="35"/>
      <c r="UNG149" s="35"/>
      <c r="UNH149" s="35"/>
      <c r="UNI149" s="35"/>
      <c r="UNJ149" s="35"/>
      <c r="UNK149" s="35"/>
      <c r="UNL149" s="35"/>
      <c r="UNM149" s="35"/>
      <c r="UNN149" s="35"/>
      <c r="UNO149" s="35"/>
      <c r="UNP149" s="35"/>
      <c r="UNQ149" s="35"/>
      <c r="UNR149" s="35"/>
      <c r="UNS149" s="35"/>
      <c r="UNT149" s="35"/>
      <c r="UNU149" s="35"/>
      <c r="UNV149" s="35"/>
      <c r="UNW149" s="35"/>
      <c r="UNX149" s="35"/>
      <c r="UNY149" s="35"/>
      <c r="UNZ149" s="35"/>
      <c r="UOA149" s="35"/>
      <c r="UOB149" s="35"/>
      <c r="UOC149" s="35"/>
      <c r="UOD149" s="35"/>
      <c r="UOE149" s="35"/>
      <c r="UOF149" s="35"/>
      <c r="UOG149" s="35"/>
      <c r="UOH149" s="35"/>
      <c r="UOI149" s="35"/>
      <c r="UOJ149" s="35"/>
      <c r="UOK149" s="35"/>
      <c r="UOL149" s="35"/>
      <c r="UOM149" s="35"/>
      <c r="UON149" s="35"/>
      <c r="UOO149" s="35"/>
      <c r="UOP149" s="35"/>
      <c r="UOQ149" s="35"/>
      <c r="UOR149" s="35"/>
      <c r="UOS149" s="35"/>
      <c r="UOT149" s="35"/>
      <c r="UOU149" s="35"/>
      <c r="UOV149" s="35"/>
      <c r="UOW149" s="35"/>
      <c r="UOX149" s="35"/>
      <c r="UOY149" s="35"/>
      <c r="UOZ149" s="35"/>
      <c r="UPA149" s="35"/>
      <c r="UPB149" s="35"/>
      <c r="UPC149" s="35"/>
      <c r="UPD149" s="35"/>
      <c r="UPE149" s="35"/>
      <c r="UPF149" s="35"/>
      <c r="UPG149" s="35"/>
      <c r="UPH149" s="35"/>
      <c r="UPI149" s="35"/>
      <c r="UPJ149" s="35"/>
      <c r="UPK149" s="35"/>
      <c r="UPL149" s="35"/>
      <c r="UPM149" s="35"/>
      <c r="UPN149" s="35"/>
      <c r="UPO149" s="35"/>
      <c r="UPP149" s="35"/>
      <c r="UPQ149" s="35"/>
      <c r="UPR149" s="35"/>
      <c r="UPS149" s="35"/>
      <c r="UPT149" s="35"/>
      <c r="UPU149" s="35"/>
      <c r="UPV149" s="35"/>
      <c r="UPW149" s="35"/>
      <c r="UPX149" s="35"/>
      <c r="UPY149" s="35"/>
      <c r="UPZ149" s="35"/>
      <c r="UQA149" s="35"/>
      <c r="UQB149" s="35"/>
      <c r="UQC149" s="35"/>
      <c r="UQD149" s="35"/>
      <c r="UQE149" s="35"/>
      <c r="UQF149" s="35"/>
      <c r="UQG149" s="35"/>
      <c r="UQH149" s="35"/>
      <c r="UQI149" s="35"/>
      <c r="UQJ149" s="35"/>
      <c r="UQK149" s="35"/>
      <c r="UQL149" s="35"/>
      <c r="UQM149" s="35"/>
      <c r="UQN149" s="35"/>
      <c r="UQO149" s="35"/>
      <c r="UQP149" s="35"/>
      <c r="UQQ149" s="35"/>
      <c r="UQR149" s="35"/>
      <c r="UQS149" s="35"/>
      <c r="UQT149" s="35"/>
      <c r="UQU149" s="35"/>
      <c r="UQV149" s="35"/>
      <c r="UQW149" s="35"/>
      <c r="UQX149" s="35"/>
      <c r="UQY149" s="35"/>
      <c r="UQZ149" s="35"/>
      <c r="URA149" s="35"/>
      <c r="URB149" s="35"/>
      <c r="URC149" s="35"/>
      <c r="URD149" s="35"/>
      <c r="URE149" s="35"/>
      <c r="URF149" s="35"/>
      <c r="URG149" s="35"/>
      <c r="URH149" s="35"/>
      <c r="URI149" s="35"/>
      <c r="URJ149" s="35"/>
      <c r="URK149" s="35"/>
      <c r="URL149" s="35"/>
      <c r="URM149" s="35"/>
      <c r="URN149" s="35"/>
      <c r="URO149" s="35"/>
      <c r="URP149" s="35"/>
      <c r="URQ149" s="35"/>
      <c r="URR149" s="35"/>
      <c r="URS149" s="35"/>
      <c r="URT149" s="35"/>
      <c r="URU149" s="35"/>
      <c r="URV149" s="35"/>
      <c r="URW149" s="35"/>
      <c r="URX149" s="35"/>
      <c r="URY149" s="35"/>
      <c r="URZ149" s="35"/>
      <c r="USA149" s="35"/>
      <c r="USB149" s="35"/>
      <c r="USC149" s="35"/>
      <c r="USD149" s="35"/>
      <c r="USE149" s="35"/>
      <c r="USF149" s="35"/>
      <c r="USG149" s="35"/>
      <c r="USH149" s="35"/>
      <c r="USI149" s="35"/>
      <c r="USJ149" s="35"/>
      <c r="USK149" s="35"/>
      <c r="USL149" s="35"/>
      <c r="USM149" s="35"/>
      <c r="USN149" s="35"/>
      <c r="USO149" s="35"/>
      <c r="USP149" s="35"/>
      <c r="USQ149" s="35"/>
      <c r="USR149" s="35"/>
      <c r="USS149" s="35"/>
      <c r="UST149" s="35"/>
      <c r="USU149" s="35"/>
      <c r="USV149" s="35"/>
      <c r="USW149" s="35"/>
      <c r="USX149" s="35"/>
      <c r="USY149" s="35"/>
      <c r="USZ149" s="35"/>
      <c r="UTA149" s="35"/>
      <c r="UTB149" s="35"/>
      <c r="UTC149" s="35"/>
      <c r="UTD149" s="35"/>
      <c r="UTE149" s="35"/>
      <c r="UTF149" s="35"/>
      <c r="UTG149" s="35"/>
      <c r="UTH149" s="35"/>
      <c r="UTI149" s="35"/>
      <c r="UTJ149" s="35"/>
      <c r="UTK149" s="35"/>
      <c r="UTL149" s="35"/>
      <c r="UTM149" s="35"/>
      <c r="UTN149" s="35"/>
      <c r="UTO149" s="35"/>
      <c r="UTP149" s="35"/>
      <c r="UTQ149" s="35"/>
      <c r="UTR149" s="35"/>
      <c r="UTS149" s="35"/>
      <c r="UTT149" s="35"/>
      <c r="UTU149" s="35"/>
      <c r="UTV149" s="35"/>
      <c r="UTW149" s="35"/>
      <c r="UTX149" s="35"/>
      <c r="UTY149" s="35"/>
      <c r="UTZ149" s="35"/>
      <c r="UUA149" s="35"/>
      <c r="UUB149" s="35"/>
      <c r="UUC149" s="35"/>
      <c r="UUD149" s="35"/>
      <c r="UUE149" s="35"/>
      <c r="UUF149" s="35"/>
      <c r="UUG149" s="35"/>
      <c r="UUH149" s="35"/>
      <c r="UUI149" s="35"/>
      <c r="UUJ149" s="35"/>
      <c r="UUK149" s="35"/>
      <c r="UUL149" s="35"/>
      <c r="UUM149" s="35"/>
      <c r="UUN149" s="35"/>
      <c r="UUO149" s="35"/>
      <c r="UUP149" s="35"/>
      <c r="UUQ149" s="35"/>
      <c r="UUR149" s="35"/>
      <c r="UUS149" s="35"/>
      <c r="UUT149" s="35"/>
      <c r="UUU149" s="35"/>
      <c r="UUV149" s="35"/>
      <c r="UUW149" s="35"/>
      <c r="UUX149" s="35"/>
      <c r="UUY149" s="35"/>
      <c r="UUZ149" s="35"/>
      <c r="UVA149" s="35"/>
      <c r="UVB149" s="35"/>
      <c r="UVC149" s="35"/>
      <c r="UVD149" s="35"/>
      <c r="UVE149" s="35"/>
      <c r="UVF149" s="35"/>
      <c r="UVG149" s="35"/>
      <c r="UVH149" s="35"/>
      <c r="UVI149" s="35"/>
      <c r="UVJ149" s="35"/>
      <c r="UVK149" s="35"/>
      <c r="UVL149" s="35"/>
      <c r="UVM149" s="35"/>
      <c r="UVN149" s="35"/>
      <c r="UVO149" s="35"/>
      <c r="UVP149" s="35"/>
      <c r="UVQ149" s="35"/>
      <c r="UVR149" s="35"/>
      <c r="UVS149" s="35"/>
      <c r="UVT149" s="35"/>
      <c r="UVU149" s="35"/>
      <c r="UVV149" s="35"/>
      <c r="UVW149" s="35"/>
      <c r="UVX149" s="35"/>
      <c r="UVY149" s="35"/>
      <c r="UVZ149" s="35"/>
      <c r="UWA149" s="35"/>
      <c r="UWB149" s="35"/>
      <c r="UWC149" s="35"/>
      <c r="UWD149" s="35"/>
      <c r="UWE149" s="35"/>
      <c r="UWF149" s="35"/>
      <c r="UWG149" s="35"/>
      <c r="UWH149" s="35"/>
      <c r="UWI149" s="35"/>
      <c r="UWJ149" s="35"/>
      <c r="UWK149" s="35"/>
      <c r="UWL149" s="35"/>
      <c r="UWM149" s="35"/>
      <c r="UWN149" s="35"/>
      <c r="UWO149" s="35"/>
      <c r="UWP149" s="35"/>
      <c r="UWQ149" s="35"/>
      <c r="UWR149" s="35"/>
      <c r="UWS149" s="35"/>
      <c r="UWT149" s="35"/>
      <c r="UWU149" s="35"/>
      <c r="UWV149" s="35"/>
      <c r="UWW149" s="35"/>
      <c r="UWX149" s="35"/>
      <c r="UWY149" s="35"/>
      <c r="UWZ149" s="35"/>
      <c r="UXA149" s="35"/>
      <c r="UXB149" s="35"/>
      <c r="UXC149" s="35"/>
      <c r="UXD149" s="35"/>
      <c r="UXE149" s="35"/>
      <c r="UXF149" s="35"/>
      <c r="UXG149" s="35"/>
      <c r="UXH149" s="35"/>
      <c r="UXI149" s="35"/>
      <c r="UXJ149" s="35"/>
      <c r="UXK149" s="35"/>
      <c r="UXL149" s="35"/>
      <c r="UXM149" s="35"/>
      <c r="UXN149" s="35"/>
      <c r="UXO149" s="35"/>
      <c r="UXP149" s="35"/>
      <c r="UXQ149" s="35"/>
      <c r="UXR149" s="35"/>
      <c r="UXS149" s="35"/>
      <c r="UXT149" s="35"/>
      <c r="UXU149" s="35"/>
      <c r="UXV149" s="35"/>
      <c r="UXW149" s="35"/>
      <c r="UXX149" s="35"/>
      <c r="UXY149" s="35"/>
      <c r="UXZ149" s="35"/>
      <c r="UYA149" s="35"/>
      <c r="UYB149" s="35"/>
      <c r="UYC149" s="35"/>
      <c r="UYD149" s="35"/>
      <c r="UYE149" s="35"/>
      <c r="UYF149" s="35"/>
      <c r="UYG149" s="35"/>
      <c r="UYH149" s="35"/>
      <c r="UYI149" s="35"/>
      <c r="UYJ149" s="35"/>
      <c r="UYK149" s="35"/>
      <c r="UYL149" s="35"/>
      <c r="UYM149" s="35"/>
      <c r="UYN149" s="35"/>
      <c r="UYO149" s="35"/>
      <c r="UYP149" s="35"/>
      <c r="UYQ149" s="35"/>
      <c r="UYR149" s="35"/>
      <c r="UYS149" s="35"/>
      <c r="UYT149" s="35"/>
      <c r="UYU149" s="35"/>
      <c r="UYV149" s="35"/>
      <c r="UYW149" s="35"/>
      <c r="UYX149" s="35"/>
      <c r="UYY149" s="35"/>
      <c r="UYZ149" s="35"/>
      <c r="UZA149" s="35"/>
      <c r="UZB149" s="35"/>
      <c r="UZC149" s="35"/>
      <c r="UZD149" s="35"/>
      <c r="UZE149" s="35"/>
      <c r="UZF149" s="35"/>
      <c r="UZG149" s="35"/>
      <c r="UZH149" s="35"/>
      <c r="UZI149" s="35"/>
      <c r="UZJ149" s="35"/>
      <c r="UZK149" s="35"/>
      <c r="UZL149" s="35"/>
      <c r="UZM149" s="35"/>
      <c r="UZN149" s="35"/>
      <c r="UZO149" s="35"/>
      <c r="UZP149" s="35"/>
      <c r="UZQ149" s="35"/>
      <c r="UZR149" s="35"/>
      <c r="UZS149" s="35"/>
      <c r="UZT149" s="35"/>
      <c r="UZU149" s="35"/>
      <c r="UZV149" s="35"/>
      <c r="UZW149" s="35"/>
      <c r="UZX149" s="35"/>
      <c r="UZY149" s="35"/>
      <c r="UZZ149" s="35"/>
      <c r="VAA149" s="35"/>
      <c r="VAB149" s="35"/>
      <c r="VAC149" s="35"/>
      <c r="VAD149" s="35"/>
      <c r="VAE149" s="35"/>
      <c r="VAF149" s="35"/>
      <c r="VAG149" s="35"/>
      <c r="VAH149" s="35"/>
      <c r="VAI149" s="35"/>
      <c r="VAJ149" s="35"/>
      <c r="VAK149" s="35"/>
      <c r="VAL149" s="35"/>
      <c r="VAM149" s="35"/>
      <c r="VAN149" s="35"/>
      <c r="VAO149" s="35"/>
      <c r="VAP149" s="35"/>
      <c r="VAQ149" s="35"/>
      <c r="VAR149" s="35"/>
      <c r="VAS149" s="35"/>
      <c r="VAT149" s="35"/>
      <c r="VAU149" s="35"/>
      <c r="VAV149" s="35"/>
      <c r="VAW149" s="35"/>
      <c r="VAX149" s="35"/>
      <c r="VAY149" s="35"/>
      <c r="VAZ149" s="35"/>
      <c r="VBA149" s="35"/>
      <c r="VBB149" s="35"/>
      <c r="VBC149" s="35"/>
      <c r="VBD149" s="35"/>
      <c r="VBE149" s="35"/>
      <c r="VBF149" s="35"/>
      <c r="VBG149" s="35"/>
      <c r="VBH149" s="35"/>
      <c r="VBI149" s="35"/>
      <c r="VBJ149" s="35"/>
      <c r="VBK149" s="35"/>
      <c r="VBL149" s="35"/>
      <c r="VBM149" s="35"/>
      <c r="VBN149" s="35"/>
      <c r="VBO149" s="35"/>
      <c r="VBP149" s="35"/>
      <c r="VBQ149" s="35"/>
      <c r="VBR149" s="35"/>
      <c r="VBS149" s="35"/>
      <c r="VBT149" s="35"/>
      <c r="VBU149" s="35"/>
      <c r="VBV149" s="35"/>
      <c r="VBW149" s="35"/>
      <c r="VBX149" s="35"/>
      <c r="VBY149" s="35"/>
      <c r="VBZ149" s="35"/>
      <c r="VCA149" s="35"/>
      <c r="VCB149" s="35"/>
      <c r="VCC149" s="35"/>
      <c r="VCD149" s="35"/>
      <c r="VCE149" s="35"/>
      <c r="VCF149" s="35"/>
      <c r="VCG149" s="35"/>
      <c r="VCH149" s="35"/>
      <c r="VCI149" s="35"/>
      <c r="VCJ149" s="35"/>
      <c r="VCK149" s="35"/>
      <c r="VCL149" s="35"/>
      <c r="VCM149" s="35"/>
      <c r="VCN149" s="35"/>
      <c r="VCO149" s="35"/>
      <c r="VCP149" s="35"/>
      <c r="VCQ149" s="35"/>
      <c r="VCR149" s="35"/>
      <c r="VCS149" s="35"/>
      <c r="VCT149" s="35"/>
      <c r="VCU149" s="35"/>
      <c r="VCV149" s="35"/>
      <c r="VCW149" s="35"/>
      <c r="VCX149" s="35"/>
      <c r="VCY149" s="35"/>
      <c r="VCZ149" s="35"/>
      <c r="VDA149" s="35"/>
      <c r="VDB149" s="35"/>
      <c r="VDC149" s="35"/>
      <c r="VDD149" s="35"/>
      <c r="VDE149" s="35"/>
      <c r="VDF149" s="35"/>
      <c r="VDG149" s="35"/>
      <c r="VDH149" s="35"/>
      <c r="VDI149" s="35"/>
      <c r="VDJ149" s="35"/>
      <c r="VDK149" s="35"/>
      <c r="VDL149" s="35"/>
      <c r="VDM149" s="35"/>
      <c r="VDN149" s="35"/>
      <c r="VDO149" s="35"/>
      <c r="VDP149" s="35"/>
      <c r="VDQ149" s="35"/>
      <c r="VDR149" s="35"/>
      <c r="VDS149" s="35"/>
      <c r="VDT149" s="35"/>
      <c r="VDU149" s="35"/>
      <c r="VDV149" s="35"/>
      <c r="VDW149" s="35"/>
      <c r="VDX149" s="35"/>
      <c r="VDY149" s="35"/>
      <c r="VDZ149" s="35"/>
      <c r="VEA149" s="35"/>
      <c r="VEB149" s="35"/>
      <c r="VEC149" s="35"/>
      <c r="VED149" s="35"/>
      <c r="VEE149" s="35"/>
      <c r="VEF149" s="35"/>
      <c r="VEG149" s="35"/>
      <c r="VEH149" s="35"/>
      <c r="VEI149" s="35"/>
      <c r="VEJ149" s="35"/>
      <c r="VEK149" s="35"/>
      <c r="VEL149" s="35"/>
      <c r="VEM149" s="35"/>
      <c r="VEN149" s="35"/>
      <c r="VEO149" s="35"/>
      <c r="VEP149" s="35"/>
      <c r="VEQ149" s="35"/>
      <c r="VER149" s="35"/>
      <c r="VES149" s="35"/>
      <c r="VET149" s="35"/>
      <c r="VEU149" s="35"/>
      <c r="VEV149" s="35"/>
      <c r="VEW149" s="35"/>
      <c r="VEX149" s="35"/>
      <c r="VEY149" s="35"/>
      <c r="VEZ149" s="35"/>
      <c r="VFA149" s="35"/>
      <c r="VFB149" s="35"/>
      <c r="VFC149" s="35"/>
      <c r="VFD149" s="35"/>
      <c r="VFE149" s="35"/>
      <c r="VFF149" s="35"/>
      <c r="VFG149" s="35"/>
      <c r="VFH149" s="35"/>
      <c r="VFI149" s="35"/>
      <c r="VFJ149" s="35"/>
      <c r="VFK149" s="35"/>
      <c r="VFL149" s="35"/>
      <c r="VFM149" s="35"/>
      <c r="VFN149" s="35"/>
      <c r="VFO149" s="35"/>
      <c r="VFP149" s="35"/>
      <c r="VFQ149" s="35"/>
      <c r="VFR149" s="35"/>
      <c r="VFS149" s="35"/>
      <c r="VFT149" s="35"/>
      <c r="VFU149" s="35"/>
      <c r="VFV149" s="35"/>
      <c r="VFW149" s="35"/>
      <c r="VFX149" s="35"/>
      <c r="VFY149" s="35"/>
      <c r="VFZ149" s="35"/>
      <c r="VGA149" s="35"/>
      <c r="VGB149" s="35"/>
      <c r="VGC149" s="35"/>
      <c r="VGD149" s="35"/>
      <c r="VGE149" s="35"/>
      <c r="VGF149" s="35"/>
      <c r="VGG149" s="35"/>
      <c r="VGH149" s="35"/>
      <c r="VGI149" s="35"/>
      <c r="VGJ149" s="35"/>
      <c r="VGK149" s="35"/>
      <c r="VGL149" s="35"/>
      <c r="VGM149" s="35"/>
      <c r="VGN149" s="35"/>
      <c r="VGO149" s="35"/>
      <c r="VGP149" s="35"/>
      <c r="VGQ149" s="35"/>
      <c r="VGR149" s="35"/>
      <c r="VGS149" s="35"/>
      <c r="VGT149" s="35"/>
      <c r="VGU149" s="35"/>
      <c r="VGV149" s="35"/>
      <c r="VGW149" s="35"/>
      <c r="VGX149" s="35"/>
      <c r="VGY149" s="35"/>
      <c r="VGZ149" s="35"/>
      <c r="VHA149" s="35"/>
      <c r="VHB149" s="35"/>
      <c r="VHC149" s="35"/>
      <c r="VHD149" s="35"/>
      <c r="VHE149" s="35"/>
      <c r="VHF149" s="35"/>
      <c r="VHG149" s="35"/>
      <c r="VHH149" s="35"/>
      <c r="VHI149" s="35"/>
      <c r="VHJ149" s="35"/>
      <c r="VHK149" s="35"/>
      <c r="VHL149" s="35"/>
      <c r="VHM149" s="35"/>
      <c r="VHN149" s="35"/>
      <c r="VHO149" s="35"/>
      <c r="VHP149" s="35"/>
      <c r="VHQ149" s="35"/>
      <c r="VHR149" s="35"/>
      <c r="VHS149" s="35"/>
      <c r="VHT149" s="35"/>
      <c r="VHU149" s="35"/>
      <c r="VHV149" s="35"/>
      <c r="VHW149" s="35"/>
      <c r="VHX149" s="35"/>
      <c r="VHY149" s="35"/>
      <c r="VHZ149" s="35"/>
      <c r="VIA149" s="35"/>
      <c r="VIB149" s="35"/>
      <c r="VIC149" s="35"/>
      <c r="VID149" s="35"/>
      <c r="VIE149" s="35"/>
      <c r="VIF149" s="35"/>
      <c r="VIG149" s="35"/>
      <c r="VIH149" s="35"/>
      <c r="VII149" s="35"/>
      <c r="VIJ149" s="35"/>
      <c r="VIK149" s="35"/>
      <c r="VIL149" s="35"/>
      <c r="VIM149" s="35"/>
      <c r="VIN149" s="35"/>
      <c r="VIO149" s="35"/>
      <c r="VIP149" s="35"/>
      <c r="VIQ149" s="35"/>
      <c r="VIR149" s="35"/>
      <c r="VIS149" s="35"/>
      <c r="VIT149" s="35"/>
      <c r="VIU149" s="35"/>
      <c r="VIV149" s="35"/>
      <c r="VIW149" s="35"/>
      <c r="VIX149" s="35"/>
      <c r="VIY149" s="35"/>
      <c r="VIZ149" s="35"/>
      <c r="VJA149" s="35"/>
      <c r="VJB149" s="35"/>
      <c r="VJC149" s="35"/>
      <c r="VJD149" s="35"/>
      <c r="VJE149" s="35"/>
      <c r="VJF149" s="35"/>
      <c r="VJG149" s="35"/>
      <c r="VJH149" s="35"/>
      <c r="VJI149" s="35"/>
      <c r="VJJ149" s="35"/>
      <c r="VJK149" s="35"/>
      <c r="VJL149" s="35"/>
      <c r="VJM149" s="35"/>
      <c r="VJN149" s="35"/>
      <c r="VJO149" s="35"/>
      <c r="VJP149" s="35"/>
      <c r="VJQ149" s="35"/>
      <c r="VJR149" s="35"/>
      <c r="VJS149" s="35"/>
      <c r="VJT149" s="35"/>
      <c r="VJU149" s="35"/>
      <c r="VJV149" s="35"/>
      <c r="VJW149" s="35"/>
      <c r="VJX149" s="35"/>
      <c r="VJY149" s="35"/>
      <c r="VJZ149" s="35"/>
      <c r="VKA149" s="35"/>
      <c r="VKB149" s="35"/>
      <c r="VKC149" s="35"/>
      <c r="VKD149" s="35"/>
      <c r="VKE149" s="35"/>
      <c r="VKF149" s="35"/>
      <c r="VKG149" s="35"/>
      <c r="VKH149" s="35"/>
      <c r="VKI149" s="35"/>
      <c r="VKJ149" s="35"/>
      <c r="VKK149" s="35"/>
      <c r="VKL149" s="35"/>
      <c r="VKM149" s="35"/>
      <c r="VKN149" s="35"/>
      <c r="VKO149" s="35"/>
      <c r="VKP149" s="35"/>
      <c r="VKQ149" s="35"/>
      <c r="VKR149" s="35"/>
      <c r="VKS149" s="35"/>
      <c r="VKT149" s="35"/>
      <c r="VKU149" s="35"/>
      <c r="VKV149" s="35"/>
      <c r="VKW149" s="35"/>
      <c r="VKX149" s="35"/>
      <c r="VKY149" s="35"/>
      <c r="VKZ149" s="35"/>
      <c r="VLA149" s="35"/>
      <c r="VLB149" s="35"/>
      <c r="VLC149" s="35"/>
      <c r="VLD149" s="35"/>
      <c r="VLE149" s="35"/>
      <c r="VLF149" s="35"/>
      <c r="VLG149" s="35"/>
      <c r="VLH149" s="35"/>
      <c r="VLI149" s="35"/>
      <c r="VLJ149" s="35"/>
      <c r="VLK149" s="35"/>
      <c r="VLL149" s="35"/>
      <c r="VLM149" s="35"/>
      <c r="VLN149" s="35"/>
      <c r="VLO149" s="35"/>
      <c r="VLP149" s="35"/>
      <c r="VLQ149" s="35"/>
      <c r="VLR149" s="35"/>
      <c r="VLS149" s="35"/>
      <c r="VLT149" s="35"/>
      <c r="VLU149" s="35"/>
      <c r="VLV149" s="35"/>
      <c r="VLW149" s="35"/>
      <c r="VLX149" s="35"/>
      <c r="VLY149" s="35"/>
      <c r="VLZ149" s="35"/>
      <c r="VMA149" s="35"/>
      <c r="VMB149" s="35"/>
      <c r="VMC149" s="35"/>
      <c r="VMD149" s="35"/>
      <c r="VME149" s="35"/>
      <c r="VMF149" s="35"/>
      <c r="VMG149" s="35"/>
      <c r="VMH149" s="35"/>
      <c r="VMI149" s="35"/>
      <c r="VMJ149" s="35"/>
      <c r="VMK149" s="35"/>
      <c r="VML149" s="35"/>
      <c r="VMM149" s="35"/>
      <c r="VMN149" s="35"/>
      <c r="VMO149" s="35"/>
      <c r="VMP149" s="35"/>
      <c r="VMQ149" s="35"/>
      <c r="VMR149" s="35"/>
      <c r="VMS149" s="35"/>
      <c r="VMT149" s="35"/>
      <c r="VMU149" s="35"/>
      <c r="VMV149" s="35"/>
      <c r="VMW149" s="35"/>
      <c r="VMX149" s="35"/>
      <c r="VMY149" s="35"/>
      <c r="VMZ149" s="35"/>
      <c r="VNA149" s="35"/>
      <c r="VNB149" s="35"/>
      <c r="VNC149" s="35"/>
      <c r="VND149" s="35"/>
      <c r="VNE149" s="35"/>
      <c r="VNF149" s="35"/>
      <c r="VNG149" s="35"/>
      <c r="VNH149" s="35"/>
      <c r="VNI149" s="35"/>
      <c r="VNJ149" s="35"/>
      <c r="VNK149" s="35"/>
      <c r="VNL149" s="35"/>
      <c r="VNM149" s="35"/>
      <c r="VNN149" s="35"/>
      <c r="VNO149" s="35"/>
      <c r="VNP149" s="35"/>
      <c r="VNQ149" s="35"/>
      <c r="VNR149" s="35"/>
      <c r="VNS149" s="35"/>
      <c r="VNT149" s="35"/>
      <c r="VNU149" s="35"/>
      <c r="VNV149" s="35"/>
      <c r="VNW149" s="35"/>
      <c r="VNX149" s="35"/>
      <c r="VNY149" s="35"/>
      <c r="VNZ149" s="35"/>
      <c r="VOA149" s="35"/>
      <c r="VOB149" s="35"/>
      <c r="VOC149" s="35"/>
      <c r="VOD149" s="35"/>
      <c r="VOE149" s="35"/>
      <c r="VOF149" s="35"/>
      <c r="VOG149" s="35"/>
      <c r="VOH149" s="35"/>
      <c r="VOI149" s="35"/>
      <c r="VOJ149" s="35"/>
      <c r="VOK149" s="35"/>
      <c r="VOL149" s="35"/>
      <c r="VOM149" s="35"/>
      <c r="VON149" s="35"/>
      <c r="VOO149" s="35"/>
      <c r="VOP149" s="35"/>
      <c r="VOQ149" s="35"/>
      <c r="VOR149" s="35"/>
      <c r="VOS149" s="35"/>
      <c r="VOT149" s="35"/>
      <c r="VOU149" s="35"/>
      <c r="VOV149" s="35"/>
      <c r="VOW149" s="35"/>
      <c r="VOX149" s="35"/>
      <c r="VOY149" s="35"/>
      <c r="VOZ149" s="35"/>
      <c r="VPA149" s="35"/>
      <c r="VPB149" s="35"/>
      <c r="VPC149" s="35"/>
      <c r="VPD149" s="35"/>
      <c r="VPE149" s="35"/>
      <c r="VPF149" s="35"/>
      <c r="VPG149" s="35"/>
      <c r="VPH149" s="35"/>
      <c r="VPI149" s="35"/>
      <c r="VPJ149" s="35"/>
      <c r="VPK149" s="35"/>
      <c r="VPL149" s="35"/>
      <c r="VPM149" s="35"/>
      <c r="VPN149" s="35"/>
      <c r="VPO149" s="35"/>
      <c r="VPP149" s="35"/>
      <c r="VPQ149" s="35"/>
      <c r="VPR149" s="35"/>
      <c r="VPS149" s="35"/>
      <c r="VPT149" s="35"/>
      <c r="VPU149" s="35"/>
      <c r="VPV149" s="35"/>
      <c r="VPW149" s="35"/>
      <c r="VPX149" s="35"/>
      <c r="VPY149" s="35"/>
      <c r="VPZ149" s="35"/>
      <c r="VQA149" s="35"/>
      <c r="VQB149" s="35"/>
      <c r="VQC149" s="35"/>
      <c r="VQD149" s="35"/>
      <c r="VQE149" s="35"/>
      <c r="VQF149" s="35"/>
      <c r="VQG149" s="35"/>
      <c r="VQH149" s="35"/>
      <c r="VQI149" s="35"/>
      <c r="VQJ149" s="35"/>
      <c r="VQK149" s="35"/>
      <c r="VQL149" s="35"/>
      <c r="VQM149" s="35"/>
      <c r="VQN149" s="35"/>
      <c r="VQO149" s="35"/>
      <c r="VQP149" s="35"/>
      <c r="VQQ149" s="35"/>
      <c r="VQR149" s="35"/>
      <c r="VQS149" s="35"/>
      <c r="VQT149" s="35"/>
      <c r="VQU149" s="35"/>
      <c r="VQV149" s="35"/>
      <c r="VQW149" s="35"/>
      <c r="VQX149" s="35"/>
      <c r="VQY149" s="35"/>
      <c r="VQZ149" s="35"/>
      <c r="VRA149" s="35"/>
      <c r="VRB149" s="35"/>
      <c r="VRC149" s="35"/>
      <c r="VRD149" s="35"/>
      <c r="VRE149" s="35"/>
      <c r="VRF149" s="35"/>
      <c r="VRG149" s="35"/>
      <c r="VRH149" s="35"/>
      <c r="VRI149" s="35"/>
      <c r="VRJ149" s="35"/>
      <c r="VRK149" s="35"/>
      <c r="VRL149" s="35"/>
      <c r="VRM149" s="35"/>
      <c r="VRN149" s="35"/>
      <c r="VRO149" s="35"/>
      <c r="VRP149" s="35"/>
      <c r="VRQ149" s="35"/>
      <c r="VRR149" s="35"/>
      <c r="VRS149" s="35"/>
      <c r="VRT149" s="35"/>
      <c r="VRU149" s="35"/>
      <c r="VRV149" s="35"/>
      <c r="VRW149" s="35"/>
      <c r="VRX149" s="35"/>
      <c r="VRY149" s="35"/>
      <c r="VRZ149" s="35"/>
      <c r="VSA149" s="35"/>
      <c r="VSB149" s="35"/>
      <c r="VSC149" s="35"/>
      <c r="VSD149" s="35"/>
      <c r="VSE149" s="35"/>
      <c r="VSF149" s="35"/>
      <c r="VSG149" s="35"/>
      <c r="VSH149" s="35"/>
      <c r="VSI149" s="35"/>
      <c r="VSJ149" s="35"/>
      <c r="VSK149" s="35"/>
      <c r="VSL149" s="35"/>
      <c r="VSM149" s="35"/>
      <c r="VSN149" s="35"/>
      <c r="VSO149" s="35"/>
      <c r="VSP149" s="35"/>
      <c r="VSQ149" s="35"/>
      <c r="VSR149" s="35"/>
      <c r="VSS149" s="35"/>
      <c r="VST149" s="35"/>
      <c r="VSU149" s="35"/>
      <c r="VSV149" s="35"/>
      <c r="VSW149" s="35"/>
      <c r="VSX149" s="35"/>
      <c r="VSY149" s="35"/>
      <c r="VSZ149" s="35"/>
      <c r="VTA149" s="35"/>
      <c r="VTB149" s="35"/>
      <c r="VTC149" s="35"/>
      <c r="VTD149" s="35"/>
      <c r="VTE149" s="35"/>
      <c r="VTF149" s="35"/>
      <c r="VTG149" s="35"/>
      <c r="VTH149" s="35"/>
      <c r="VTI149" s="35"/>
      <c r="VTJ149" s="35"/>
      <c r="VTK149" s="35"/>
      <c r="VTL149" s="35"/>
      <c r="VTM149" s="35"/>
      <c r="VTN149" s="35"/>
      <c r="VTO149" s="35"/>
      <c r="VTP149" s="35"/>
      <c r="VTQ149" s="35"/>
      <c r="VTR149" s="35"/>
      <c r="VTS149" s="35"/>
      <c r="VTT149" s="35"/>
      <c r="VTU149" s="35"/>
      <c r="VTV149" s="35"/>
      <c r="VTW149" s="35"/>
      <c r="VTX149" s="35"/>
      <c r="VTY149" s="35"/>
      <c r="VTZ149" s="35"/>
      <c r="VUA149" s="35"/>
      <c r="VUB149" s="35"/>
      <c r="VUC149" s="35"/>
      <c r="VUD149" s="35"/>
      <c r="VUE149" s="35"/>
      <c r="VUF149" s="35"/>
      <c r="VUG149" s="35"/>
      <c r="VUH149" s="35"/>
      <c r="VUI149" s="35"/>
      <c r="VUJ149" s="35"/>
      <c r="VUK149" s="35"/>
      <c r="VUL149" s="35"/>
      <c r="VUM149" s="35"/>
      <c r="VUN149" s="35"/>
      <c r="VUO149" s="35"/>
      <c r="VUP149" s="35"/>
      <c r="VUQ149" s="35"/>
      <c r="VUR149" s="35"/>
      <c r="VUS149" s="35"/>
      <c r="VUT149" s="35"/>
      <c r="VUU149" s="35"/>
      <c r="VUV149" s="35"/>
      <c r="VUW149" s="35"/>
      <c r="VUX149" s="35"/>
      <c r="VUY149" s="35"/>
      <c r="VUZ149" s="35"/>
      <c r="VVA149" s="35"/>
      <c r="VVB149" s="35"/>
      <c r="VVC149" s="35"/>
      <c r="VVD149" s="35"/>
      <c r="VVE149" s="35"/>
      <c r="VVF149" s="35"/>
      <c r="VVG149" s="35"/>
      <c r="VVH149" s="35"/>
      <c r="VVI149" s="35"/>
      <c r="VVJ149" s="35"/>
      <c r="VVK149" s="35"/>
      <c r="VVL149" s="35"/>
      <c r="VVM149" s="35"/>
      <c r="VVN149" s="35"/>
      <c r="VVO149" s="35"/>
      <c r="VVP149" s="35"/>
      <c r="VVQ149" s="35"/>
      <c r="VVR149" s="35"/>
      <c r="VVS149" s="35"/>
      <c r="VVT149" s="35"/>
      <c r="VVU149" s="35"/>
      <c r="VVV149" s="35"/>
      <c r="VVW149" s="35"/>
      <c r="VVX149" s="35"/>
      <c r="VVY149" s="35"/>
      <c r="VVZ149" s="35"/>
      <c r="VWA149" s="35"/>
      <c r="VWB149" s="35"/>
      <c r="VWC149" s="35"/>
      <c r="VWD149" s="35"/>
      <c r="VWE149" s="35"/>
      <c r="VWF149" s="35"/>
      <c r="VWG149" s="35"/>
      <c r="VWH149" s="35"/>
      <c r="VWI149" s="35"/>
      <c r="VWJ149" s="35"/>
      <c r="VWK149" s="35"/>
      <c r="VWL149" s="35"/>
      <c r="VWM149" s="35"/>
      <c r="VWN149" s="35"/>
      <c r="VWO149" s="35"/>
      <c r="VWP149" s="35"/>
      <c r="VWQ149" s="35"/>
      <c r="VWR149" s="35"/>
      <c r="VWS149" s="35"/>
      <c r="VWT149" s="35"/>
      <c r="VWU149" s="35"/>
      <c r="VWV149" s="35"/>
      <c r="VWW149" s="35"/>
      <c r="VWX149" s="35"/>
      <c r="VWY149" s="35"/>
      <c r="VWZ149" s="35"/>
      <c r="VXA149" s="35"/>
      <c r="VXB149" s="35"/>
      <c r="VXC149" s="35"/>
      <c r="VXD149" s="35"/>
      <c r="VXE149" s="35"/>
      <c r="VXF149" s="35"/>
      <c r="VXG149" s="35"/>
      <c r="VXH149" s="35"/>
      <c r="VXI149" s="35"/>
      <c r="VXJ149" s="35"/>
      <c r="VXK149" s="35"/>
      <c r="VXL149" s="35"/>
      <c r="VXM149" s="35"/>
      <c r="VXN149" s="35"/>
      <c r="VXO149" s="35"/>
      <c r="VXP149" s="35"/>
      <c r="VXQ149" s="35"/>
      <c r="VXR149" s="35"/>
      <c r="VXS149" s="35"/>
      <c r="VXT149" s="35"/>
      <c r="VXU149" s="35"/>
      <c r="VXV149" s="35"/>
      <c r="VXW149" s="35"/>
      <c r="VXX149" s="35"/>
      <c r="VXY149" s="35"/>
      <c r="VXZ149" s="35"/>
      <c r="VYA149" s="35"/>
      <c r="VYB149" s="35"/>
      <c r="VYC149" s="35"/>
      <c r="VYD149" s="35"/>
      <c r="VYE149" s="35"/>
      <c r="VYF149" s="35"/>
      <c r="VYG149" s="35"/>
      <c r="VYH149" s="35"/>
      <c r="VYI149" s="35"/>
      <c r="VYJ149" s="35"/>
      <c r="VYK149" s="35"/>
      <c r="VYL149" s="35"/>
      <c r="VYM149" s="35"/>
      <c r="VYN149" s="35"/>
      <c r="VYO149" s="35"/>
      <c r="VYP149" s="35"/>
      <c r="VYQ149" s="35"/>
      <c r="VYR149" s="35"/>
      <c r="VYS149" s="35"/>
      <c r="VYT149" s="35"/>
      <c r="VYU149" s="35"/>
      <c r="VYV149" s="35"/>
      <c r="VYW149" s="35"/>
      <c r="VYX149" s="35"/>
      <c r="VYY149" s="35"/>
      <c r="VYZ149" s="35"/>
      <c r="VZA149" s="35"/>
      <c r="VZB149" s="35"/>
      <c r="VZC149" s="35"/>
      <c r="VZD149" s="35"/>
      <c r="VZE149" s="35"/>
      <c r="VZF149" s="35"/>
      <c r="VZG149" s="35"/>
      <c r="VZH149" s="35"/>
      <c r="VZI149" s="35"/>
      <c r="VZJ149" s="35"/>
      <c r="VZK149" s="35"/>
      <c r="VZL149" s="35"/>
      <c r="VZM149" s="35"/>
      <c r="VZN149" s="35"/>
      <c r="VZO149" s="35"/>
      <c r="VZP149" s="35"/>
      <c r="VZQ149" s="35"/>
      <c r="VZR149" s="35"/>
      <c r="VZS149" s="35"/>
      <c r="VZT149" s="35"/>
      <c r="VZU149" s="35"/>
      <c r="VZV149" s="35"/>
      <c r="VZW149" s="35"/>
      <c r="VZX149" s="35"/>
      <c r="VZY149" s="35"/>
      <c r="VZZ149" s="35"/>
      <c r="WAA149" s="35"/>
      <c r="WAB149" s="35"/>
      <c r="WAC149" s="35"/>
      <c r="WAD149" s="35"/>
      <c r="WAE149" s="35"/>
      <c r="WAF149" s="35"/>
      <c r="WAG149" s="35"/>
      <c r="WAH149" s="35"/>
      <c r="WAI149" s="35"/>
      <c r="WAJ149" s="35"/>
      <c r="WAK149" s="35"/>
      <c r="WAL149" s="35"/>
      <c r="WAM149" s="35"/>
      <c r="WAN149" s="35"/>
      <c r="WAO149" s="35"/>
      <c r="WAP149" s="35"/>
      <c r="WAQ149" s="35"/>
      <c r="WAR149" s="35"/>
      <c r="WAS149" s="35"/>
      <c r="WAT149" s="35"/>
      <c r="WAU149" s="35"/>
      <c r="WAV149" s="35"/>
      <c r="WAW149" s="35"/>
      <c r="WAX149" s="35"/>
      <c r="WAY149" s="35"/>
      <c r="WAZ149" s="35"/>
      <c r="WBA149" s="35"/>
      <c r="WBB149" s="35"/>
      <c r="WBC149" s="35"/>
      <c r="WBD149" s="35"/>
      <c r="WBE149" s="35"/>
      <c r="WBF149" s="35"/>
      <c r="WBG149" s="35"/>
      <c r="WBH149" s="35"/>
      <c r="WBI149" s="35"/>
      <c r="WBJ149" s="35"/>
      <c r="WBK149" s="35"/>
      <c r="WBL149" s="35"/>
      <c r="WBM149" s="35"/>
      <c r="WBN149" s="35"/>
      <c r="WBO149" s="35"/>
      <c r="WBP149" s="35"/>
      <c r="WBQ149" s="35"/>
      <c r="WBR149" s="35"/>
      <c r="WBS149" s="35"/>
      <c r="WBT149" s="35"/>
      <c r="WBU149" s="35"/>
      <c r="WBV149" s="35"/>
      <c r="WBW149" s="35"/>
      <c r="WBX149" s="35"/>
      <c r="WBY149" s="35"/>
      <c r="WBZ149" s="35"/>
      <c r="WCA149" s="35"/>
      <c r="WCB149" s="35"/>
      <c r="WCC149" s="35"/>
      <c r="WCD149" s="35"/>
      <c r="WCE149" s="35"/>
      <c r="WCF149" s="35"/>
      <c r="WCG149" s="35"/>
      <c r="WCH149" s="35"/>
      <c r="WCI149" s="35"/>
      <c r="WCJ149" s="35"/>
      <c r="WCK149" s="35"/>
      <c r="WCL149" s="35"/>
      <c r="WCM149" s="35"/>
      <c r="WCN149" s="35"/>
      <c r="WCO149" s="35"/>
      <c r="WCP149" s="35"/>
      <c r="WCQ149" s="35"/>
      <c r="WCR149" s="35"/>
      <c r="WCS149" s="35"/>
      <c r="WCT149" s="35"/>
      <c r="WCU149" s="35"/>
      <c r="WCV149" s="35"/>
      <c r="WCW149" s="35"/>
      <c r="WCX149" s="35"/>
      <c r="WCY149" s="35"/>
      <c r="WCZ149" s="35"/>
      <c r="WDA149" s="35"/>
      <c r="WDB149" s="35"/>
      <c r="WDC149" s="35"/>
      <c r="WDD149" s="35"/>
      <c r="WDE149" s="35"/>
      <c r="WDF149" s="35"/>
      <c r="WDG149" s="35"/>
      <c r="WDH149" s="35"/>
      <c r="WDI149" s="35"/>
      <c r="WDJ149" s="35"/>
      <c r="WDK149" s="35"/>
      <c r="WDL149" s="35"/>
      <c r="WDM149" s="35"/>
      <c r="WDN149" s="35"/>
      <c r="WDO149" s="35"/>
      <c r="WDP149" s="35"/>
      <c r="WDQ149" s="35"/>
      <c r="WDR149" s="35"/>
      <c r="WDS149" s="35"/>
      <c r="WDT149" s="35"/>
      <c r="WDU149" s="35"/>
      <c r="WDV149" s="35"/>
      <c r="WDW149" s="35"/>
      <c r="WDX149" s="35"/>
      <c r="WDY149" s="35"/>
      <c r="WDZ149" s="35"/>
      <c r="WEA149" s="35"/>
      <c r="WEB149" s="35"/>
      <c r="WEC149" s="35"/>
      <c r="WED149" s="35"/>
      <c r="WEE149" s="35"/>
      <c r="WEF149" s="35"/>
      <c r="WEG149" s="35"/>
      <c r="WEH149" s="35"/>
      <c r="WEI149" s="35"/>
      <c r="WEJ149" s="35"/>
      <c r="WEK149" s="35"/>
      <c r="WEL149" s="35"/>
      <c r="WEM149" s="35"/>
      <c r="WEN149" s="35"/>
      <c r="WEO149" s="35"/>
      <c r="WEP149" s="35"/>
      <c r="WEQ149" s="35"/>
      <c r="WER149" s="35"/>
      <c r="WES149" s="35"/>
      <c r="WET149" s="35"/>
      <c r="WEU149" s="35"/>
      <c r="WEV149" s="35"/>
      <c r="WEW149" s="35"/>
      <c r="WEX149" s="35"/>
      <c r="WEY149" s="35"/>
      <c r="WEZ149" s="35"/>
      <c r="WFA149" s="35"/>
      <c r="WFB149" s="35"/>
      <c r="WFC149" s="35"/>
      <c r="WFD149" s="35"/>
      <c r="WFE149" s="35"/>
      <c r="WFF149" s="35"/>
      <c r="WFG149" s="35"/>
      <c r="WFH149" s="35"/>
      <c r="WFI149" s="35"/>
      <c r="WFJ149" s="35"/>
      <c r="WFK149" s="35"/>
      <c r="WFL149" s="35"/>
      <c r="WFM149" s="35"/>
      <c r="WFN149" s="35"/>
      <c r="WFO149" s="35"/>
      <c r="WFP149" s="35"/>
      <c r="WFQ149" s="35"/>
      <c r="WFR149" s="35"/>
      <c r="WFS149" s="35"/>
      <c r="WFT149" s="35"/>
      <c r="WFU149" s="35"/>
      <c r="WFV149" s="35"/>
      <c r="WFW149" s="35"/>
      <c r="WFX149" s="35"/>
      <c r="WFY149" s="35"/>
      <c r="WFZ149" s="35"/>
      <c r="WGA149" s="35"/>
      <c r="WGB149" s="35"/>
      <c r="WGC149" s="35"/>
      <c r="WGD149" s="35"/>
      <c r="WGE149" s="35"/>
      <c r="WGF149" s="35"/>
      <c r="WGG149" s="35"/>
      <c r="WGH149" s="35"/>
      <c r="WGI149" s="35"/>
      <c r="WGJ149" s="35"/>
      <c r="WGK149" s="35"/>
      <c r="WGL149" s="35"/>
      <c r="WGM149" s="35"/>
      <c r="WGN149" s="35"/>
      <c r="WGO149" s="35"/>
      <c r="WGP149" s="35"/>
      <c r="WGQ149" s="35"/>
      <c r="WGR149" s="35"/>
      <c r="WGS149" s="35"/>
      <c r="WGT149" s="35"/>
      <c r="WGU149" s="35"/>
      <c r="WGV149" s="35"/>
      <c r="WGW149" s="35"/>
      <c r="WGX149" s="35"/>
      <c r="WGY149" s="35"/>
      <c r="WGZ149" s="35"/>
      <c r="WHA149" s="35"/>
      <c r="WHB149" s="35"/>
      <c r="WHC149" s="35"/>
      <c r="WHD149" s="35"/>
      <c r="WHE149" s="35"/>
      <c r="WHF149" s="35"/>
      <c r="WHG149" s="35"/>
      <c r="WHH149" s="35"/>
      <c r="WHI149" s="35"/>
      <c r="WHJ149" s="35"/>
      <c r="WHK149" s="35"/>
      <c r="WHL149" s="35"/>
      <c r="WHM149" s="35"/>
      <c r="WHN149" s="35"/>
      <c r="WHO149" s="35"/>
      <c r="WHP149" s="35"/>
      <c r="WHQ149" s="35"/>
      <c r="WHR149" s="35"/>
      <c r="WHS149" s="35"/>
      <c r="WHT149" s="35"/>
      <c r="WHU149" s="35"/>
      <c r="WHV149" s="35"/>
      <c r="WHW149" s="35"/>
      <c r="WHX149" s="35"/>
      <c r="WHY149" s="35"/>
      <c r="WHZ149" s="35"/>
      <c r="WIA149" s="35"/>
      <c r="WIB149" s="35"/>
      <c r="WIC149" s="35"/>
      <c r="WID149" s="35"/>
      <c r="WIE149" s="35"/>
      <c r="WIF149" s="35"/>
      <c r="WIG149" s="35"/>
      <c r="WIH149" s="35"/>
      <c r="WII149" s="35"/>
      <c r="WIJ149" s="35"/>
      <c r="WIK149" s="35"/>
      <c r="WIL149" s="35"/>
      <c r="WIM149" s="35"/>
      <c r="WIN149" s="35"/>
      <c r="WIO149" s="35"/>
      <c r="WIP149" s="35"/>
      <c r="WIQ149" s="35"/>
      <c r="WIR149" s="35"/>
      <c r="WIS149" s="35"/>
      <c r="WIT149" s="35"/>
      <c r="WIU149" s="35"/>
      <c r="WIV149" s="35"/>
      <c r="WIW149" s="35"/>
      <c r="WIX149" s="35"/>
      <c r="WIY149" s="35"/>
      <c r="WIZ149" s="35"/>
      <c r="WJA149" s="35"/>
      <c r="WJB149" s="35"/>
      <c r="WJC149" s="35"/>
      <c r="WJD149" s="35"/>
      <c r="WJE149" s="35"/>
      <c r="WJF149" s="35"/>
      <c r="WJG149" s="35"/>
      <c r="WJH149" s="35"/>
      <c r="WJI149" s="35"/>
      <c r="WJJ149" s="35"/>
      <c r="WJK149" s="35"/>
      <c r="WJL149" s="35"/>
      <c r="WJM149" s="35"/>
      <c r="WJN149" s="35"/>
      <c r="WJO149" s="35"/>
      <c r="WJP149" s="35"/>
      <c r="WJQ149" s="35"/>
      <c r="WJR149" s="35"/>
      <c r="WJS149" s="35"/>
      <c r="WJT149" s="35"/>
      <c r="WJU149" s="35"/>
      <c r="WJV149" s="35"/>
      <c r="WJW149" s="35"/>
      <c r="WJX149" s="35"/>
      <c r="WJY149" s="35"/>
      <c r="WJZ149" s="35"/>
      <c r="WKA149" s="35"/>
      <c r="WKB149" s="35"/>
      <c r="WKC149" s="35"/>
      <c r="WKD149" s="35"/>
      <c r="WKE149" s="35"/>
      <c r="WKF149" s="35"/>
      <c r="WKG149" s="35"/>
      <c r="WKH149" s="35"/>
      <c r="WKI149" s="35"/>
      <c r="WKJ149" s="35"/>
      <c r="WKK149" s="35"/>
      <c r="WKL149" s="35"/>
      <c r="WKM149" s="35"/>
      <c r="WKN149" s="35"/>
      <c r="WKO149" s="35"/>
      <c r="WKP149" s="35"/>
      <c r="WKQ149" s="35"/>
      <c r="WKR149" s="35"/>
      <c r="WKS149" s="35"/>
      <c r="WKT149" s="35"/>
      <c r="WKU149" s="35"/>
      <c r="WKV149" s="35"/>
      <c r="WKW149" s="35"/>
      <c r="WKX149" s="35"/>
      <c r="WKY149" s="35"/>
      <c r="WKZ149" s="35"/>
      <c r="WLA149" s="35"/>
      <c r="WLB149" s="35"/>
      <c r="WLC149" s="35"/>
      <c r="WLD149" s="35"/>
      <c r="WLE149" s="35"/>
      <c r="WLF149" s="35"/>
      <c r="WLG149" s="35"/>
      <c r="WLH149" s="35"/>
      <c r="WLI149" s="35"/>
      <c r="WLJ149" s="35"/>
      <c r="WLK149" s="35"/>
      <c r="WLL149" s="35"/>
      <c r="WLM149" s="35"/>
      <c r="WLN149" s="35"/>
      <c r="WLO149" s="35"/>
      <c r="WLP149" s="35"/>
      <c r="WLQ149" s="35"/>
      <c r="WLR149" s="35"/>
      <c r="WLS149" s="35"/>
      <c r="WLT149" s="35"/>
      <c r="WLU149" s="35"/>
      <c r="WLV149" s="35"/>
      <c r="WLW149" s="35"/>
      <c r="WLX149" s="35"/>
      <c r="WLY149" s="35"/>
      <c r="WLZ149" s="35"/>
      <c r="WMA149" s="35"/>
      <c r="WMB149" s="35"/>
      <c r="WMC149" s="35"/>
      <c r="WMD149" s="35"/>
      <c r="WME149" s="35"/>
      <c r="WMF149" s="35"/>
      <c r="WMG149" s="35"/>
      <c r="WMH149" s="35"/>
      <c r="WMI149" s="35"/>
      <c r="WMJ149" s="35"/>
      <c r="WMK149" s="35"/>
      <c r="WML149" s="35"/>
      <c r="WMM149" s="35"/>
      <c r="WMN149" s="35"/>
      <c r="WMO149" s="35"/>
      <c r="WMP149" s="35"/>
      <c r="WMQ149" s="35"/>
      <c r="WMR149" s="35"/>
      <c r="WMS149" s="35"/>
      <c r="WMT149" s="35"/>
      <c r="WMU149" s="35"/>
      <c r="WMV149" s="35"/>
      <c r="WMW149" s="35"/>
      <c r="WMX149" s="35"/>
      <c r="WMY149" s="35"/>
      <c r="WMZ149" s="35"/>
      <c r="WNA149" s="35"/>
      <c r="WNB149" s="35"/>
      <c r="WNC149" s="35"/>
      <c r="WND149" s="35"/>
      <c r="WNE149" s="35"/>
      <c r="WNF149" s="35"/>
      <c r="WNG149" s="35"/>
      <c r="WNH149" s="35"/>
      <c r="WNI149" s="35"/>
      <c r="WNJ149" s="35"/>
      <c r="WNK149" s="35"/>
      <c r="WNL149" s="35"/>
      <c r="WNM149" s="35"/>
      <c r="WNN149" s="35"/>
      <c r="WNO149" s="35"/>
      <c r="WNP149" s="35"/>
      <c r="WNQ149" s="35"/>
      <c r="WNR149" s="35"/>
      <c r="WNS149" s="35"/>
      <c r="WNT149" s="35"/>
      <c r="WNU149" s="35"/>
      <c r="WNV149" s="35"/>
      <c r="WNW149" s="35"/>
      <c r="WNX149" s="35"/>
      <c r="WNY149" s="35"/>
      <c r="WNZ149" s="35"/>
      <c r="WOA149" s="35"/>
      <c r="WOB149" s="35"/>
      <c r="WOC149" s="35"/>
      <c r="WOD149" s="35"/>
      <c r="WOE149" s="35"/>
      <c r="WOF149" s="35"/>
      <c r="WOG149" s="35"/>
      <c r="WOH149" s="35"/>
      <c r="WOI149" s="35"/>
      <c r="WOJ149" s="35"/>
      <c r="WOK149" s="35"/>
      <c r="WOL149" s="35"/>
      <c r="WOM149" s="35"/>
      <c r="WON149" s="35"/>
      <c r="WOO149" s="35"/>
      <c r="WOP149" s="35"/>
      <c r="WOQ149" s="35"/>
      <c r="WOR149" s="35"/>
      <c r="WOS149" s="35"/>
      <c r="WOT149" s="35"/>
      <c r="WOU149" s="35"/>
      <c r="WOV149" s="35"/>
      <c r="WOW149" s="35"/>
      <c r="WOX149" s="35"/>
      <c r="WOY149" s="35"/>
      <c r="WOZ149" s="35"/>
      <c r="WPA149" s="35"/>
      <c r="WPB149" s="35"/>
      <c r="WPC149" s="35"/>
      <c r="WPD149" s="35"/>
      <c r="WPE149" s="35"/>
      <c r="WPF149" s="35"/>
      <c r="WPG149" s="35"/>
      <c r="WPH149" s="35"/>
      <c r="WPI149" s="35"/>
      <c r="WPJ149" s="35"/>
      <c r="WPK149" s="35"/>
      <c r="WPL149" s="35"/>
      <c r="WPM149" s="35"/>
      <c r="WPN149" s="35"/>
      <c r="WPO149" s="35"/>
      <c r="WPP149" s="35"/>
      <c r="WPQ149" s="35"/>
      <c r="WPR149" s="35"/>
      <c r="WPS149" s="35"/>
      <c r="WPT149" s="35"/>
      <c r="WPU149" s="35"/>
      <c r="WPV149" s="35"/>
      <c r="WPW149" s="35"/>
      <c r="WPX149" s="35"/>
      <c r="WPY149" s="35"/>
      <c r="WPZ149" s="35"/>
      <c r="WQA149" s="35"/>
      <c r="WQB149" s="35"/>
      <c r="WQC149" s="35"/>
      <c r="WQD149" s="35"/>
      <c r="WQE149" s="35"/>
      <c r="WQF149" s="35"/>
      <c r="WQG149" s="35"/>
      <c r="WQH149" s="35"/>
      <c r="WQI149" s="35"/>
      <c r="WQJ149" s="35"/>
      <c r="WQK149" s="35"/>
      <c r="WQL149" s="35"/>
      <c r="WQM149" s="35"/>
      <c r="WQN149" s="35"/>
      <c r="WQO149" s="35"/>
      <c r="WQP149" s="35"/>
      <c r="WQQ149" s="35"/>
      <c r="WQR149" s="35"/>
      <c r="WQS149" s="35"/>
      <c r="WQT149" s="35"/>
      <c r="WQU149" s="35"/>
      <c r="WQV149" s="35"/>
      <c r="WQW149" s="35"/>
      <c r="WQX149" s="35"/>
      <c r="WQY149" s="35"/>
      <c r="WQZ149" s="35"/>
      <c r="WRA149" s="35"/>
      <c r="WRB149" s="35"/>
      <c r="WRC149" s="35"/>
      <c r="WRD149" s="35"/>
      <c r="WRE149" s="35"/>
      <c r="WRF149" s="35"/>
      <c r="WRG149" s="35"/>
      <c r="WRH149" s="35"/>
      <c r="WRI149" s="35"/>
      <c r="WRJ149" s="35"/>
      <c r="WRK149" s="35"/>
      <c r="WRL149" s="35"/>
      <c r="WRM149" s="35"/>
      <c r="WRN149" s="35"/>
      <c r="WRO149" s="35"/>
      <c r="WRP149" s="35"/>
      <c r="WRQ149" s="35"/>
      <c r="WRR149" s="35"/>
      <c r="WRS149" s="35"/>
      <c r="WRT149" s="35"/>
      <c r="WRU149" s="35"/>
      <c r="WRV149" s="35"/>
      <c r="WRW149" s="35"/>
      <c r="WRX149" s="35"/>
      <c r="WRY149" s="35"/>
      <c r="WRZ149" s="35"/>
      <c r="WSA149" s="35"/>
      <c r="WSB149" s="35"/>
      <c r="WSC149" s="35"/>
      <c r="WSD149" s="35"/>
      <c r="WSE149" s="35"/>
      <c r="WSF149" s="35"/>
      <c r="WSG149" s="35"/>
      <c r="WSH149" s="35"/>
      <c r="WSI149" s="35"/>
      <c r="WSJ149" s="35"/>
      <c r="WSK149" s="35"/>
      <c r="WSL149" s="35"/>
      <c r="WSM149" s="35"/>
      <c r="WSN149" s="35"/>
      <c r="WSO149" s="35"/>
      <c r="WSP149" s="35"/>
      <c r="WSQ149" s="35"/>
      <c r="WSR149" s="35"/>
      <c r="WSS149" s="35"/>
      <c r="WST149" s="35"/>
      <c r="WSU149" s="35"/>
      <c r="WSV149" s="35"/>
      <c r="WSW149" s="35"/>
      <c r="WSX149" s="35"/>
      <c r="WSY149" s="35"/>
      <c r="WSZ149" s="35"/>
      <c r="WTA149" s="35"/>
      <c r="WTB149" s="35"/>
      <c r="WTC149" s="35"/>
      <c r="WTD149" s="35"/>
      <c r="WTE149" s="35"/>
      <c r="WTF149" s="35"/>
      <c r="WTG149" s="35"/>
      <c r="WTH149" s="35"/>
      <c r="WTI149" s="35"/>
      <c r="WTJ149" s="35"/>
      <c r="WTK149" s="35"/>
      <c r="WTL149" s="35"/>
      <c r="WTM149" s="35"/>
      <c r="WTN149" s="35"/>
      <c r="WTO149" s="35"/>
      <c r="WTP149" s="35"/>
      <c r="WTQ149" s="35"/>
      <c r="WTR149" s="35"/>
      <c r="WTS149" s="35"/>
      <c r="WTT149" s="35"/>
      <c r="WTU149" s="35"/>
      <c r="WTV149" s="35"/>
      <c r="WTW149" s="35"/>
      <c r="WTX149" s="35"/>
      <c r="WTY149" s="35"/>
      <c r="WTZ149" s="35"/>
      <c r="WUA149" s="35"/>
      <c r="WUB149" s="35"/>
      <c r="WUC149" s="35"/>
      <c r="WUD149" s="35"/>
      <c r="WUE149" s="35"/>
      <c r="WUF149" s="35"/>
      <c r="WUG149" s="35"/>
      <c r="WUH149" s="35"/>
      <c r="WUI149" s="35"/>
      <c r="WUJ149" s="35"/>
      <c r="WUK149" s="35"/>
      <c r="WUL149" s="35"/>
      <c r="WUM149" s="35"/>
      <c r="WUN149" s="35"/>
      <c r="WUO149" s="35"/>
      <c r="WUP149" s="35"/>
      <c r="WUQ149" s="35"/>
      <c r="WUR149" s="35"/>
      <c r="WUS149" s="35"/>
      <c r="WUT149" s="35"/>
      <c r="WUU149" s="35"/>
      <c r="WUV149" s="35"/>
      <c r="WUW149" s="35"/>
      <c r="WUX149" s="35"/>
      <c r="WUY149" s="35"/>
      <c r="WUZ149" s="35"/>
      <c r="WVA149" s="35"/>
      <c r="WVB149" s="35"/>
      <c r="WVC149" s="35"/>
      <c r="WVD149" s="35"/>
      <c r="WVE149" s="35"/>
      <c r="WVF149" s="35"/>
      <c r="WVG149" s="35"/>
      <c r="WVH149" s="35"/>
      <c r="WVI149" s="35"/>
      <c r="WVJ149" s="35"/>
      <c r="WVK149" s="35"/>
      <c r="WVL149" s="35"/>
      <c r="WVM149" s="35"/>
      <c r="WVN149" s="35"/>
      <c r="WVO149" s="35"/>
      <c r="WVP149" s="35"/>
      <c r="WVQ149" s="35"/>
      <c r="WVR149" s="35"/>
      <c r="WVS149" s="35"/>
      <c r="WVT149" s="35"/>
      <c r="WVU149" s="35"/>
      <c r="WVV149" s="35"/>
      <c r="WVW149" s="35"/>
      <c r="WVX149" s="35"/>
      <c r="WVY149" s="35"/>
      <c r="WVZ149" s="35"/>
      <c r="WWA149" s="35"/>
      <c r="WWB149" s="35"/>
      <c r="WWC149" s="35"/>
      <c r="WWD149" s="35"/>
      <c r="WWE149" s="35"/>
      <c r="WWF149" s="35"/>
      <c r="WWG149" s="35"/>
      <c r="WWH149" s="35"/>
      <c r="WWI149" s="35"/>
      <c r="WWJ149" s="35"/>
      <c r="WWK149" s="35"/>
      <c r="WWL149" s="35"/>
      <c r="WWM149" s="35"/>
      <c r="WWN149" s="35"/>
      <c r="WWO149" s="35"/>
      <c r="WWP149" s="35"/>
      <c r="WWQ149" s="35"/>
      <c r="WWR149" s="35"/>
      <c r="WWS149" s="35"/>
      <c r="WWT149" s="35"/>
      <c r="WWU149" s="35"/>
      <c r="WWV149" s="35"/>
      <c r="WWW149" s="35"/>
      <c r="WWX149" s="35"/>
      <c r="WWY149" s="35"/>
      <c r="WWZ149" s="35"/>
      <c r="WXA149" s="35"/>
      <c r="WXB149" s="35"/>
      <c r="WXC149" s="35"/>
      <c r="WXD149" s="35"/>
      <c r="WXE149" s="35"/>
      <c r="WXF149" s="35"/>
      <c r="WXG149" s="35"/>
      <c r="WXH149" s="35"/>
      <c r="WXI149" s="35"/>
      <c r="WXJ149" s="35"/>
      <c r="WXK149" s="35"/>
      <c r="WXL149" s="35"/>
      <c r="WXM149" s="35"/>
      <c r="WXN149" s="35"/>
      <c r="WXO149" s="35"/>
      <c r="WXP149" s="35"/>
      <c r="WXQ149" s="35"/>
      <c r="WXR149" s="35"/>
      <c r="WXS149" s="35"/>
      <c r="WXT149" s="35"/>
      <c r="WXU149" s="35"/>
      <c r="WXV149" s="35"/>
      <c r="WXW149" s="35"/>
      <c r="WXX149" s="35"/>
      <c r="WXY149" s="35"/>
      <c r="WXZ149" s="35"/>
      <c r="WYA149" s="35"/>
      <c r="WYB149" s="35"/>
      <c r="WYC149" s="35"/>
      <c r="WYD149" s="35"/>
      <c r="WYE149" s="35"/>
      <c r="WYF149" s="35"/>
      <c r="WYG149" s="35"/>
      <c r="WYH149" s="35"/>
      <c r="WYI149" s="35"/>
      <c r="WYJ149" s="35"/>
      <c r="WYK149" s="35"/>
      <c r="WYL149" s="35"/>
      <c r="WYM149" s="35"/>
      <c r="WYN149" s="35"/>
      <c r="WYO149" s="35"/>
      <c r="WYP149" s="35"/>
      <c r="WYQ149" s="35"/>
      <c r="WYR149" s="35"/>
      <c r="WYS149" s="35"/>
      <c r="WYT149" s="35"/>
      <c r="WYU149" s="35"/>
      <c r="WYV149" s="35"/>
      <c r="WYW149" s="35"/>
      <c r="WYX149" s="35"/>
      <c r="WYY149" s="35"/>
      <c r="WYZ149" s="35"/>
      <c r="WZA149" s="35"/>
      <c r="WZB149" s="35"/>
      <c r="WZC149" s="35"/>
      <c r="WZD149" s="35"/>
      <c r="WZE149" s="35"/>
      <c r="WZF149" s="35"/>
      <c r="WZG149" s="35"/>
      <c r="WZH149" s="35"/>
      <c r="WZI149" s="35"/>
      <c r="WZJ149" s="35"/>
      <c r="WZK149" s="35"/>
      <c r="WZL149" s="35"/>
      <c r="WZM149" s="35"/>
      <c r="WZN149" s="35"/>
      <c r="WZO149" s="35"/>
      <c r="WZP149" s="35"/>
      <c r="WZQ149" s="35"/>
      <c r="WZR149" s="35"/>
      <c r="WZS149" s="35"/>
      <c r="WZT149" s="35"/>
      <c r="WZU149" s="35"/>
      <c r="WZV149" s="35"/>
      <c r="WZW149" s="35"/>
      <c r="WZX149" s="35"/>
      <c r="WZY149" s="35"/>
      <c r="WZZ149" s="35"/>
      <c r="XAA149" s="35"/>
      <c r="XAB149" s="35"/>
      <c r="XAC149" s="35"/>
      <c r="XAD149" s="35"/>
      <c r="XAE149" s="35"/>
      <c r="XAF149" s="35"/>
      <c r="XAG149" s="35"/>
      <c r="XAH149" s="35"/>
      <c r="XAI149" s="35"/>
      <c r="XAJ149" s="35"/>
      <c r="XAK149" s="35"/>
      <c r="XAL149" s="35"/>
      <c r="XAM149" s="35"/>
      <c r="XAN149" s="35"/>
      <c r="XAO149" s="35"/>
      <c r="XAP149" s="35"/>
      <c r="XAQ149" s="35"/>
      <c r="XAR149" s="35"/>
      <c r="XAS149" s="35"/>
      <c r="XAT149" s="35"/>
      <c r="XAU149" s="35"/>
      <c r="XAV149" s="35"/>
      <c r="XAW149" s="35"/>
      <c r="XAX149" s="35"/>
      <c r="XAY149" s="35"/>
      <c r="XAZ149" s="35"/>
      <c r="XBA149" s="35"/>
      <c r="XBB149" s="35"/>
      <c r="XBC149" s="35"/>
      <c r="XBD149" s="35"/>
      <c r="XBE149" s="35"/>
      <c r="XBF149" s="35"/>
      <c r="XBG149" s="35"/>
      <c r="XBH149" s="35"/>
      <c r="XBI149" s="35"/>
      <c r="XBJ149" s="35"/>
      <c r="XBK149" s="35"/>
      <c r="XBL149" s="35"/>
      <c r="XBM149" s="35"/>
      <c r="XBN149" s="35"/>
      <c r="XBO149" s="35"/>
      <c r="XBP149" s="35"/>
      <c r="XBQ149" s="35"/>
      <c r="XBR149" s="35"/>
      <c r="XBS149" s="35"/>
      <c r="XBT149" s="35"/>
      <c r="XBU149" s="35"/>
      <c r="XBV149" s="35"/>
      <c r="XBW149" s="35"/>
      <c r="XBX149" s="35"/>
      <c r="XBY149" s="35"/>
      <c r="XBZ149" s="35"/>
      <c r="XCA149" s="35"/>
      <c r="XCB149" s="35"/>
      <c r="XCC149" s="35"/>
      <c r="XCD149" s="35"/>
      <c r="XCE149" s="35"/>
      <c r="XCF149" s="35"/>
      <c r="XCG149" s="35"/>
      <c r="XCH149" s="35"/>
      <c r="XCI149" s="35"/>
      <c r="XCJ149" s="35"/>
      <c r="XCK149" s="35"/>
      <c r="XCL149" s="35"/>
      <c r="XCM149" s="35"/>
      <c r="XCN149" s="35"/>
      <c r="XCO149" s="35"/>
      <c r="XCP149" s="35"/>
      <c r="XCQ149" s="35"/>
      <c r="XCR149" s="35"/>
      <c r="XCS149" s="35"/>
      <c r="XCT149" s="35"/>
      <c r="XCU149" s="35"/>
      <c r="XCV149" s="35"/>
      <c r="XCW149" s="35"/>
      <c r="XCX149" s="35"/>
      <c r="XCY149" s="35"/>
      <c r="XCZ149" s="35"/>
      <c r="XDA149" s="35"/>
      <c r="XDB149" s="35"/>
      <c r="XDC149" s="35"/>
      <c r="XDD149" s="35"/>
      <c r="XDE149" s="35"/>
      <c r="XDF149" s="35"/>
      <c r="XDG149" s="35"/>
      <c r="XDH149" s="35"/>
      <c r="XDI149" s="35"/>
      <c r="XDJ149" s="35"/>
      <c r="XDK149" s="35"/>
      <c r="XDL149" s="35"/>
      <c r="XDM149" s="35"/>
      <c r="XDN149" s="35"/>
      <c r="XDO149" s="35"/>
      <c r="XDP149" s="35"/>
      <c r="XDQ149" s="35"/>
      <c r="XDR149" s="35"/>
      <c r="XDS149" s="35"/>
      <c r="XDT149" s="35"/>
      <c r="XDU149" s="35"/>
      <c r="XDV149" s="35"/>
      <c r="XDW149" s="35"/>
      <c r="XDX149" s="35"/>
      <c r="XDY149" s="35"/>
      <c r="XDZ149" s="35"/>
      <c r="XEA149" s="35"/>
      <c r="XEB149" s="35"/>
      <c r="XEC149" s="35"/>
      <c r="XED149" s="35"/>
      <c r="XEE149" s="35"/>
      <c r="XEF149" s="35"/>
      <c r="XEG149" s="35"/>
      <c r="XEH149" s="35"/>
      <c r="XEI149" s="35"/>
      <c r="XEJ149" s="35"/>
      <c r="XEK149" s="35"/>
      <c r="XEL149" s="35"/>
      <c r="XEM149" s="35"/>
      <c r="XEN149" s="35"/>
      <c r="XEO149" s="35"/>
      <c r="XEP149" s="35"/>
      <c r="XEQ149" s="35"/>
    </row>
    <row r="150" spans="1:16371" s="22" customFormat="1" ht="32.4" x14ac:dyDescent="0.2">
      <c r="A150" s="4" t="s">
        <v>302</v>
      </c>
      <c r="B150" s="4" t="s">
        <v>445</v>
      </c>
      <c r="C150" s="4" t="s">
        <v>446</v>
      </c>
      <c r="D150" s="4" t="s">
        <v>447</v>
      </c>
      <c r="E150" s="4"/>
    </row>
    <row r="151" spans="1:16371" s="22" customFormat="1" ht="64.8" x14ac:dyDescent="0.2">
      <c r="A151" s="6" t="s">
        <v>448</v>
      </c>
      <c r="B151" s="4" t="s">
        <v>449</v>
      </c>
      <c r="C151" s="6" t="s">
        <v>450</v>
      </c>
      <c r="D151" s="4" t="s">
        <v>451</v>
      </c>
      <c r="E151" s="4" t="s">
        <v>452</v>
      </c>
    </row>
    <row r="152" spans="1:16371" s="22" customFormat="1" ht="162" customHeight="1" x14ac:dyDescent="0.2">
      <c r="A152" s="4" t="s">
        <v>302</v>
      </c>
      <c r="B152" s="4" t="s">
        <v>1546</v>
      </c>
      <c r="C152" s="4" t="s">
        <v>453</v>
      </c>
      <c r="D152" s="4" t="s">
        <v>454</v>
      </c>
      <c r="E152" s="4"/>
      <c r="F152" s="31"/>
      <c r="G152" s="31"/>
      <c r="H152" s="31"/>
      <c r="I152" s="31"/>
      <c r="J152" s="31"/>
      <c r="K152" s="31"/>
      <c r="L152" s="31"/>
      <c r="M152" s="31"/>
      <c r="N152" s="31"/>
      <c r="O152" s="31"/>
      <c r="P152" s="31"/>
      <c r="Q152" s="31"/>
      <c r="R152" s="31"/>
      <c r="S152" s="31"/>
      <c r="T152" s="31"/>
      <c r="U152" s="31"/>
      <c r="V152" s="31"/>
      <c r="W152" s="31"/>
      <c r="X152" s="31"/>
      <c r="Y152" s="31"/>
      <c r="Z152" s="31"/>
      <c r="AA152" s="31"/>
      <c r="AB152" s="31"/>
      <c r="AC152" s="31"/>
      <c r="AD152" s="31"/>
      <c r="AE152" s="31"/>
      <c r="AF152" s="31"/>
      <c r="AG152" s="31"/>
      <c r="AH152" s="31"/>
      <c r="AI152" s="31"/>
      <c r="AJ152" s="31"/>
      <c r="AK152" s="31"/>
      <c r="AL152" s="31"/>
      <c r="AM152" s="31"/>
      <c r="AN152" s="31"/>
      <c r="AO152" s="31"/>
      <c r="AP152" s="31"/>
      <c r="AQ152" s="31"/>
      <c r="AR152" s="31"/>
      <c r="AS152" s="31"/>
      <c r="AT152" s="31"/>
      <c r="AU152" s="31"/>
      <c r="AV152" s="31"/>
      <c r="AW152" s="31"/>
      <c r="AX152" s="31"/>
      <c r="AY152" s="31"/>
      <c r="AZ152" s="31"/>
      <c r="BA152" s="31"/>
      <c r="BB152" s="31"/>
      <c r="BC152" s="31"/>
      <c r="BD152" s="31"/>
      <c r="BE152" s="31"/>
      <c r="BF152" s="31"/>
      <c r="BG152" s="31"/>
      <c r="BH152" s="31"/>
      <c r="BI152" s="31"/>
      <c r="BJ152" s="31"/>
      <c r="BK152" s="31"/>
      <c r="BL152" s="31"/>
      <c r="BM152" s="31"/>
      <c r="BN152" s="31"/>
      <c r="BO152" s="31"/>
      <c r="BP152" s="31"/>
      <c r="BQ152" s="31"/>
      <c r="BR152" s="31"/>
      <c r="BS152" s="31"/>
      <c r="BT152" s="31"/>
      <c r="BU152" s="31"/>
      <c r="BV152" s="31"/>
      <c r="BW152" s="31"/>
      <c r="BX152" s="31"/>
      <c r="BY152" s="31"/>
      <c r="BZ152" s="31"/>
      <c r="CA152" s="31"/>
      <c r="CB152" s="31"/>
      <c r="CC152" s="31"/>
      <c r="CD152" s="31"/>
      <c r="CE152" s="31"/>
      <c r="CF152" s="31"/>
      <c r="CG152" s="31"/>
      <c r="CH152" s="31"/>
      <c r="CI152" s="31"/>
      <c r="CJ152" s="31"/>
      <c r="CK152" s="31"/>
      <c r="CL152" s="31"/>
      <c r="CM152" s="31"/>
      <c r="CN152" s="31"/>
      <c r="CO152" s="31"/>
      <c r="CP152" s="31"/>
      <c r="CQ152" s="31"/>
      <c r="CR152" s="31"/>
      <c r="CS152" s="31"/>
      <c r="CT152" s="31"/>
      <c r="CU152" s="31"/>
      <c r="CV152" s="31"/>
      <c r="CW152" s="31"/>
      <c r="CX152" s="31"/>
      <c r="CY152" s="31"/>
      <c r="CZ152" s="31"/>
      <c r="DA152" s="31"/>
      <c r="DB152" s="31"/>
      <c r="DC152" s="31"/>
      <c r="DD152" s="31"/>
      <c r="DE152" s="31"/>
      <c r="DF152" s="31"/>
      <c r="DG152" s="31"/>
      <c r="DH152" s="31"/>
      <c r="DI152" s="31"/>
      <c r="DJ152" s="31"/>
      <c r="DK152" s="31"/>
      <c r="DL152" s="31"/>
      <c r="DM152" s="31"/>
      <c r="DN152" s="31"/>
      <c r="DO152" s="31"/>
      <c r="DP152" s="31"/>
      <c r="DQ152" s="31"/>
      <c r="DR152" s="31"/>
      <c r="DS152" s="31"/>
      <c r="DT152" s="31"/>
      <c r="DU152" s="31"/>
      <c r="DV152" s="31"/>
      <c r="DW152" s="31"/>
      <c r="DX152" s="31"/>
      <c r="DY152" s="31"/>
      <c r="DZ152" s="31"/>
      <c r="EA152" s="31"/>
      <c r="EB152" s="31"/>
      <c r="EC152" s="31"/>
      <c r="ED152" s="31"/>
      <c r="EE152" s="31"/>
      <c r="EF152" s="31"/>
      <c r="EG152" s="31"/>
      <c r="EH152" s="31"/>
      <c r="EI152" s="31"/>
      <c r="EJ152" s="31"/>
      <c r="EK152" s="31"/>
      <c r="EL152" s="31"/>
      <c r="EM152" s="31"/>
      <c r="EN152" s="31"/>
      <c r="EO152" s="31"/>
      <c r="EP152" s="31"/>
      <c r="EQ152" s="31"/>
      <c r="ER152" s="31"/>
      <c r="ES152" s="31"/>
      <c r="ET152" s="31"/>
      <c r="EU152" s="31"/>
      <c r="EV152" s="31"/>
      <c r="EW152" s="31"/>
      <c r="EX152" s="31"/>
      <c r="EY152" s="31"/>
      <c r="EZ152" s="31"/>
      <c r="FA152" s="31"/>
      <c r="FB152" s="31"/>
      <c r="FC152" s="31"/>
      <c r="FD152" s="31"/>
      <c r="FE152" s="31"/>
      <c r="FF152" s="31"/>
      <c r="FG152" s="31"/>
      <c r="FH152" s="31"/>
      <c r="FI152" s="31"/>
      <c r="FJ152" s="31"/>
      <c r="FK152" s="31"/>
      <c r="FL152" s="31"/>
      <c r="FM152" s="31"/>
      <c r="FN152" s="31"/>
      <c r="FO152" s="31"/>
      <c r="FP152" s="31"/>
      <c r="FQ152" s="31"/>
      <c r="FR152" s="31"/>
      <c r="FS152" s="31"/>
      <c r="FT152" s="31"/>
      <c r="FU152" s="31"/>
      <c r="FV152" s="31"/>
      <c r="FW152" s="31"/>
      <c r="FX152" s="31"/>
      <c r="FY152" s="31"/>
      <c r="FZ152" s="31"/>
      <c r="GA152" s="31"/>
      <c r="GB152" s="31"/>
      <c r="GC152" s="31"/>
      <c r="GD152" s="31"/>
      <c r="GE152" s="31"/>
      <c r="GF152" s="31"/>
      <c r="GG152" s="31"/>
      <c r="GH152" s="31"/>
      <c r="GI152" s="31"/>
      <c r="GJ152" s="31"/>
      <c r="GK152" s="31"/>
      <c r="GL152" s="31"/>
      <c r="GM152" s="31"/>
      <c r="GN152" s="31"/>
      <c r="GO152" s="31"/>
      <c r="GP152" s="31"/>
      <c r="GQ152" s="31"/>
      <c r="GR152" s="31"/>
      <c r="GS152" s="31"/>
      <c r="GT152" s="31"/>
      <c r="GU152" s="31"/>
      <c r="GV152" s="31"/>
      <c r="GW152" s="31"/>
      <c r="GX152" s="31"/>
      <c r="GY152" s="31"/>
      <c r="GZ152" s="31"/>
      <c r="HA152" s="31"/>
      <c r="HB152" s="31"/>
      <c r="HC152" s="31"/>
      <c r="HD152" s="31"/>
      <c r="HE152" s="31"/>
      <c r="HF152" s="31"/>
      <c r="HG152" s="31"/>
      <c r="HH152" s="31"/>
      <c r="HI152" s="31"/>
      <c r="HJ152" s="31"/>
      <c r="HK152" s="31"/>
      <c r="HL152" s="31"/>
      <c r="HM152" s="31"/>
      <c r="HN152" s="31"/>
      <c r="HO152" s="31"/>
      <c r="HP152" s="31"/>
      <c r="HQ152" s="31"/>
      <c r="HR152" s="31"/>
      <c r="HS152" s="31"/>
      <c r="HT152" s="31"/>
      <c r="HU152" s="31"/>
      <c r="HV152" s="31"/>
      <c r="HW152" s="31"/>
      <c r="HX152" s="31"/>
      <c r="HY152" s="31"/>
      <c r="HZ152" s="31"/>
      <c r="IA152" s="31"/>
      <c r="IB152" s="31"/>
      <c r="IC152" s="31"/>
      <c r="ID152" s="31"/>
      <c r="IE152" s="31"/>
      <c r="IF152" s="31"/>
      <c r="IG152" s="31"/>
      <c r="IH152" s="31"/>
      <c r="II152" s="31"/>
      <c r="IJ152" s="31"/>
      <c r="IK152" s="31"/>
      <c r="IL152" s="31"/>
      <c r="IM152" s="31"/>
      <c r="IN152" s="31"/>
      <c r="IO152" s="31"/>
      <c r="IP152" s="31"/>
      <c r="IQ152" s="31"/>
      <c r="IR152" s="31"/>
      <c r="IS152" s="31"/>
      <c r="IT152" s="31"/>
      <c r="IU152" s="31"/>
      <c r="IV152" s="31"/>
      <c r="IW152" s="31"/>
      <c r="IX152" s="31"/>
      <c r="IY152" s="31"/>
      <c r="IZ152" s="31"/>
      <c r="JA152" s="31"/>
      <c r="JB152" s="31"/>
      <c r="JC152" s="31"/>
      <c r="JD152" s="31"/>
      <c r="JE152" s="31"/>
      <c r="JF152" s="31"/>
      <c r="JG152" s="31"/>
      <c r="JH152" s="31"/>
      <c r="JI152" s="31"/>
      <c r="JJ152" s="31"/>
      <c r="JK152" s="31"/>
      <c r="JL152" s="31"/>
      <c r="JM152" s="31"/>
      <c r="JN152" s="31"/>
      <c r="JO152" s="31"/>
      <c r="JP152" s="31"/>
      <c r="JQ152" s="31"/>
      <c r="JR152" s="31"/>
      <c r="JS152" s="31"/>
      <c r="JT152" s="31"/>
      <c r="JU152" s="31"/>
      <c r="JV152" s="31"/>
      <c r="JW152" s="31"/>
      <c r="JX152" s="31"/>
      <c r="JY152" s="31"/>
      <c r="JZ152" s="31"/>
      <c r="KA152" s="31"/>
      <c r="KB152" s="31"/>
      <c r="KC152" s="31"/>
      <c r="KD152" s="31"/>
      <c r="KE152" s="31"/>
      <c r="KF152" s="31"/>
      <c r="KG152" s="31"/>
      <c r="KH152" s="31"/>
      <c r="KI152" s="31"/>
      <c r="KJ152" s="31"/>
      <c r="KK152" s="31"/>
      <c r="KL152" s="31"/>
      <c r="KM152" s="31"/>
      <c r="KN152" s="31"/>
      <c r="KO152" s="31"/>
      <c r="KP152" s="31"/>
      <c r="KQ152" s="31"/>
      <c r="KR152" s="31"/>
      <c r="KS152" s="31"/>
      <c r="KT152" s="31"/>
      <c r="KU152" s="31"/>
      <c r="KV152" s="31"/>
      <c r="KW152" s="31"/>
      <c r="KX152" s="31"/>
      <c r="KY152" s="31"/>
      <c r="KZ152" s="31"/>
      <c r="LA152" s="31"/>
      <c r="LB152" s="31"/>
      <c r="LC152" s="31"/>
      <c r="LD152" s="31"/>
      <c r="LE152" s="31"/>
      <c r="LF152" s="31"/>
      <c r="LG152" s="31"/>
      <c r="LH152" s="31"/>
      <c r="LI152" s="31"/>
      <c r="LJ152" s="31"/>
      <c r="LK152" s="31"/>
      <c r="LL152" s="31"/>
      <c r="LM152" s="31"/>
      <c r="LN152" s="31"/>
      <c r="LO152" s="31"/>
      <c r="LP152" s="31"/>
      <c r="LQ152" s="31"/>
      <c r="LR152" s="31"/>
      <c r="LS152" s="31"/>
      <c r="LT152" s="31"/>
      <c r="LU152" s="31"/>
      <c r="LV152" s="31"/>
      <c r="LW152" s="31"/>
      <c r="LX152" s="31"/>
      <c r="LY152" s="31"/>
      <c r="LZ152" s="31"/>
      <c r="MA152" s="31"/>
      <c r="MB152" s="31"/>
      <c r="MC152" s="31"/>
      <c r="MD152" s="31"/>
      <c r="ME152" s="31"/>
      <c r="MF152" s="31"/>
      <c r="MG152" s="31"/>
      <c r="MH152" s="31"/>
      <c r="MI152" s="31"/>
      <c r="MJ152" s="31"/>
      <c r="MK152" s="31"/>
      <c r="ML152" s="31"/>
      <c r="MM152" s="31"/>
      <c r="MN152" s="31"/>
      <c r="MO152" s="31"/>
      <c r="MP152" s="31"/>
      <c r="MQ152" s="31"/>
      <c r="MR152" s="31"/>
      <c r="MS152" s="31"/>
      <c r="MT152" s="31"/>
      <c r="MU152" s="31"/>
      <c r="MV152" s="31"/>
      <c r="MW152" s="31"/>
      <c r="MX152" s="31"/>
      <c r="MY152" s="31"/>
      <c r="MZ152" s="31"/>
      <c r="NA152" s="31"/>
      <c r="NB152" s="31"/>
      <c r="NC152" s="31"/>
      <c r="ND152" s="31"/>
      <c r="NE152" s="31"/>
      <c r="NF152" s="31"/>
      <c r="NG152" s="31"/>
      <c r="NH152" s="31"/>
      <c r="NI152" s="31"/>
      <c r="NJ152" s="31"/>
      <c r="NK152" s="31"/>
      <c r="NL152" s="31"/>
      <c r="NM152" s="31"/>
      <c r="NN152" s="31"/>
      <c r="NO152" s="31"/>
      <c r="NP152" s="31"/>
      <c r="NQ152" s="31"/>
      <c r="NR152" s="31"/>
      <c r="NS152" s="31"/>
      <c r="NT152" s="31"/>
      <c r="NU152" s="31"/>
      <c r="NV152" s="31"/>
      <c r="NW152" s="31"/>
      <c r="NX152" s="31"/>
      <c r="NY152" s="31"/>
      <c r="NZ152" s="31"/>
      <c r="OA152" s="31"/>
      <c r="OB152" s="31"/>
      <c r="OC152" s="31"/>
      <c r="OD152" s="31"/>
      <c r="OE152" s="31"/>
      <c r="OF152" s="31"/>
      <c r="OG152" s="31"/>
      <c r="OH152" s="31"/>
      <c r="OI152" s="31"/>
      <c r="OJ152" s="31"/>
      <c r="OK152" s="31"/>
      <c r="OL152" s="31"/>
      <c r="OM152" s="31"/>
      <c r="ON152" s="31"/>
      <c r="OO152" s="31"/>
      <c r="OP152" s="31"/>
      <c r="OQ152" s="31"/>
      <c r="OR152" s="31"/>
      <c r="OS152" s="31"/>
      <c r="OT152" s="31"/>
      <c r="OU152" s="31"/>
      <c r="OV152" s="31"/>
      <c r="OW152" s="31"/>
      <c r="OX152" s="31"/>
      <c r="OY152" s="31"/>
      <c r="OZ152" s="31"/>
      <c r="PA152" s="31"/>
      <c r="PB152" s="31"/>
      <c r="PC152" s="31"/>
      <c r="PD152" s="31"/>
      <c r="PE152" s="31"/>
      <c r="PF152" s="31"/>
      <c r="PG152" s="31"/>
      <c r="PH152" s="31"/>
      <c r="PI152" s="31"/>
      <c r="PJ152" s="31"/>
      <c r="PK152" s="31"/>
      <c r="PL152" s="31"/>
      <c r="PM152" s="31"/>
      <c r="PN152" s="31"/>
      <c r="PO152" s="31"/>
      <c r="PP152" s="31"/>
      <c r="PQ152" s="31"/>
      <c r="PR152" s="31"/>
      <c r="PS152" s="31"/>
      <c r="PT152" s="31"/>
      <c r="PU152" s="31"/>
      <c r="PV152" s="31"/>
      <c r="PW152" s="31"/>
      <c r="PX152" s="31"/>
      <c r="PY152" s="31"/>
      <c r="PZ152" s="31"/>
      <c r="QA152" s="31"/>
      <c r="QB152" s="31"/>
      <c r="QC152" s="31"/>
      <c r="QD152" s="31"/>
      <c r="QE152" s="31"/>
      <c r="QF152" s="31"/>
      <c r="QG152" s="31"/>
      <c r="QH152" s="31"/>
      <c r="QI152" s="31"/>
      <c r="QJ152" s="31"/>
      <c r="QK152" s="31"/>
      <c r="QL152" s="31"/>
      <c r="QM152" s="31"/>
      <c r="QN152" s="31"/>
      <c r="QO152" s="31"/>
      <c r="QP152" s="31"/>
      <c r="QQ152" s="31"/>
      <c r="QR152" s="31"/>
      <c r="QS152" s="31"/>
      <c r="QT152" s="31"/>
      <c r="QU152" s="31"/>
      <c r="QV152" s="31"/>
      <c r="QW152" s="31"/>
      <c r="QX152" s="31"/>
      <c r="QY152" s="31"/>
      <c r="QZ152" s="31"/>
      <c r="RA152" s="31"/>
      <c r="RB152" s="31"/>
      <c r="RC152" s="31"/>
      <c r="RD152" s="31"/>
      <c r="RE152" s="31"/>
      <c r="RF152" s="31"/>
      <c r="RG152" s="31"/>
      <c r="RH152" s="31"/>
      <c r="RI152" s="31"/>
      <c r="RJ152" s="31"/>
      <c r="RK152" s="31"/>
      <c r="RL152" s="31"/>
      <c r="RM152" s="31"/>
      <c r="RN152" s="31"/>
      <c r="RO152" s="31"/>
      <c r="RP152" s="31"/>
      <c r="RQ152" s="31"/>
      <c r="RR152" s="31"/>
      <c r="RS152" s="31"/>
      <c r="RT152" s="31"/>
      <c r="RU152" s="31"/>
      <c r="RV152" s="31"/>
      <c r="RW152" s="31"/>
      <c r="RX152" s="31"/>
      <c r="RY152" s="31"/>
      <c r="RZ152" s="31"/>
      <c r="SA152" s="31"/>
      <c r="SB152" s="31"/>
      <c r="SC152" s="31"/>
      <c r="SD152" s="31"/>
      <c r="SE152" s="31"/>
      <c r="SF152" s="31"/>
      <c r="SG152" s="31"/>
      <c r="SH152" s="31"/>
      <c r="SI152" s="31"/>
      <c r="SJ152" s="31"/>
      <c r="SK152" s="31"/>
      <c r="SL152" s="31"/>
      <c r="SM152" s="31"/>
      <c r="SN152" s="31"/>
      <c r="SO152" s="31"/>
      <c r="SP152" s="31"/>
      <c r="SQ152" s="31"/>
      <c r="SR152" s="31"/>
      <c r="SS152" s="31"/>
      <c r="ST152" s="31"/>
      <c r="SU152" s="31"/>
      <c r="SV152" s="31"/>
      <c r="SW152" s="31"/>
      <c r="SX152" s="31"/>
      <c r="SY152" s="31"/>
      <c r="SZ152" s="31"/>
      <c r="TA152" s="31"/>
      <c r="TB152" s="31"/>
      <c r="TC152" s="31"/>
      <c r="TD152" s="31"/>
      <c r="TE152" s="31"/>
      <c r="TF152" s="31"/>
      <c r="TG152" s="31"/>
      <c r="TH152" s="31"/>
      <c r="TI152" s="31"/>
      <c r="TJ152" s="31"/>
      <c r="TK152" s="31"/>
      <c r="TL152" s="31"/>
      <c r="TM152" s="31"/>
      <c r="TN152" s="31"/>
      <c r="TO152" s="31"/>
      <c r="TP152" s="31"/>
      <c r="TQ152" s="31"/>
      <c r="TR152" s="31"/>
      <c r="TS152" s="31"/>
      <c r="TT152" s="31"/>
      <c r="TU152" s="31"/>
      <c r="TV152" s="31"/>
      <c r="TW152" s="31"/>
      <c r="TX152" s="31"/>
      <c r="TY152" s="31"/>
      <c r="TZ152" s="31"/>
      <c r="UA152" s="31"/>
      <c r="UB152" s="31"/>
      <c r="UC152" s="31"/>
      <c r="UD152" s="31"/>
      <c r="UE152" s="31"/>
      <c r="UF152" s="31"/>
      <c r="UG152" s="31"/>
      <c r="UH152" s="31"/>
      <c r="UI152" s="31"/>
      <c r="UJ152" s="31"/>
      <c r="UK152" s="31"/>
      <c r="UL152" s="31"/>
      <c r="UM152" s="31"/>
      <c r="UN152" s="31"/>
      <c r="UO152" s="31"/>
      <c r="UP152" s="31"/>
      <c r="UQ152" s="31"/>
      <c r="UR152" s="31"/>
      <c r="US152" s="31"/>
      <c r="UT152" s="31"/>
      <c r="UU152" s="31"/>
      <c r="UV152" s="31"/>
      <c r="UW152" s="31"/>
      <c r="UX152" s="31"/>
      <c r="UY152" s="31"/>
      <c r="UZ152" s="31"/>
      <c r="VA152" s="31"/>
      <c r="VB152" s="31"/>
      <c r="VC152" s="31"/>
      <c r="VD152" s="31"/>
      <c r="VE152" s="31"/>
      <c r="VF152" s="31"/>
      <c r="VG152" s="31"/>
      <c r="VH152" s="31"/>
      <c r="VI152" s="31"/>
      <c r="VJ152" s="31"/>
      <c r="VK152" s="31"/>
      <c r="VL152" s="31"/>
      <c r="VM152" s="31"/>
      <c r="VN152" s="31"/>
      <c r="VO152" s="31"/>
      <c r="VP152" s="31"/>
      <c r="VQ152" s="31"/>
      <c r="VR152" s="31"/>
      <c r="VS152" s="31"/>
      <c r="VT152" s="31"/>
      <c r="VU152" s="31"/>
      <c r="VV152" s="31"/>
      <c r="VW152" s="31"/>
      <c r="VX152" s="31"/>
      <c r="VY152" s="31"/>
      <c r="VZ152" s="31"/>
      <c r="WA152" s="31"/>
      <c r="WB152" s="31"/>
      <c r="WC152" s="31"/>
      <c r="WD152" s="31"/>
      <c r="WE152" s="31"/>
      <c r="WF152" s="31"/>
      <c r="WG152" s="31"/>
      <c r="WH152" s="31"/>
      <c r="WI152" s="31"/>
      <c r="WJ152" s="31"/>
      <c r="WK152" s="31"/>
      <c r="WL152" s="31"/>
      <c r="WM152" s="31"/>
      <c r="WN152" s="31"/>
      <c r="WO152" s="31"/>
      <c r="WP152" s="31"/>
      <c r="WQ152" s="31"/>
      <c r="WR152" s="31"/>
      <c r="WS152" s="31"/>
      <c r="WT152" s="31"/>
      <c r="WU152" s="31"/>
      <c r="WV152" s="31"/>
      <c r="WW152" s="31"/>
      <c r="WX152" s="31"/>
      <c r="WY152" s="31"/>
      <c r="WZ152" s="31"/>
      <c r="XA152" s="31"/>
      <c r="XB152" s="31"/>
      <c r="XC152" s="31"/>
      <c r="XD152" s="31"/>
      <c r="XE152" s="31"/>
      <c r="XF152" s="31"/>
      <c r="XG152" s="31"/>
      <c r="XH152" s="31"/>
      <c r="XI152" s="31"/>
      <c r="XJ152" s="31"/>
      <c r="XK152" s="31"/>
      <c r="XL152" s="31"/>
      <c r="XM152" s="31"/>
      <c r="XN152" s="31"/>
      <c r="XO152" s="31"/>
      <c r="XP152" s="31"/>
      <c r="XQ152" s="31"/>
      <c r="XR152" s="31"/>
      <c r="XS152" s="31"/>
      <c r="XT152" s="31"/>
      <c r="XU152" s="31"/>
      <c r="XV152" s="31"/>
      <c r="XW152" s="31"/>
      <c r="XX152" s="31"/>
      <c r="XY152" s="31"/>
      <c r="XZ152" s="31"/>
      <c r="YA152" s="31"/>
      <c r="YB152" s="31"/>
      <c r="YC152" s="31"/>
      <c r="YD152" s="31"/>
      <c r="YE152" s="31"/>
      <c r="YF152" s="31"/>
      <c r="YG152" s="31"/>
      <c r="YH152" s="31"/>
      <c r="YI152" s="31"/>
      <c r="YJ152" s="31"/>
      <c r="YK152" s="31"/>
      <c r="YL152" s="31"/>
      <c r="YM152" s="31"/>
      <c r="YN152" s="31"/>
      <c r="YO152" s="31"/>
      <c r="YP152" s="31"/>
      <c r="YQ152" s="31"/>
      <c r="YR152" s="31"/>
      <c r="YS152" s="31"/>
      <c r="YT152" s="31"/>
      <c r="YU152" s="31"/>
      <c r="YV152" s="31"/>
      <c r="YW152" s="31"/>
      <c r="YX152" s="31"/>
      <c r="YY152" s="31"/>
      <c r="YZ152" s="31"/>
      <c r="ZA152" s="31"/>
      <c r="ZB152" s="31"/>
      <c r="ZC152" s="31"/>
      <c r="ZD152" s="31"/>
      <c r="ZE152" s="31"/>
      <c r="ZF152" s="31"/>
      <c r="ZG152" s="31"/>
      <c r="ZH152" s="31"/>
      <c r="ZI152" s="31"/>
      <c r="ZJ152" s="31"/>
      <c r="ZK152" s="31"/>
      <c r="ZL152" s="31"/>
      <c r="ZM152" s="31"/>
      <c r="ZN152" s="31"/>
      <c r="ZO152" s="31"/>
      <c r="ZP152" s="31"/>
      <c r="ZQ152" s="31"/>
      <c r="ZR152" s="31"/>
      <c r="ZS152" s="31"/>
      <c r="ZT152" s="31"/>
      <c r="ZU152" s="31"/>
      <c r="ZV152" s="31"/>
      <c r="ZW152" s="31"/>
      <c r="ZX152" s="31"/>
      <c r="ZY152" s="31"/>
      <c r="ZZ152" s="31"/>
      <c r="AAA152" s="31"/>
      <c r="AAB152" s="31"/>
      <c r="AAC152" s="31"/>
      <c r="AAD152" s="31"/>
      <c r="AAE152" s="31"/>
      <c r="AAF152" s="31"/>
      <c r="AAG152" s="31"/>
      <c r="AAH152" s="31"/>
      <c r="AAI152" s="31"/>
      <c r="AAJ152" s="31"/>
      <c r="AAK152" s="31"/>
      <c r="AAL152" s="31"/>
      <c r="AAM152" s="31"/>
      <c r="AAN152" s="31"/>
      <c r="AAO152" s="31"/>
      <c r="AAP152" s="31"/>
      <c r="AAQ152" s="31"/>
      <c r="AAR152" s="31"/>
      <c r="AAS152" s="31"/>
      <c r="AAT152" s="31"/>
      <c r="AAU152" s="31"/>
      <c r="AAV152" s="31"/>
      <c r="AAW152" s="31"/>
      <c r="AAX152" s="31"/>
      <c r="AAY152" s="31"/>
      <c r="AAZ152" s="31"/>
      <c r="ABA152" s="31"/>
      <c r="ABB152" s="31"/>
      <c r="ABC152" s="31"/>
      <c r="ABD152" s="31"/>
      <c r="ABE152" s="31"/>
      <c r="ABF152" s="31"/>
      <c r="ABG152" s="31"/>
      <c r="ABH152" s="31"/>
      <c r="ABI152" s="31"/>
      <c r="ABJ152" s="31"/>
      <c r="ABK152" s="31"/>
      <c r="ABL152" s="31"/>
      <c r="ABM152" s="31"/>
      <c r="ABN152" s="31"/>
      <c r="ABO152" s="31"/>
      <c r="ABP152" s="31"/>
      <c r="ABQ152" s="31"/>
      <c r="ABR152" s="31"/>
      <c r="ABS152" s="31"/>
      <c r="ABT152" s="31"/>
      <c r="ABU152" s="31"/>
      <c r="ABV152" s="31"/>
      <c r="ABW152" s="31"/>
      <c r="ABX152" s="31"/>
      <c r="ABY152" s="31"/>
      <c r="ABZ152" s="31"/>
      <c r="ACA152" s="31"/>
      <c r="ACB152" s="31"/>
      <c r="ACC152" s="31"/>
      <c r="ACD152" s="31"/>
      <c r="ACE152" s="31"/>
      <c r="ACF152" s="31"/>
      <c r="ACG152" s="31"/>
      <c r="ACH152" s="31"/>
      <c r="ACI152" s="31"/>
      <c r="ACJ152" s="31"/>
      <c r="ACK152" s="31"/>
      <c r="ACL152" s="31"/>
      <c r="ACM152" s="31"/>
      <c r="ACN152" s="31"/>
      <c r="ACO152" s="31"/>
      <c r="ACP152" s="31"/>
      <c r="ACQ152" s="31"/>
      <c r="ACR152" s="31"/>
      <c r="ACS152" s="31"/>
      <c r="ACT152" s="31"/>
      <c r="ACU152" s="31"/>
      <c r="ACV152" s="31"/>
      <c r="ACW152" s="31"/>
      <c r="ACX152" s="31"/>
      <c r="ACY152" s="31"/>
      <c r="ACZ152" s="31"/>
      <c r="ADA152" s="31"/>
      <c r="ADB152" s="31"/>
      <c r="ADC152" s="31"/>
      <c r="ADD152" s="31"/>
      <c r="ADE152" s="31"/>
      <c r="ADF152" s="31"/>
      <c r="ADG152" s="31"/>
      <c r="ADH152" s="31"/>
      <c r="ADI152" s="31"/>
      <c r="ADJ152" s="31"/>
      <c r="ADK152" s="31"/>
      <c r="ADL152" s="31"/>
      <c r="ADM152" s="31"/>
      <c r="ADN152" s="31"/>
      <c r="ADO152" s="31"/>
      <c r="ADP152" s="31"/>
      <c r="ADQ152" s="31"/>
      <c r="ADR152" s="31"/>
      <c r="ADS152" s="31"/>
      <c r="ADT152" s="31"/>
      <c r="ADU152" s="31"/>
      <c r="ADV152" s="31"/>
      <c r="ADW152" s="31"/>
      <c r="ADX152" s="31"/>
      <c r="ADY152" s="31"/>
      <c r="ADZ152" s="31"/>
      <c r="AEA152" s="31"/>
      <c r="AEB152" s="31"/>
      <c r="AEC152" s="31"/>
      <c r="AED152" s="31"/>
      <c r="AEE152" s="31"/>
      <c r="AEF152" s="31"/>
      <c r="AEG152" s="31"/>
      <c r="AEH152" s="31"/>
      <c r="AEI152" s="31"/>
      <c r="AEJ152" s="31"/>
      <c r="AEK152" s="31"/>
      <c r="AEL152" s="31"/>
      <c r="AEM152" s="31"/>
      <c r="AEN152" s="31"/>
      <c r="AEO152" s="31"/>
      <c r="AEP152" s="31"/>
      <c r="AEQ152" s="31"/>
      <c r="AER152" s="31"/>
      <c r="AES152" s="31"/>
      <c r="AET152" s="31"/>
      <c r="AEU152" s="31"/>
      <c r="AEV152" s="31"/>
      <c r="AEW152" s="31"/>
      <c r="AEX152" s="31"/>
      <c r="AEY152" s="31"/>
      <c r="AEZ152" s="31"/>
      <c r="AFA152" s="31"/>
      <c r="AFB152" s="31"/>
      <c r="AFC152" s="31"/>
      <c r="AFD152" s="31"/>
      <c r="AFE152" s="31"/>
      <c r="AFF152" s="31"/>
      <c r="AFG152" s="31"/>
      <c r="AFH152" s="31"/>
      <c r="AFI152" s="31"/>
      <c r="AFJ152" s="31"/>
      <c r="AFK152" s="31"/>
      <c r="AFL152" s="31"/>
      <c r="AFM152" s="31"/>
      <c r="AFN152" s="31"/>
      <c r="AFO152" s="31"/>
      <c r="AFP152" s="31"/>
      <c r="AFQ152" s="31"/>
      <c r="AFR152" s="31"/>
      <c r="AFS152" s="31"/>
      <c r="AFT152" s="31"/>
      <c r="AFU152" s="31"/>
      <c r="AFV152" s="31"/>
      <c r="AFW152" s="31"/>
      <c r="AFX152" s="31"/>
      <c r="AFY152" s="31"/>
      <c r="AFZ152" s="31"/>
      <c r="AGA152" s="31"/>
      <c r="AGB152" s="31"/>
      <c r="AGC152" s="31"/>
      <c r="AGD152" s="31"/>
      <c r="AGE152" s="31"/>
      <c r="AGF152" s="31"/>
      <c r="AGG152" s="31"/>
      <c r="AGH152" s="31"/>
      <c r="AGI152" s="31"/>
      <c r="AGJ152" s="31"/>
      <c r="AGK152" s="31"/>
      <c r="AGL152" s="31"/>
      <c r="AGM152" s="31"/>
      <c r="AGN152" s="31"/>
      <c r="AGO152" s="31"/>
      <c r="AGP152" s="31"/>
      <c r="AGQ152" s="31"/>
      <c r="AGR152" s="31"/>
      <c r="AGS152" s="31"/>
      <c r="AGT152" s="31"/>
      <c r="AGU152" s="31"/>
      <c r="AGV152" s="31"/>
      <c r="AGW152" s="31"/>
      <c r="AGX152" s="31"/>
      <c r="AGY152" s="31"/>
      <c r="AGZ152" s="31"/>
      <c r="AHA152" s="31"/>
      <c r="AHB152" s="31"/>
      <c r="AHC152" s="31"/>
      <c r="AHD152" s="31"/>
      <c r="AHE152" s="31"/>
      <c r="AHF152" s="31"/>
      <c r="AHG152" s="31"/>
      <c r="AHH152" s="31"/>
      <c r="AHI152" s="31"/>
      <c r="AHJ152" s="31"/>
      <c r="AHK152" s="31"/>
      <c r="AHL152" s="31"/>
      <c r="AHM152" s="31"/>
      <c r="AHN152" s="31"/>
      <c r="AHO152" s="31"/>
      <c r="AHP152" s="31"/>
      <c r="AHQ152" s="31"/>
      <c r="AHR152" s="31"/>
      <c r="AHS152" s="31"/>
      <c r="AHT152" s="31"/>
      <c r="AHU152" s="31"/>
      <c r="AHV152" s="31"/>
      <c r="AHW152" s="31"/>
      <c r="AHX152" s="31"/>
      <c r="AHY152" s="31"/>
      <c r="AHZ152" s="31"/>
      <c r="AIA152" s="31"/>
      <c r="AIB152" s="31"/>
      <c r="AIC152" s="31"/>
      <c r="AID152" s="31"/>
      <c r="AIE152" s="31"/>
      <c r="AIF152" s="31"/>
      <c r="AIG152" s="31"/>
      <c r="AIH152" s="31"/>
      <c r="AII152" s="31"/>
      <c r="AIJ152" s="31"/>
      <c r="AIK152" s="31"/>
      <c r="AIL152" s="31"/>
      <c r="AIM152" s="31"/>
      <c r="AIN152" s="31"/>
      <c r="AIO152" s="31"/>
      <c r="AIP152" s="31"/>
      <c r="AIQ152" s="31"/>
      <c r="AIR152" s="31"/>
      <c r="AIS152" s="31"/>
      <c r="AIT152" s="31"/>
      <c r="AIU152" s="31"/>
      <c r="AIV152" s="31"/>
      <c r="AIW152" s="31"/>
      <c r="AIX152" s="31"/>
      <c r="AIY152" s="31"/>
      <c r="AIZ152" s="31"/>
      <c r="AJA152" s="31"/>
      <c r="AJB152" s="31"/>
      <c r="AJC152" s="31"/>
      <c r="AJD152" s="31"/>
      <c r="AJE152" s="31"/>
      <c r="AJF152" s="31"/>
      <c r="AJG152" s="31"/>
      <c r="AJH152" s="31"/>
      <c r="AJI152" s="31"/>
      <c r="AJJ152" s="31"/>
      <c r="AJK152" s="31"/>
      <c r="AJL152" s="31"/>
      <c r="AJM152" s="31"/>
      <c r="AJN152" s="31"/>
      <c r="AJO152" s="31"/>
      <c r="AJP152" s="31"/>
      <c r="AJQ152" s="31"/>
      <c r="AJR152" s="31"/>
      <c r="AJS152" s="31"/>
      <c r="AJT152" s="31"/>
      <c r="AJU152" s="31"/>
      <c r="AJV152" s="31"/>
      <c r="AJW152" s="31"/>
      <c r="AJX152" s="31"/>
      <c r="AJY152" s="31"/>
      <c r="AJZ152" s="31"/>
      <c r="AKA152" s="31"/>
      <c r="AKB152" s="31"/>
      <c r="AKC152" s="31"/>
      <c r="AKD152" s="31"/>
      <c r="AKE152" s="31"/>
      <c r="AKF152" s="31"/>
      <c r="AKG152" s="31"/>
      <c r="AKH152" s="31"/>
      <c r="AKI152" s="31"/>
      <c r="AKJ152" s="31"/>
      <c r="AKK152" s="31"/>
      <c r="AKL152" s="31"/>
      <c r="AKM152" s="31"/>
      <c r="AKN152" s="31"/>
      <c r="AKO152" s="31"/>
      <c r="AKP152" s="31"/>
      <c r="AKQ152" s="31"/>
      <c r="AKR152" s="31"/>
      <c r="AKS152" s="31"/>
      <c r="AKT152" s="31"/>
      <c r="AKU152" s="31"/>
      <c r="AKV152" s="31"/>
      <c r="AKW152" s="31"/>
      <c r="AKX152" s="31"/>
      <c r="AKY152" s="31"/>
      <c r="AKZ152" s="31"/>
      <c r="ALA152" s="31"/>
      <c r="ALB152" s="31"/>
      <c r="ALC152" s="31"/>
      <c r="ALD152" s="31"/>
      <c r="ALE152" s="31"/>
      <c r="ALF152" s="31"/>
      <c r="ALG152" s="31"/>
      <c r="ALH152" s="31"/>
      <c r="ALI152" s="31"/>
      <c r="ALJ152" s="31"/>
      <c r="ALK152" s="31"/>
      <c r="ALL152" s="31"/>
      <c r="ALM152" s="31"/>
      <c r="ALN152" s="31"/>
      <c r="ALO152" s="31"/>
      <c r="ALP152" s="31"/>
      <c r="ALQ152" s="31"/>
      <c r="ALR152" s="31"/>
      <c r="ALS152" s="31"/>
      <c r="ALT152" s="31"/>
      <c r="ALU152" s="31"/>
      <c r="ALV152" s="31"/>
      <c r="ALW152" s="31"/>
      <c r="ALX152" s="31"/>
      <c r="ALY152" s="31"/>
      <c r="ALZ152" s="31"/>
      <c r="AMA152" s="31"/>
      <c r="AMB152" s="31"/>
      <c r="AMC152" s="31"/>
      <c r="AMD152" s="31"/>
      <c r="AME152" s="31"/>
      <c r="AMF152" s="31"/>
      <c r="AMG152" s="31"/>
      <c r="AMH152" s="31"/>
      <c r="AMI152" s="31"/>
      <c r="AMJ152" s="31"/>
      <c r="AMK152" s="31"/>
      <c r="AML152" s="31"/>
      <c r="AMM152" s="31"/>
      <c r="AMN152" s="31"/>
      <c r="AMO152" s="31"/>
      <c r="AMP152" s="31"/>
      <c r="AMQ152" s="31"/>
      <c r="AMR152" s="31"/>
      <c r="AMS152" s="31"/>
      <c r="AMT152" s="31"/>
      <c r="AMU152" s="31"/>
      <c r="AMV152" s="31"/>
      <c r="AMW152" s="31"/>
      <c r="AMX152" s="31"/>
      <c r="AMY152" s="31"/>
      <c r="AMZ152" s="31"/>
      <c r="ANA152" s="31"/>
      <c r="ANB152" s="31"/>
      <c r="ANC152" s="31"/>
      <c r="AND152" s="31"/>
      <c r="ANE152" s="31"/>
      <c r="ANF152" s="31"/>
      <c r="ANG152" s="31"/>
      <c r="ANH152" s="31"/>
      <c r="ANI152" s="31"/>
      <c r="ANJ152" s="31"/>
      <c r="ANK152" s="31"/>
      <c r="ANL152" s="31"/>
      <c r="ANM152" s="31"/>
      <c r="ANN152" s="31"/>
      <c r="ANO152" s="31"/>
      <c r="ANP152" s="31"/>
      <c r="ANQ152" s="31"/>
      <c r="ANR152" s="31"/>
      <c r="ANS152" s="31"/>
      <c r="ANT152" s="31"/>
      <c r="ANU152" s="31"/>
      <c r="ANV152" s="31"/>
      <c r="ANW152" s="31"/>
      <c r="ANX152" s="31"/>
      <c r="ANY152" s="31"/>
      <c r="ANZ152" s="31"/>
      <c r="AOA152" s="31"/>
      <c r="AOB152" s="31"/>
      <c r="AOC152" s="31"/>
      <c r="AOD152" s="31"/>
      <c r="AOE152" s="31"/>
      <c r="AOF152" s="31"/>
      <c r="AOG152" s="31"/>
      <c r="AOH152" s="31"/>
      <c r="AOI152" s="31"/>
      <c r="AOJ152" s="31"/>
      <c r="AOK152" s="31"/>
      <c r="AOL152" s="31"/>
      <c r="AOM152" s="31"/>
      <c r="AON152" s="31"/>
      <c r="AOO152" s="31"/>
      <c r="AOP152" s="31"/>
      <c r="AOQ152" s="31"/>
      <c r="AOR152" s="31"/>
      <c r="AOS152" s="31"/>
      <c r="AOT152" s="31"/>
      <c r="AOU152" s="31"/>
      <c r="AOV152" s="31"/>
      <c r="AOW152" s="31"/>
      <c r="AOX152" s="31"/>
      <c r="AOY152" s="31"/>
      <c r="AOZ152" s="31"/>
      <c r="APA152" s="31"/>
      <c r="APB152" s="31"/>
      <c r="APC152" s="31"/>
      <c r="APD152" s="31"/>
      <c r="APE152" s="31"/>
      <c r="APF152" s="31"/>
      <c r="APG152" s="31"/>
      <c r="APH152" s="31"/>
      <c r="API152" s="31"/>
      <c r="APJ152" s="31"/>
      <c r="APK152" s="31"/>
      <c r="APL152" s="31"/>
      <c r="APM152" s="31"/>
      <c r="APN152" s="31"/>
      <c r="APO152" s="31"/>
      <c r="APP152" s="31"/>
      <c r="APQ152" s="31"/>
      <c r="APR152" s="31"/>
      <c r="APS152" s="31"/>
      <c r="APT152" s="31"/>
      <c r="APU152" s="31"/>
      <c r="APV152" s="31"/>
      <c r="APW152" s="31"/>
      <c r="APX152" s="31"/>
      <c r="APY152" s="31"/>
      <c r="APZ152" s="31"/>
      <c r="AQA152" s="31"/>
      <c r="AQB152" s="31"/>
      <c r="AQC152" s="31"/>
      <c r="AQD152" s="31"/>
      <c r="AQE152" s="31"/>
      <c r="AQF152" s="31"/>
      <c r="AQG152" s="31"/>
      <c r="AQH152" s="31"/>
      <c r="AQI152" s="31"/>
      <c r="AQJ152" s="31"/>
      <c r="AQK152" s="31"/>
      <c r="AQL152" s="31"/>
      <c r="AQM152" s="31"/>
      <c r="AQN152" s="31"/>
      <c r="AQO152" s="31"/>
      <c r="AQP152" s="31"/>
      <c r="AQQ152" s="31"/>
      <c r="AQR152" s="31"/>
      <c r="AQS152" s="31"/>
      <c r="AQT152" s="31"/>
      <c r="AQU152" s="31"/>
      <c r="AQV152" s="31"/>
      <c r="AQW152" s="31"/>
      <c r="AQX152" s="31"/>
      <c r="AQY152" s="31"/>
      <c r="AQZ152" s="31"/>
      <c r="ARA152" s="31"/>
      <c r="ARB152" s="31"/>
      <c r="ARC152" s="31"/>
      <c r="ARD152" s="31"/>
      <c r="ARE152" s="31"/>
      <c r="ARF152" s="31"/>
      <c r="ARG152" s="31"/>
      <c r="ARH152" s="31"/>
      <c r="ARI152" s="31"/>
      <c r="ARJ152" s="31"/>
      <c r="ARK152" s="31"/>
      <c r="ARL152" s="31"/>
      <c r="ARM152" s="31"/>
      <c r="ARN152" s="31"/>
      <c r="ARO152" s="31"/>
      <c r="ARP152" s="31"/>
      <c r="ARQ152" s="31"/>
      <c r="ARR152" s="31"/>
      <c r="ARS152" s="31"/>
      <c r="ART152" s="31"/>
      <c r="ARU152" s="31"/>
      <c r="ARV152" s="31"/>
      <c r="ARW152" s="31"/>
      <c r="ARX152" s="31"/>
      <c r="ARY152" s="31"/>
      <c r="ARZ152" s="31"/>
      <c r="ASA152" s="31"/>
      <c r="ASB152" s="31"/>
      <c r="ASC152" s="31"/>
      <c r="ASD152" s="31"/>
      <c r="ASE152" s="31"/>
      <c r="ASF152" s="31"/>
      <c r="ASG152" s="31"/>
      <c r="ASH152" s="31"/>
      <c r="ASI152" s="31"/>
      <c r="ASJ152" s="31"/>
      <c r="ASK152" s="31"/>
      <c r="ASL152" s="31"/>
      <c r="ASM152" s="31"/>
      <c r="ASN152" s="31"/>
      <c r="ASO152" s="31"/>
      <c r="ASP152" s="31"/>
      <c r="ASQ152" s="31"/>
      <c r="ASR152" s="31"/>
      <c r="ASS152" s="31"/>
      <c r="AST152" s="31"/>
      <c r="ASU152" s="31"/>
      <c r="ASV152" s="31"/>
      <c r="ASW152" s="31"/>
      <c r="ASX152" s="31"/>
      <c r="ASY152" s="31"/>
      <c r="ASZ152" s="31"/>
      <c r="ATA152" s="31"/>
      <c r="ATB152" s="31"/>
      <c r="ATC152" s="31"/>
      <c r="ATD152" s="31"/>
      <c r="ATE152" s="31"/>
      <c r="ATF152" s="31"/>
      <c r="ATG152" s="31"/>
      <c r="ATH152" s="31"/>
      <c r="ATI152" s="31"/>
      <c r="ATJ152" s="31"/>
      <c r="ATK152" s="31"/>
      <c r="ATL152" s="31"/>
      <c r="ATM152" s="31"/>
      <c r="ATN152" s="31"/>
      <c r="ATO152" s="31"/>
      <c r="ATP152" s="31"/>
      <c r="ATQ152" s="31"/>
      <c r="ATR152" s="31"/>
      <c r="ATS152" s="31"/>
      <c r="ATT152" s="31"/>
      <c r="ATU152" s="31"/>
      <c r="ATV152" s="31"/>
      <c r="ATW152" s="31"/>
      <c r="ATX152" s="31"/>
      <c r="ATY152" s="31"/>
      <c r="ATZ152" s="31"/>
      <c r="AUA152" s="31"/>
      <c r="AUB152" s="31"/>
      <c r="AUC152" s="31"/>
      <c r="AUD152" s="31"/>
      <c r="AUE152" s="31"/>
      <c r="AUF152" s="31"/>
      <c r="AUG152" s="31"/>
      <c r="AUH152" s="31"/>
      <c r="AUI152" s="31"/>
      <c r="AUJ152" s="31"/>
      <c r="AUK152" s="31"/>
      <c r="AUL152" s="31"/>
      <c r="AUM152" s="31"/>
      <c r="AUN152" s="31"/>
      <c r="AUO152" s="31"/>
      <c r="AUP152" s="31"/>
      <c r="AUQ152" s="31"/>
      <c r="AUR152" s="31"/>
      <c r="AUS152" s="31"/>
      <c r="AUT152" s="31"/>
      <c r="AUU152" s="31"/>
      <c r="AUV152" s="31"/>
      <c r="AUW152" s="31"/>
      <c r="AUX152" s="31"/>
      <c r="AUY152" s="31"/>
      <c r="AUZ152" s="31"/>
      <c r="AVA152" s="31"/>
      <c r="AVB152" s="31"/>
      <c r="AVC152" s="31"/>
      <c r="AVD152" s="31"/>
      <c r="AVE152" s="31"/>
      <c r="AVF152" s="31"/>
      <c r="AVG152" s="31"/>
      <c r="AVH152" s="31"/>
      <c r="AVI152" s="31"/>
      <c r="AVJ152" s="31"/>
      <c r="AVK152" s="31"/>
      <c r="AVL152" s="31"/>
      <c r="AVM152" s="31"/>
      <c r="AVN152" s="31"/>
      <c r="AVO152" s="31"/>
      <c r="AVP152" s="31"/>
      <c r="AVQ152" s="31"/>
      <c r="AVR152" s="31"/>
      <c r="AVS152" s="31"/>
      <c r="AVT152" s="31"/>
      <c r="AVU152" s="31"/>
      <c r="AVV152" s="31"/>
      <c r="AVW152" s="31"/>
      <c r="AVX152" s="31"/>
      <c r="AVY152" s="31"/>
      <c r="AVZ152" s="31"/>
      <c r="AWA152" s="31"/>
      <c r="AWB152" s="31"/>
      <c r="AWC152" s="31"/>
      <c r="AWD152" s="31"/>
      <c r="AWE152" s="31"/>
      <c r="AWF152" s="31"/>
      <c r="AWG152" s="31"/>
      <c r="AWH152" s="31"/>
      <c r="AWI152" s="31"/>
      <c r="AWJ152" s="31"/>
      <c r="AWK152" s="31"/>
      <c r="AWL152" s="31"/>
      <c r="AWM152" s="31"/>
      <c r="AWN152" s="31"/>
      <c r="AWO152" s="31"/>
      <c r="AWP152" s="31"/>
      <c r="AWQ152" s="31"/>
      <c r="AWR152" s="31"/>
      <c r="AWS152" s="31"/>
      <c r="AWT152" s="31"/>
      <c r="AWU152" s="31"/>
      <c r="AWV152" s="31"/>
      <c r="AWW152" s="31"/>
      <c r="AWX152" s="31"/>
      <c r="AWY152" s="31"/>
      <c r="AWZ152" s="31"/>
      <c r="AXA152" s="31"/>
      <c r="AXB152" s="31"/>
      <c r="AXC152" s="31"/>
      <c r="AXD152" s="31"/>
      <c r="AXE152" s="31"/>
      <c r="AXF152" s="31"/>
      <c r="AXG152" s="31"/>
      <c r="AXH152" s="31"/>
      <c r="AXI152" s="31"/>
      <c r="AXJ152" s="31"/>
      <c r="AXK152" s="31"/>
      <c r="AXL152" s="31"/>
      <c r="AXM152" s="31"/>
      <c r="AXN152" s="31"/>
      <c r="AXO152" s="31"/>
      <c r="AXP152" s="31"/>
      <c r="AXQ152" s="31"/>
      <c r="AXR152" s="31"/>
      <c r="AXS152" s="31"/>
      <c r="AXT152" s="31"/>
      <c r="AXU152" s="31"/>
      <c r="AXV152" s="31"/>
      <c r="AXW152" s="31"/>
      <c r="AXX152" s="31"/>
      <c r="AXY152" s="31"/>
      <c r="AXZ152" s="31"/>
      <c r="AYA152" s="31"/>
      <c r="AYB152" s="31"/>
      <c r="AYC152" s="31"/>
      <c r="AYD152" s="31"/>
      <c r="AYE152" s="31"/>
      <c r="AYF152" s="31"/>
      <c r="AYG152" s="31"/>
      <c r="AYH152" s="31"/>
      <c r="AYI152" s="31"/>
      <c r="AYJ152" s="31"/>
      <c r="AYK152" s="31"/>
      <c r="AYL152" s="31"/>
      <c r="AYM152" s="31"/>
      <c r="AYN152" s="31"/>
      <c r="AYO152" s="31"/>
      <c r="AYP152" s="31"/>
      <c r="AYQ152" s="31"/>
      <c r="AYR152" s="31"/>
      <c r="AYS152" s="31"/>
      <c r="AYT152" s="31"/>
      <c r="AYU152" s="31"/>
      <c r="AYV152" s="31"/>
      <c r="AYW152" s="31"/>
      <c r="AYX152" s="31"/>
      <c r="AYY152" s="31"/>
      <c r="AYZ152" s="31"/>
      <c r="AZA152" s="31"/>
      <c r="AZB152" s="31"/>
      <c r="AZC152" s="31"/>
      <c r="AZD152" s="31"/>
      <c r="AZE152" s="31"/>
      <c r="AZF152" s="31"/>
      <c r="AZG152" s="31"/>
      <c r="AZH152" s="31"/>
      <c r="AZI152" s="31"/>
      <c r="AZJ152" s="31"/>
      <c r="AZK152" s="31"/>
      <c r="AZL152" s="31"/>
      <c r="AZM152" s="31"/>
      <c r="AZN152" s="31"/>
      <c r="AZO152" s="31"/>
      <c r="AZP152" s="31"/>
      <c r="AZQ152" s="31"/>
      <c r="AZR152" s="31"/>
      <c r="AZS152" s="31"/>
      <c r="AZT152" s="31"/>
      <c r="AZU152" s="31"/>
      <c r="AZV152" s="31"/>
      <c r="AZW152" s="31"/>
      <c r="AZX152" s="31"/>
      <c r="AZY152" s="31"/>
      <c r="AZZ152" s="31"/>
      <c r="BAA152" s="31"/>
      <c r="BAB152" s="31"/>
      <c r="BAC152" s="31"/>
      <c r="BAD152" s="31"/>
      <c r="BAE152" s="31"/>
      <c r="BAF152" s="31"/>
      <c r="BAG152" s="31"/>
      <c r="BAH152" s="31"/>
      <c r="BAI152" s="31"/>
      <c r="BAJ152" s="31"/>
      <c r="BAK152" s="31"/>
      <c r="BAL152" s="31"/>
      <c r="BAM152" s="31"/>
      <c r="BAN152" s="31"/>
      <c r="BAO152" s="31"/>
      <c r="BAP152" s="31"/>
      <c r="BAQ152" s="31"/>
      <c r="BAR152" s="31"/>
      <c r="BAS152" s="31"/>
      <c r="BAT152" s="31"/>
      <c r="BAU152" s="31"/>
      <c r="BAV152" s="31"/>
      <c r="BAW152" s="31"/>
      <c r="BAX152" s="31"/>
      <c r="BAY152" s="31"/>
      <c r="BAZ152" s="31"/>
      <c r="BBA152" s="31"/>
      <c r="BBB152" s="31"/>
      <c r="BBC152" s="31"/>
      <c r="BBD152" s="31"/>
      <c r="BBE152" s="31"/>
      <c r="BBF152" s="31"/>
      <c r="BBG152" s="31"/>
      <c r="BBH152" s="31"/>
      <c r="BBI152" s="31"/>
      <c r="BBJ152" s="31"/>
      <c r="BBK152" s="31"/>
      <c r="BBL152" s="31"/>
      <c r="BBM152" s="31"/>
      <c r="BBN152" s="31"/>
      <c r="BBO152" s="31"/>
      <c r="BBP152" s="31"/>
      <c r="BBQ152" s="31"/>
      <c r="BBR152" s="31"/>
      <c r="BBS152" s="31"/>
      <c r="BBT152" s="31"/>
      <c r="BBU152" s="31"/>
      <c r="BBV152" s="31"/>
      <c r="BBW152" s="31"/>
      <c r="BBX152" s="31"/>
      <c r="BBY152" s="31"/>
      <c r="BBZ152" s="31"/>
      <c r="BCA152" s="31"/>
      <c r="BCB152" s="31"/>
      <c r="BCC152" s="31"/>
      <c r="BCD152" s="31"/>
      <c r="BCE152" s="31"/>
      <c r="BCF152" s="31"/>
      <c r="BCG152" s="31"/>
      <c r="BCH152" s="31"/>
      <c r="BCI152" s="31"/>
      <c r="BCJ152" s="31"/>
      <c r="BCK152" s="31"/>
      <c r="BCL152" s="31"/>
      <c r="BCM152" s="31"/>
      <c r="BCN152" s="31"/>
      <c r="BCO152" s="31"/>
      <c r="BCP152" s="31"/>
      <c r="BCQ152" s="31"/>
      <c r="BCR152" s="31"/>
      <c r="BCS152" s="31"/>
      <c r="BCT152" s="31"/>
      <c r="BCU152" s="31"/>
      <c r="BCV152" s="31"/>
      <c r="BCW152" s="31"/>
      <c r="BCX152" s="31"/>
      <c r="BCY152" s="31"/>
      <c r="BCZ152" s="31"/>
      <c r="BDA152" s="31"/>
      <c r="BDB152" s="31"/>
      <c r="BDC152" s="31"/>
      <c r="BDD152" s="31"/>
      <c r="BDE152" s="31"/>
      <c r="BDF152" s="31"/>
      <c r="BDG152" s="31"/>
      <c r="BDH152" s="31"/>
      <c r="BDI152" s="31"/>
      <c r="BDJ152" s="31"/>
      <c r="BDK152" s="31"/>
      <c r="BDL152" s="31"/>
      <c r="BDM152" s="31"/>
      <c r="BDN152" s="31"/>
      <c r="BDO152" s="31"/>
      <c r="BDP152" s="31"/>
      <c r="BDQ152" s="31"/>
      <c r="BDR152" s="31"/>
      <c r="BDS152" s="31"/>
      <c r="BDT152" s="31"/>
      <c r="BDU152" s="31"/>
      <c r="BDV152" s="31"/>
      <c r="BDW152" s="31"/>
      <c r="BDX152" s="31"/>
      <c r="BDY152" s="31"/>
      <c r="BDZ152" s="31"/>
      <c r="BEA152" s="31"/>
      <c r="BEB152" s="31"/>
      <c r="BEC152" s="31"/>
      <c r="BED152" s="31"/>
      <c r="BEE152" s="31"/>
      <c r="BEF152" s="31"/>
      <c r="BEG152" s="31"/>
      <c r="BEH152" s="31"/>
      <c r="BEI152" s="31"/>
      <c r="BEJ152" s="31"/>
      <c r="BEK152" s="31"/>
      <c r="BEL152" s="31"/>
      <c r="BEM152" s="31"/>
      <c r="BEN152" s="31"/>
      <c r="BEO152" s="31"/>
      <c r="BEP152" s="31"/>
      <c r="BEQ152" s="31"/>
      <c r="BER152" s="31"/>
      <c r="BES152" s="31"/>
      <c r="BET152" s="31"/>
      <c r="BEU152" s="31"/>
      <c r="BEV152" s="31"/>
      <c r="BEW152" s="31"/>
      <c r="BEX152" s="31"/>
      <c r="BEY152" s="31"/>
      <c r="BEZ152" s="31"/>
      <c r="BFA152" s="31"/>
      <c r="BFB152" s="31"/>
      <c r="BFC152" s="31"/>
      <c r="BFD152" s="31"/>
      <c r="BFE152" s="31"/>
      <c r="BFF152" s="31"/>
      <c r="BFG152" s="31"/>
      <c r="BFH152" s="31"/>
      <c r="BFI152" s="31"/>
      <c r="BFJ152" s="31"/>
      <c r="BFK152" s="31"/>
      <c r="BFL152" s="31"/>
      <c r="BFM152" s="31"/>
      <c r="BFN152" s="31"/>
      <c r="BFO152" s="31"/>
      <c r="BFP152" s="31"/>
      <c r="BFQ152" s="31"/>
      <c r="BFR152" s="31"/>
      <c r="BFS152" s="31"/>
      <c r="BFT152" s="31"/>
      <c r="BFU152" s="31"/>
      <c r="BFV152" s="31"/>
      <c r="BFW152" s="31"/>
      <c r="BFX152" s="31"/>
      <c r="BFY152" s="31"/>
      <c r="BFZ152" s="31"/>
      <c r="BGA152" s="31"/>
      <c r="BGB152" s="31"/>
      <c r="BGC152" s="31"/>
      <c r="BGD152" s="31"/>
      <c r="BGE152" s="31"/>
      <c r="BGF152" s="31"/>
      <c r="BGG152" s="31"/>
      <c r="BGH152" s="31"/>
      <c r="BGI152" s="31"/>
      <c r="BGJ152" s="31"/>
      <c r="BGK152" s="31"/>
      <c r="BGL152" s="31"/>
      <c r="BGM152" s="31"/>
      <c r="BGN152" s="31"/>
      <c r="BGO152" s="31"/>
      <c r="BGP152" s="31"/>
      <c r="BGQ152" s="31"/>
      <c r="BGR152" s="31"/>
      <c r="BGS152" s="31"/>
      <c r="BGT152" s="31"/>
      <c r="BGU152" s="31"/>
      <c r="BGV152" s="31"/>
      <c r="BGW152" s="31"/>
      <c r="BGX152" s="31"/>
      <c r="BGY152" s="31"/>
      <c r="BGZ152" s="31"/>
      <c r="BHA152" s="31"/>
      <c r="BHB152" s="31"/>
      <c r="BHC152" s="31"/>
      <c r="BHD152" s="31"/>
      <c r="BHE152" s="31"/>
      <c r="BHF152" s="31"/>
      <c r="BHG152" s="31"/>
      <c r="BHH152" s="31"/>
      <c r="BHI152" s="31"/>
      <c r="BHJ152" s="31"/>
      <c r="BHK152" s="31"/>
      <c r="BHL152" s="31"/>
      <c r="BHM152" s="31"/>
      <c r="BHN152" s="31"/>
      <c r="BHO152" s="31"/>
      <c r="BHP152" s="31"/>
      <c r="BHQ152" s="31"/>
      <c r="BHR152" s="31"/>
      <c r="BHS152" s="31"/>
      <c r="BHT152" s="31"/>
      <c r="BHU152" s="31"/>
      <c r="BHV152" s="31"/>
      <c r="BHW152" s="31"/>
      <c r="BHX152" s="31"/>
      <c r="BHY152" s="31"/>
      <c r="BHZ152" s="31"/>
      <c r="BIA152" s="31"/>
      <c r="BIB152" s="31"/>
      <c r="BIC152" s="31"/>
      <c r="BID152" s="31"/>
      <c r="BIE152" s="31"/>
      <c r="BIF152" s="31"/>
      <c r="BIG152" s="31"/>
      <c r="BIH152" s="31"/>
      <c r="BII152" s="31"/>
      <c r="BIJ152" s="31"/>
      <c r="BIK152" s="31"/>
      <c r="BIL152" s="31"/>
      <c r="BIM152" s="31"/>
      <c r="BIN152" s="31"/>
      <c r="BIO152" s="31"/>
      <c r="BIP152" s="31"/>
      <c r="BIQ152" s="31"/>
      <c r="BIR152" s="31"/>
      <c r="BIS152" s="31"/>
      <c r="BIT152" s="31"/>
      <c r="BIU152" s="31"/>
      <c r="BIV152" s="31"/>
      <c r="BIW152" s="31"/>
      <c r="BIX152" s="31"/>
      <c r="BIY152" s="31"/>
      <c r="BIZ152" s="31"/>
      <c r="BJA152" s="31"/>
      <c r="BJB152" s="31"/>
      <c r="BJC152" s="31"/>
      <c r="BJD152" s="31"/>
      <c r="BJE152" s="31"/>
      <c r="BJF152" s="31"/>
      <c r="BJG152" s="31"/>
      <c r="BJH152" s="31"/>
      <c r="BJI152" s="31"/>
      <c r="BJJ152" s="31"/>
      <c r="BJK152" s="31"/>
      <c r="BJL152" s="31"/>
      <c r="BJM152" s="31"/>
      <c r="BJN152" s="31"/>
      <c r="BJO152" s="31"/>
      <c r="BJP152" s="31"/>
      <c r="BJQ152" s="31"/>
      <c r="BJR152" s="31"/>
      <c r="BJS152" s="31"/>
      <c r="BJT152" s="31"/>
      <c r="BJU152" s="31"/>
      <c r="BJV152" s="31"/>
      <c r="BJW152" s="31"/>
      <c r="BJX152" s="31"/>
      <c r="BJY152" s="31"/>
      <c r="BJZ152" s="31"/>
      <c r="BKA152" s="31"/>
      <c r="BKB152" s="31"/>
      <c r="BKC152" s="31"/>
      <c r="BKD152" s="31"/>
      <c r="BKE152" s="31"/>
      <c r="BKF152" s="31"/>
      <c r="BKG152" s="31"/>
      <c r="BKH152" s="31"/>
      <c r="BKI152" s="31"/>
      <c r="BKJ152" s="31"/>
      <c r="BKK152" s="31"/>
      <c r="BKL152" s="31"/>
      <c r="BKM152" s="31"/>
      <c r="BKN152" s="31"/>
      <c r="BKO152" s="31"/>
      <c r="BKP152" s="31"/>
      <c r="BKQ152" s="31"/>
      <c r="BKR152" s="31"/>
      <c r="BKS152" s="31"/>
      <c r="BKT152" s="31"/>
      <c r="BKU152" s="31"/>
      <c r="BKV152" s="31"/>
      <c r="BKW152" s="31"/>
      <c r="BKX152" s="31"/>
      <c r="BKY152" s="31"/>
      <c r="BKZ152" s="31"/>
      <c r="BLA152" s="31"/>
      <c r="BLB152" s="31"/>
      <c r="BLC152" s="31"/>
      <c r="BLD152" s="31"/>
      <c r="BLE152" s="31"/>
      <c r="BLF152" s="31"/>
      <c r="BLG152" s="31"/>
      <c r="BLH152" s="31"/>
      <c r="BLI152" s="31"/>
      <c r="BLJ152" s="31"/>
      <c r="BLK152" s="31"/>
      <c r="BLL152" s="31"/>
      <c r="BLM152" s="31"/>
      <c r="BLN152" s="31"/>
      <c r="BLO152" s="31"/>
      <c r="BLP152" s="31"/>
      <c r="BLQ152" s="31"/>
      <c r="BLR152" s="31"/>
      <c r="BLS152" s="31"/>
      <c r="BLT152" s="31"/>
      <c r="BLU152" s="31"/>
      <c r="BLV152" s="31"/>
      <c r="BLW152" s="31"/>
      <c r="BLX152" s="31"/>
      <c r="BLY152" s="31"/>
      <c r="BLZ152" s="31"/>
      <c r="BMA152" s="31"/>
      <c r="BMB152" s="31"/>
      <c r="BMC152" s="31"/>
      <c r="BMD152" s="31"/>
      <c r="BME152" s="31"/>
      <c r="BMF152" s="31"/>
      <c r="BMG152" s="31"/>
      <c r="BMH152" s="31"/>
      <c r="BMI152" s="31"/>
      <c r="BMJ152" s="31"/>
      <c r="BMK152" s="31"/>
      <c r="BML152" s="31"/>
      <c r="BMM152" s="31"/>
      <c r="BMN152" s="31"/>
      <c r="BMO152" s="31"/>
      <c r="BMP152" s="31"/>
      <c r="BMQ152" s="31"/>
      <c r="BMR152" s="31"/>
      <c r="BMS152" s="31"/>
      <c r="BMT152" s="31"/>
      <c r="BMU152" s="31"/>
      <c r="BMV152" s="31"/>
      <c r="BMW152" s="31"/>
      <c r="BMX152" s="31"/>
      <c r="BMY152" s="31"/>
      <c r="BMZ152" s="31"/>
      <c r="BNA152" s="31"/>
      <c r="BNB152" s="31"/>
      <c r="BNC152" s="31"/>
      <c r="BND152" s="31"/>
      <c r="BNE152" s="31"/>
      <c r="BNF152" s="31"/>
      <c r="BNG152" s="31"/>
      <c r="BNH152" s="31"/>
      <c r="BNI152" s="31"/>
      <c r="BNJ152" s="31"/>
      <c r="BNK152" s="31"/>
      <c r="BNL152" s="31"/>
      <c r="BNM152" s="31"/>
      <c r="BNN152" s="31"/>
      <c r="BNO152" s="31"/>
      <c r="BNP152" s="31"/>
      <c r="BNQ152" s="31"/>
      <c r="BNR152" s="31"/>
      <c r="BNS152" s="31"/>
      <c r="BNT152" s="31"/>
      <c r="BNU152" s="31"/>
      <c r="BNV152" s="31"/>
      <c r="BNW152" s="31"/>
      <c r="BNX152" s="31"/>
      <c r="BNY152" s="31"/>
      <c r="BNZ152" s="31"/>
      <c r="BOA152" s="31"/>
      <c r="BOB152" s="31"/>
      <c r="BOC152" s="31"/>
      <c r="BOD152" s="31"/>
      <c r="BOE152" s="31"/>
      <c r="BOF152" s="31"/>
      <c r="BOG152" s="31"/>
      <c r="BOH152" s="31"/>
      <c r="BOI152" s="31"/>
      <c r="BOJ152" s="31"/>
      <c r="BOK152" s="31"/>
      <c r="BOL152" s="31"/>
      <c r="BOM152" s="31"/>
      <c r="BON152" s="31"/>
      <c r="BOO152" s="31"/>
      <c r="BOP152" s="31"/>
      <c r="BOQ152" s="31"/>
      <c r="BOR152" s="31"/>
      <c r="BOS152" s="31"/>
      <c r="BOT152" s="31"/>
      <c r="BOU152" s="31"/>
      <c r="BOV152" s="31"/>
      <c r="BOW152" s="31"/>
      <c r="BOX152" s="31"/>
      <c r="BOY152" s="31"/>
      <c r="BOZ152" s="31"/>
      <c r="BPA152" s="31"/>
      <c r="BPB152" s="31"/>
      <c r="BPC152" s="31"/>
      <c r="BPD152" s="31"/>
      <c r="BPE152" s="31"/>
      <c r="BPF152" s="31"/>
      <c r="BPG152" s="31"/>
      <c r="BPH152" s="31"/>
      <c r="BPI152" s="31"/>
      <c r="BPJ152" s="31"/>
      <c r="BPK152" s="31"/>
      <c r="BPL152" s="31"/>
      <c r="BPM152" s="31"/>
      <c r="BPN152" s="31"/>
      <c r="BPO152" s="31"/>
      <c r="BPP152" s="31"/>
      <c r="BPQ152" s="31"/>
      <c r="BPR152" s="31"/>
      <c r="BPS152" s="31"/>
      <c r="BPT152" s="31"/>
      <c r="BPU152" s="31"/>
      <c r="BPV152" s="31"/>
      <c r="BPW152" s="31"/>
      <c r="BPX152" s="31"/>
      <c r="BPY152" s="31"/>
      <c r="BPZ152" s="31"/>
      <c r="BQA152" s="31"/>
      <c r="BQB152" s="31"/>
      <c r="BQC152" s="31"/>
      <c r="BQD152" s="31"/>
      <c r="BQE152" s="31"/>
      <c r="BQF152" s="31"/>
      <c r="BQG152" s="31"/>
      <c r="BQH152" s="31"/>
      <c r="BQI152" s="31"/>
      <c r="BQJ152" s="31"/>
      <c r="BQK152" s="31"/>
      <c r="BQL152" s="31"/>
      <c r="BQM152" s="31"/>
      <c r="BQN152" s="31"/>
      <c r="BQO152" s="31"/>
      <c r="BQP152" s="31"/>
      <c r="BQQ152" s="31"/>
      <c r="BQR152" s="31"/>
      <c r="BQS152" s="31"/>
      <c r="BQT152" s="31"/>
      <c r="BQU152" s="31"/>
      <c r="BQV152" s="31"/>
      <c r="BQW152" s="31"/>
      <c r="BQX152" s="31"/>
      <c r="BQY152" s="31"/>
      <c r="BQZ152" s="31"/>
      <c r="BRA152" s="31"/>
      <c r="BRB152" s="31"/>
      <c r="BRC152" s="31"/>
      <c r="BRD152" s="31"/>
      <c r="BRE152" s="31"/>
      <c r="BRF152" s="31"/>
      <c r="BRG152" s="31"/>
      <c r="BRH152" s="31"/>
      <c r="BRI152" s="31"/>
      <c r="BRJ152" s="31"/>
      <c r="BRK152" s="31"/>
      <c r="BRL152" s="31"/>
      <c r="BRM152" s="31"/>
      <c r="BRN152" s="31"/>
      <c r="BRO152" s="31"/>
      <c r="BRP152" s="31"/>
      <c r="BRQ152" s="31"/>
      <c r="BRR152" s="31"/>
      <c r="BRS152" s="31"/>
      <c r="BRT152" s="31"/>
      <c r="BRU152" s="31"/>
      <c r="BRV152" s="31"/>
      <c r="BRW152" s="31"/>
      <c r="BRX152" s="31"/>
      <c r="BRY152" s="31"/>
      <c r="BRZ152" s="31"/>
      <c r="BSA152" s="31"/>
      <c r="BSB152" s="31"/>
      <c r="BSC152" s="31"/>
      <c r="BSD152" s="31"/>
      <c r="BSE152" s="31"/>
      <c r="BSF152" s="31"/>
      <c r="BSG152" s="31"/>
      <c r="BSH152" s="31"/>
      <c r="BSI152" s="31"/>
      <c r="BSJ152" s="31"/>
      <c r="BSK152" s="31"/>
      <c r="BSL152" s="31"/>
      <c r="BSM152" s="31"/>
      <c r="BSN152" s="31"/>
      <c r="BSO152" s="31"/>
      <c r="BSP152" s="31"/>
      <c r="BSQ152" s="31"/>
      <c r="BSR152" s="31"/>
      <c r="BSS152" s="31"/>
      <c r="BST152" s="31"/>
      <c r="BSU152" s="31"/>
      <c r="BSV152" s="31"/>
      <c r="BSW152" s="31"/>
      <c r="BSX152" s="31"/>
      <c r="BSY152" s="31"/>
      <c r="BSZ152" s="31"/>
      <c r="BTA152" s="31"/>
      <c r="BTB152" s="31"/>
      <c r="BTC152" s="31"/>
      <c r="BTD152" s="31"/>
      <c r="BTE152" s="31"/>
      <c r="BTF152" s="31"/>
      <c r="BTG152" s="31"/>
      <c r="BTH152" s="31"/>
      <c r="BTI152" s="31"/>
      <c r="BTJ152" s="31"/>
      <c r="BTK152" s="31"/>
      <c r="BTL152" s="31"/>
      <c r="BTM152" s="31"/>
      <c r="BTN152" s="31"/>
      <c r="BTO152" s="31"/>
      <c r="BTP152" s="31"/>
      <c r="BTQ152" s="31"/>
      <c r="BTR152" s="31"/>
      <c r="BTS152" s="31"/>
      <c r="BTT152" s="31"/>
      <c r="BTU152" s="31"/>
      <c r="BTV152" s="31"/>
      <c r="BTW152" s="31"/>
      <c r="BTX152" s="31"/>
      <c r="BTY152" s="31"/>
      <c r="BTZ152" s="31"/>
      <c r="BUA152" s="31"/>
      <c r="BUB152" s="31"/>
      <c r="BUC152" s="31"/>
      <c r="BUD152" s="31"/>
      <c r="BUE152" s="31"/>
      <c r="BUF152" s="31"/>
      <c r="BUG152" s="31"/>
      <c r="BUH152" s="31"/>
      <c r="BUI152" s="31"/>
      <c r="BUJ152" s="31"/>
      <c r="BUK152" s="31"/>
      <c r="BUL152" s="31"/>
      <c r="BUM152" s="31"/>
      <c r="BUN152" s="31"/>
      <c r="BUO152" s="31"/>
      <c r="BUP152" s="31"/>
      <c r="BUQ152" s="31"/>
      <c r="BUR152" s="31"/>
      <c r="BUS152" s="31"/>
      <c r="BUT152" s="31"/>
      <c r="BUU152" s="31"/>
      <c r="BUV152" s="31"/>
      <c r="BUW152" s="31"/>
      <c r="BUX152" s="31"/>
      <c r="BUY152" s="31"/>
      <c r="BUZ152" s="31"/>
      <c r="BVA152" s="31"/>
      <c r="BVB152" s="31"/>
      <c r="BVC152" s="31"/>
      <c r="BVD152" s="31"/>
      <c r="BVE152" s="31"/>
      <c r="BVF152" s="31"/>
      <c r="BVG152" s="31"/>
      <c r="BVH152" s="31"/>
      <c r="BVI152" s="31"/>
      <c r="BVJ152" s="31"/>
      <c r="BVK152" s="31"/>
      <c r="BVL152" s="31"/>
      <c r="BVM152" s="31"/>
      <c r="BVN152" s="31"/>
      <c r="BVO152" s="31"/>
      <c r="BVP152" s="31"/>
      <c r="BVQ152" s="31"/>
      <c r="BVR152" s="31"/>
      <c r="BVS152" s="31"/>
      <c r="BVT152" s="31"/>
      <c r="BVU152" s="31"/>
      <c r="BVV152" s="31"/>
      <c r="BVW152" s="31"/>
      <c r="BVX152" s="31"/>
      <c r="BVY152" s="31"/>
      <c r="BVZ152" s="31"/>
      <c r="BWA152" s="31"/>
      <c r="BWB152" s="31"/>
      <c r="BWC152" s="31"/>
      <c r="BWD152" s="31"/>
      <c r="BWE152" s="31"/>
      <c r="BWF152" s="31"/>
      <c r="BWG152" s="31"/>
      <c r="BWH152" s="31"/>
      <c r="BWI152" s="31"/>
      <c r="BWJ152" s="31"/>
      <c r="BWK152" s="31"/>
      <c r="BWL152" s="31"/>
      <c r="BWM152" s="31"/>
      <c r="BWN152" s="31"/>
      <c r="BWO152" s="31"/>
      <c r="BWP152" s="31"/>
      <c r="BWQ152" s="31"/>
      <c r="BWR152" s="31"/>
      <c r="BWS152" s="31"/>
      <c r="BWT152" s="31"/>
      <c r="BWU152" s="31"/>
      <c r="BWV152" s="31"/>
      <c r="BWW152" s="31"/>
      <c r="BWX152" s="31"/>
      <c r="BWY152" s="31"/>
      <c r="BWZ152" s="31"/>
      <c r="BXA152" s="31"/>
      <c r="BXB152" s="31"/>
      <c r="BXC152" s="31"/>
      <c r="BXD152" s="31"/>
      <c r="BXE152" s="31"/>
      <c r="BXF152" s="31"/>
      <c r="BXG152" s="31"/>
      <c r="BXH152" s="31"/>
      <c r="BXI152" s="31"/>
      <c r="BXJ152" s="31"/>
      <c r="BXK152" s="31"/>
      <c r="BXL152" s="31"/>
      <c r="BXM152" s="31"/>
      <c r="BXN152" s="31"/>
      <c r="BXO152" s="31"/>
      <c r="BXP152" s="31"/>
      <c r="BXQ152" s="31"/>
      <c r="BXR152" s="31"/>
      <c r="BXS152" s="31"/>
      <c r="BXT152" s="31"/>
      <c r="BXU152" s="31"/>
      <c r="BXV152" s="31"/>
      <c r="BXW152" s="31"/>
      <c r="BXX152" s="31"/>
      <c r="BXY152" s="31"/>
      <c r="BXZ152" s="31"/>
      <c r="BYA152" s="31"/>
      <c r="BYB152" s="31"/>
      <c r="BYC152" s="31"/>
      <c r="BYD152" s="31"/>
      <c r="BYE152" s="31"/>
      <c r="BYF152" s="31"/>
      <c r="BYG152" s="31"/>
      <c r="BYH152" s="31"/>
      <c r="BYI152" s="31"/>
      <c r="BYJ152" s="31"/>
      <c r="BYK152" s="31"/>
      <c r="BYL152" s="31"/>
      <c r="BYM152" s="31"/>
      <c r="BYN152" s="31"/>
      <c r="BYO152" s="31"/>
      <c r="BYP152" s="31"/>
      <c r="BYQ152" s="31"/>
      <c r="BYR152" s="31"/>
      <c r="BYS152" s="31"/>
      <c r="BYT152" s="31"/>
      <c r="BYU152" s="31"/>
      <c r="BYV152" s="31"/>
      <c r="BYW152" s="31"/>
      <c r="BYX152" s="31"/>
      <c r="BYY152" s="31"/>
      <c r="BYZ152" s="31"/>
      <c r="BZA152" s="31"/>
      <c r="BZB152" s="31"/>
      <c r="BZC152" s="31"/>
      <c r="BZD152" s="31"/>
      <c r="BZE152" s="31"/>
      <c r="BZF152" s="31"/>
      <c r="BZG152" s="31"/>
      <c r="BZH152" s="31"/>
      <c r="BZI152" s="31"/>
      <c r="BZJ152" s="31"/>
      <c r="BZK152" s="31"/>
      <c r="BZL152" s="31"/>
      <c r="BZM152" s="31"/>
      <c r="BZN152" s="31"/>
      <c r="BZO152" s="31"/>
      <c r="BZP152" s="31"/>
      <c r="BZQ152" s="31"/>
      <c r="BZR152" s="31"/>
      <c r="BZS152" s="31"/>
      <c r="BZT152" s="31"/>
      <c r="BZU152" s="31"/>
      <c r="BZV152" s="31"/>
      <c r="BZW152" s="31"/>
      <c r="BZX152" s="31"/>
      <c r="BZY152" s="31"/>
      <c r="BZZ152" s="31"/>
      <c r="CAA152" s="31"/>
      <c r="CAB152" s="31"/>
      <c r="CAC152" s="31"/>
      <c r="CAD152" s="31"/>
      <c r="CAE152" s="31"/>
      <c r="CAF152" s="31"/>
      <c r="CAG152" s="31"/>
      <c r="CAH152" s="31"/>
      <c r="CAI152" s="31"/>
      <c r="CAJ152" s="31"/>
      <c r="CAK152" s="31"/>
      <c r="CAL152" s="31"/>
      <c r="CAM152" s="31"/>
      <c r="CAN152" s="31"/>
      <c r="CAO152" s="31"/>
      <c r="CAP152" s="31"/>
      <c r="CAQ152" s="31"/>
      <c r="CAR152" s="31"/>
      <c r="CAS152" s="31"/>
      <c r="CAT152" s="31"/>
      <c r="CAU152" s="31"/>
      <c r="CAV152" s="31"/>
      <c r="CAW152" s="31"/>
      <c r="CAX152" s="31"/>
      <c r="CAY152" s="31"/>
      <c r="CAZ152" s="31"/>
      <c r="CBA152" s="31"/>
      <c r="CBB152" s="31"/>
      <c r="CBC152" s="31"/>
      <c r="CBD152" s="31"/>
      <c r="CBE152" s="31"/>
      <c r="CBF152" s="31"/>
      <c r="CBG152" s="31"/>
      <c r="CBH152" s="31"/>
      <c r="CBI152" s="31"/>
      <c r="CBJ152" s="31"/>
      <c r="CBK152" s="31"/>
      <c r="CBL152" s="31"/>
      <c r="CBM152" s="31"/>
      <c r="CBN152" s="31"/>
      <c r="CBO152" s="31"/>
      <c r="CBP152" s="31"/>
      <c r="CBQ152" s="31"/>
      <c r="CBR152" s="31"/>
      <c r="CBS152" s="31"/>
      <c r="CBT152" s="31"/>
      <c r="CBU152" s="31"/>
      <c r="CBV152" s="31"/>
      <c r="CBW152" s="31"/>
      <c r="CBX152" s="31"/>
      <c r="CBY152" s="31"/>
      <c r="CBZ152" s="31"/>
      <c r="CCA152" s="31"/>
      <c r="CCB152" s="31"/>
      <c r="CCC152" s="31"/>
      <c r="CCD152" s="31"/>
      <c r="CCE152" s="31"/>
      <c r="CCF152" s="31"/>
      <c r="CCG152" s="31"/>
      <c r="CCH152" s="31"/>
      <c r="CCI152" s="31"/>
      <c r="CCJ152" s="31"/>
      <c r="CCK152" s="31"/>
      <c r="CCL152" s="31"/>
      <c r="CCM152" s="31"/>
      <c r="CCN152" s="31"/>
      <c r="CCO152" s="31"/>
      <c r="CCP152" s="31"/>
      <c r="CCQ152" s="31"/>
      <c r="CCR152" s="31"/>
      <c r="CCS152" s="31"/>
      <c r="CCT152" s="31"/>
      <c r="CCU152" s="31"/>
      <c r="CCV152" s="31"/>
      <c r="CCW152" s="31"/>
      <c r="CCX152" s="31"/>
      <c r="CCY152" s="31"/>
      <c r="CCZ152" s="31"/>
      <c r="CDA152" s="31"/>
      <c r="CDB152" s="31"/>
      <c r="CDC152" s="31"/>
      <c r="CDD152" s="31"/>
      <c r="CDE152" s="31"/>
      <c r="CDF152" s="31"/>
      <c r="CDG152" s="31"/>
      <c r="CDH152" s="31"/>
      <c r="CDI152" s="31"/>
      <c r="CDJ152" s="31"/>
      <c r="CDK152" s="31"/>
      <c r="CDL152" s="31"/>
      <c r="CDM152" s="31"/>
      <c r="CDN152" s="31"/>
      <c r="CDO152" s="31"/>
      <c r="CDP152" s="31"/>
      <c r="CDQ152" s="31"/>
      <c r="CDR152" s="31"/>
      <c r="CDS152" s="31"/>
      <c r="CDT152" s="31"/>
      <c r="CDU152" s="31"/>
      <c r="CDV152" s="31"/>
      <c r="CDW152" s="31"/>
      <c r="CDX152" s="31"/>
      <c r="CDY152" s="31"/>
      <c r="CDZ152" s="31"/>
      <c r="CEA152" s="31"/>
      <c r="CEB152" s="31"/>
      <c r="CEC152" s="31"/>
      <c r="CED152" s="31"/>
      <c r="CEE152" s="31"/>
      <c r="CEF152" s="31"/>
      <c r="CEG152" s="31"/>
      <c r="CEH152" s="31"/>
      <c r="CEI152" s="31"/>
      <c r="CEJ152" s="31"/>
      <c r="CEK152" s="31"/>
      <c r="CEL152" s="31"/>
      <c r="CEM152" s="31"/>
      <c r="CEN152" s="31"/>
      <c r="CEO152" s="31"/>
      <c r="CEP152" s="31"/>
      <c r="CEQ152" s="31"/>
      <c r="CER152" s="31"/>
      <c r="CES152" s="31"/>
      <c r="CET152" s="31"/>
      <c r="CEU152" s="31"/>
      <c r="CEV152" s="31"/>
      <c r="CEW152" s="31"/>
      <c r="CEX152" s="31"/>
      <c r="CEY152" s="31"/>
      <c r="CEZ152" s="31"/>
      <c r="CFA152" s="31"/>
      <c r="CFB152" s="31"/>
      <c r="CFC152" s="31"/>
      <c r="CFD152" s="31"/>
      <c r="CFE152" s="31"/>
      <c r="CFF152" s="31"/>
      <c r="CFG152" s="31"/>
      <c r="CFH152" s="31"/>
      <c r="CFI152" s="31"/>
      <c r="CFJ152" s="31"/>
      <c r="CFK152" s="31"/>
      <c r="CFL152" s="31"/>
      <c r="CFM152" s="31"/>
      <c r="CFN152" s="31"/>
      <c r="CFO152" s="31"/>
      <c r="CFP152" s="31"/>
      <c r="CFQ152" s="31"/>
      <c r="CFR152" s="31"/>
      <c r="CFS152" s="31"/>
      <c r="CFT152" s="31"/>
      <c r="CFU152" s="31"/>
      <c r="CFV152" s="31"/>
      <c r="CFW152" s="31"/>
      <c r="CFX152" s="31"/>
      <c r="CFY152" s="31"/>
      <c r="CFZ152" s="31"/>
      <c r="CGA152" s="31"/>
      <c r="CGB152" s="31"/>
      <c r="CGC152" s="31"/>
      <c r="CGD152" s="31"/>
      <c r="CGE152" s="31"/>
      <c r="CGF152" s="31"/>
      <c r="CGG152" s="31"/>
      <c r="CGH152" s="31"/>
      <c r="CGI152" s="31"/>
      <c r="CGJ152" s="31"/>
      <c r="CGK152" s="31"/>
      <c r="CGL152" s="31"/>
      <c r="CGM152" s="31"/>
      <c r="CGN152" s="31"/>
      <c r="CGO152" s="31"/>
      <c r="CGP152" s="31"/>
      <c r="CGQ152" s="31"/>
      <c r="CGR152" s="31"/>
      <c r="CGS152" s="31"/>
      <c r="CGT152" s="31"/>
      <c r="CGU152" s="31"/>
      <c r="CGV152" s="31"/>
      <c r="CGW152" s="31"/>
      <c r="CGX152" s="31"/>
      <c r="CGY152" s="31"/>
      <c r="CGZ152" s="31"/>
      <c r="CHA152" s="31"/>
      <c r="CHB152" s="31"/>
      <c r="CHC152" s="31"/>
      <c r="CHD152" s="31"/>
      <c r="CHE152" s="31"/>
      <c r="CHF152" s="31"/>
      <c r="CHG152" s="31"/>
      <c r="CHH152" s="31"/>
      <c r="CHI152" s="31"/>
      <c r="CHJ152" s="31"/>
      <c r="CHK152" s="31"/>
      <c r="CHL152" s="31"/>
      <c r="CHM152" s="31"/>
      <c r="CHN152" s="31"/>
      <c r="CHO152" s="31"/>
      <c r="CHP152" s="31"/>
      <c r="CHQ152" s="31"/>
      <c r="CHR152" s="31"/>
      <c r="CHS152" s="31"/>
      <c r="CHT152" s="31"/>
      <c r="CHU152" s="31"/>
      <c r="CHV152" s="31"/>
      <c r="CHW152" s="31"/>
      <c r="CHX152" s="31"/>
      <c r="CHY152" s="31"/>
      <c r="CHZ152" s="31"/>
      <c r="CIA152" s="31"/>
      <c r="CIB152" s="31"/>
      <c r="CIC152" s="31"/>
      <c r="CID152" s="31"/>
      <c r="CIE152" s="31"/>
      <c r="CIF152" s="31"/>
      <c r="CIG152" s="31"/>
      <c r="CIH152" s="31"/>
      <c r="CII152" s="31"/>
      <c r="CIJ152" s="31"/>
      <c r="CIK152" s="31"/>
      <c r="CIL152" s="31"/>
      <c r="CIM152" s="31"/>
      <c r="CIN152" s="31"/>
      <c r="CIO152" s="31"/>
      <c r="CIP152" s="31"/>
      <c r="CIQ152" s="31"/>
      <c r="CIR152" s="31"/>
      <c r="CIS152" s="31"/>
      <c r="CIT152" s="31"/>
      <c r="CIU152" s="31"/>
      <c r="CIV152" s="31"/>
      <c r="CIW152" s="31"/>
      <c r="CIX152" s="31"/>
      <c r="CIY152" s="31"/>
      <c r="CIZ152" s="31"/>
      <c r="CJA152" s="31"/>
      <c r="CJB152" s="31"/>
      <c r="CJC152" s="31"/>
      <c r="CJD152" s="31"/>
      <c r="CJE152" s="31"/>
      <c r="CJF152" s="31"/>
      <c r="CJG152" s="31"/>
      <c r="CJH152" s="31"/>
      <c r="CJI152" s="31"/>
      <c r="CJJ152" s="31"/>
      <c r="CJK152" s="31"/>
      <c r="CJL152" s="31"/>
      <c r="CJM152" s="31"/>
      <c r="CJN152" s="31"/>
      <c r="CJO152" s="31"/>
      <c r="CJP152" s="31"/>
      <c r="CJQ152" s="31"/>
      <c r="CJR152" s="31"/>
      <c r="CJS152" s="31"/>
      <c r="CJT152" s="31"/>
      <c r="CJU152" s="31"/>
      <c r="CJV152" s="31"/>
      <c r="CJW152" s="31"/>
      <c r="CJX152" s="31"/>
      <c r="CJY152" s="31"/>
      <c r="CJZ152" s="31"/>
      <c r="CKA152" s="31"/>
      <c r="CKB152" s="31"/>
      <c r="CKC152" s="31"/>
      <c r="CKD152" s="31"/>
      <c r="CKE152" s="31"/>
      <c r="CKF152" s="31"/>
      <c r="CKG152" s="31"/>
      <c r="CKH152" s="31"/>
      <c r="CKI152" s="31"/>
      <c r="CKJ152" s="31"/>
      <c r="CKK152" s="31"/>
      <c r="CKL152" s="31"/>
      <c r="CKM152" s="31"/>
      <c r="CKN152" s="31"/>
      <c r="CKO152" s="31"/>
      <c r="CKP152" s="31"/>
      <c r="CKQ152" s="31"/>
      <c r="CKR152" s="31"/>
      <c r="CKS152" s="31"/>
      <c r="CKT152" s="31"/>
      <c r="CKU152" s="31"/>
      <c r="CKV152" s="31"/>
      <c r="CKW152" s="31"/>
      <c r="CKX152" s="31"/>
      <c r="CKY152" s="31"/>
      <c r="CKZ152" s="31"/>
      <c r="CLA152" s="31"/>
      <c r="CLB152" s="31"/>
      <c r="CLC152" s="31"/>
      <c r="CLD152" s="31"/>
      <c r="CLE152" s="31"/>
      <c r="CLF152" s="31"/>
      <c r="CLG152" s="31"/>
      <c r="CLH152" s="31"/>
      <c r="CLI152" s="31"/>
      <c r="CLJ152" s="31"/>
      <c r="CLK152" s="31"/>
      <c r="CLL152" s="31"/>
      <c r="CLM152" s="31"/>
      <c r="CLN152" s="31"/>
      <c r="CLO152" s="31"/>
      <c r="CLP152" s="31"/>
      <c r="CLQ152" s="31"/>
      <c r="CLR152" s="31"/>
      <c r="CLS152" s="31"/>
      <c r="CLT152" s="31"/>
      <c r="CLU152" s="31"/>
      <c r="CLV152" s="31"/>
      <c r="CLW152" s="31"/>
      <c r="CLX152" s="31"/>
      <c r="CLY152" s="31"/>
      <c r="CLZ152" s="31"/>
      <c r="CMA152" s="31"/>
      <c r="CMB152" s="31"/>
      <c r="CMC152" s="31"/>
      <c r="CMD152" s="31"/>
      <c r="CME152" s="31"/>
      <c r="CMF152" s="31"/>
      <c r="CMG152" s="31"/>
      <c r="CMH152" s="31"/>
      <c r="CMI152" s="31"/>
      <c r="CMJ152" s="31"/>
      <c r="CMK152" s="31"/>
      <c r="CML152" s="31"/>
      <c r="CMM152" s="31"/>
      <c r="CMN152" s="31"/>
      <c r="CMO152" s="31"/>
      <c r="CMP152" s="31"/>
      <c r="CMQ152" s="31"/>
      <c r="CMR152" s="31"/>
      <c r="CMS152" s="31"/>
      <c r="CMT152" s="31"/>
      <c r="CMU152" s="31"/>
      <c r="CMV152" s="31"/>
      <c r="CMW152" s="31"/>
      <c r="CMX152" s="31"/>
      <c r="CMY152" s="31"/>
      <c r="CMZ152" s="31"/>
      <c r="CNA152" s="31"/>
      <c r="CNB152" s="31"/>
      <c r="CNC152" s="31"/>
      <c r="CND152" s="31"/>
      <c r="CNE152" s="31"/>
      <c r="CNF152" s="31"/>
      <c r="CNG152" s="31"/>
      <c r="CNH152" s="31"/>
      <c r="CNI152" s="31"/>
      <c r="CNJ152" s="31"/>
      <c r="CNK152" s="31"/>
      <c r="CNL152" s="31"/>
      <c r="CNM152" s="31"/>
      <c r="CNN152" s="31"/>
      <c r="CNO152" s="31"/>
      <c r="CNP152" s="31"/>
      <c r="CNQ152" s="31"/>
      <c r="CNR152" s="31"/>
      <c r="CNS152" s="31"/>
      <c r="CNT152" s="31"/>
      <c r="CNU152" s="31"/>
      <c r="CNV152" s="31"/>
      <c r="CNW152" s="31"/>
      <c r="CNX152" s="31"/>
      <c r="CNY152" s="31"/>
      <c r="CNZ152" s="31"/>
      <c r="COA152" s="31"/>
      <c r="COB152" s="31"/>
      <c r="COC152" s="31"/>
      <c r="COD152" s="31"/>
      <c r="COE152" s="31"/>
      <c r="COF152" s="31"/>
      <c r="COG152" s="31"/>
      <c r="COH152" s="31"/>
      <c r="COI152" s="31"/>
      <c r="COJ152" s="31"/>
      <c r="COK152" s="31"/>
      <c r="COL152" s="31"/>
      <c r="COM152" s="31"/>
      <c r="CON152" s="31"/>
      <c r="COO152" s="31"/>
      <c r="COP152" s="31"/>
      <c r="COQ152" s="31"/>
      <c r="COR152" s="31"/>
      <c r="COS152" s="31"/>
      <c r="COT152" s="31"/>
      <c r="COU152" s="31"/>
      <c r="COV152" s="31"/>
      <c r="COW152" s="31"/>
      <c r="COX152" s="31"/>
      <c r="COY152" s="31"/>
      <c r="COZ152" s="31"/>
      <c r="CPA152" s="31"/>
      <c r="CPB152" s="31"/>
      <c r="CPC152" s="31"/>
      <c r="CPD152" s="31"/>
      <c r="CPE152" s="31"/>
      <c r="CPF152" s="31"/>
      <c r="CPG152" s="31"/>
      <c r="CPH152" s="31"/>
      <c r="CPI152" s="31"/>
      <c r="CPJ152" s="31"/>
      <c r="CPK152" s="31"/>
      <c r="CPL152" s="31"/>
      <c r="CPM152" s="31"/>
      <c r="CPN152" s="31"/>
      <c r="CPO152" s="31"/>
      <c r="CPP152" s="31"/>
      <c r="CPQ152" s="31"/>
      <c r="CPR152" s="31"/>
      <c r="CPS152" s="31"/>
      <c r="CPT152" s="31"/>
      <c r="CPU152" s="31"/>
      <c r="CPV152" s="31"/>
      <c r="CPW152" s="31"/>
      <c r="CPX152" s="31"/>
      <c r="CPY152" s="31"/>
      <c r="CPZ152" s="31"/>
      <c r="CQA152" s="31"/>
      <c r="CQB152" s="31"/>
      <c r="CQC152" s="31"/>
      <c r="CQD152" s="31"/>
      <c r="CQE152" s="31"/>
      <c r="CQF152" s="31"/>
      <c r="CQG152" s="31"/>
      <c r="CQH152" s="31"/>
      <c r="CQI152" s="31"/>
      <c r="CQJ152" s="31"/>
      <c r="CQK152" s="31"/>
      <c r="CQL152" s="31"/>
      <c r="CQM152" s="31"/>
      <c r="CQN152" s="31"/>
      <c r="CQO152" s="31"/>
      <c r="CQP152" s="31"/>
      <c r="CQQ152" s="31"/>
      <c r="CQR152" s="31"/>
      <c r="CQS152" s="31"/>
      <c r="CQT152" s="31"/>
      <c r="CQU152" s="31"/>
      <c r="CQV152" s="31"/>
      <c r="CQW152" s="31"/>
      <c r="CQX152" s="31"/>
      <c r="CQY152" s="31"/>
      <c r="CQZ152" s="31"/>
      <c r="CRA152" s="31"/>
      <c r="CRB152" s="31"/>
      <c r="CRC152" s="31"/>
      <c r="CRD152" s="31"/>
      <c r="CRE152" s="31"/>
      <c r="CRF152" s="31"/>
      <c r="CRG152" s="31"/>
      <c r="CRH152" s="31"/>
      <c r="CRI152" s="31"/>
      <c r="CRJ152" s="31"/>
      <c r="CRK152" s="31"/>
      <c r="CRL152" s="31"/>
      <c r="CRM152" s="31"/>
      <c r="CRN152" s="31"/>
      <c r="CRO152" s="31"/>
      <c r="CRP152" s="31"/>
      <c r="CRQ152" s="31"/>
      <c r="CRR152" s="31"/>
      <c r="CRS152" s="31"/>
      <c r="CRT152" s="31"/>
      <c r="CRU152" s="31"/>
      <c r="CRV152" s="31"/>
      <c r="CRW152" s="31"/>
      <c r="CRX152" s="31"/>
      <c r="CRY152" s="31"/>
      <c r="CRZ152" s="31"/>
      <c r="CSA152" s="31"/>
      <c r="CSB152" s="31"/>
      <c r="CSC152" s="31"/>
      <c r="CSD152" s="31"/>
      <c r="CSE152" s="31"/>
      <c r="CSF152" s="31"/>
      <c r="CSG152" s="31"/>
      <c r="CSH152" s="31"/>
      <c r="CSI152" s="31"/>
      <c r="CSJ152" s="31"/>
      <c r="CSK152" s="31"/>
      <c r="CSL152" s="31"/>
      <c r="CSM152" s="31"/>
      <c r="CSN152" s="31"/>
      <c r="CSO152" s="31"/>
      <c r="CSP152" s="31"/>
      <c r="CSQ152" s="31"/>
      <c r="CSR152" s="31"/>
      <c r="CSS152" s="31"/>
      <c r="CST152" s="31"/>
      <c r="CSU152" s="31"/>
      <c r="CSV152" s="31"/>
      <c r="CSW152" s="31"/>
      <c r="CSX152" s="31"/>
      <c r="CSY152" s="31"/>
      <c r="CSZ152" s="31"/>
      <c r="CTA152" s="31"/>
      <c r="CTB152" s="31"/>
      <c r="CTC152" s="31"/>
      <c r="CTD152" s="31"/>
      <c r="CTE152" s="31"/>
      <c r="CTF152" s="31"/>
      <c r="CTG152" s="31"/>
      <c r="CTH152" s="31"/>
      <c r="CTI152" s="31"/>
      <c r="CTJ152" s="31"/>
      <c r="CTK152" s="31"/>
      <c r="CTL152" s="31"/>
      <c r="CTM152" s="31"/>
      <c r="CTN152" s="31"/>
      <c r="CTO152" s="31"/>
      <c r="CTP152" s="31"/>
      <c r="CTQ152" s="31"/>
      <c r="CTR152" s="31"/>
      <c r="CTS152" s="31"/>
      <c r="CTT152" s="31"/>
      <c r="CTU152" s="31"/>
      <c r="CTV152" s="31"/>
      <c r="CTW152" s="31"/>
      <c r="CTX152" s="31"/>
      <c r="CTY152" s="31"/>
      <c r="CTZ152" s="31"/>
      <c r="CUA152" s="31"/>
      <c r="CUB152" s="31"/>
      <c r="CUC152" s="31"/>
      <c r="CUD152" s="31"/>
      <c r="CUE152" s="31"/>
      <c r="CUF152" s="31"/>
      <c r="CUG152" s="31"/>
      <c r="CUH152" s="31"/>
      <c r="CUI152" s="31"/>
      <c r="CUJ152" s="31"/>
      <c r="CUK152" s="31"/>
      <c r="CUL152" s="31"/>
      <c r="CUM152" s="31"/>
      <c r="CUN152" s="31"/>
      <c r="CUO152" s="31"/>
      <c r="CUP152" s="31"/>
      <c r="CUQ152" s="31"/>
      <c r="CUR152" s="31"/>
      <c r="CUS152" s="31"/>
      <c r="CUT152" s="31"/>
      <c r="CUU152" s="31"/>
      <c r="CUV152" s="31"/>
      <c r="CUW152" s="31"/>
      <c r="CUX152" s="31"/>
      <c r="CUY152" s="31"/>
      <c r="CUZ152" s="31"/>
      <c r="CVA152" s="31"/>
      <c r="CVB152" s="31"/>
      <c r="CVC152" s="31"/>
      <c r="CVD152" s="31"/>
      <c r="CVE152" s="31"/>
      <c r="CVF152" s="31"/>
      <c r="CVG152" s="31"/>
      <c r="CVH152" s="31"/>
      <c r="CVI152" s="31"/>
      <c r="CVJ152" s="31"/>
      <c r="CVK152" s="31"/>
      <c r="CVL152" s="31"/>
      <c r="CVM152" s="31"/>
      <c r="CVN152" s="31"/>
      <c r="CVO152" s="31"/>
      <c r="CVP152" s="31"/>
      <c r="CVQ152" s="31"/>
      <c r="CVR152" s="31"/>
      <c r="CVS152" s="31"/>
      <c r="CVT152" s="31"/>
      <c r="CVU152" s="31"/>
      <c r="CVV152" s="31"/>
      <c r="CVW152" s="31"/>
      <c r="CVX152" s="31"/>
      <c r="CVY152" s="31"/>
      <c r="CVZ152" s="31"/>
      <c r="CWA152" s="31"/>
      <c r="CWB152" s="31"/>
      <c r="CWC152" s="31"/>
      <c r="CWD152" s="31"/>
      <c r="CWE152" s="31"/>
      <c r="CWF152" s="31"/>
      <c r="CWG152" s="31"/>
      <c r="CWH152" s="31"/>
      <c r="CWI152" s="31"/>
      <c r="CWJ152" s="31"/>
      <c r="CWK152" s="31"/>
      <c r="CWL152" s="31"/>
      <c r="CWM152" s="31"/>
      <c r="CWN152" s="31"/>
      <c r="CWO152" s="31"/>
      <c r="CWP152" s="31"/>
      <c r="CWQ152" s="31"/>
      <c r="CWR152" s="31"/>
      <c r="CWS152" s="31"/>
      <c r="CWT152" s="31"/>
      <c r="CWU152" s="31"/>
      <c r="CWV152" s="31"/>
      <c r="CWW152" s="31"/>
      <c r="CWX152" s="31"/>
      <c r="CWY152" s="31"/>
      <c r="CWZ152" s="31"/>
      <c r="CXA152" s="31"/>
      <c r="CXB152" s="31"/>
      <c r="CXC152" s="31"/>
      <c r="CXD152" s="31"/>
      <c r="CXE152" s="31"/>
      <c r="CXF152" s="31"/>
      <c r="CXG152" s="31"/>
      <c r="CXH152" s="31"/>
      <c r="CXI152" s="31"/>
      <c r="CXJ152" s="31"/>
      <c r="CXK152" s="31"/>
      <c r="CXL152" s="31"/>
      <c r="CXM152" s="31"/>
      <c r="CXN152" s="31"/>
      <c r="CXO152" s="31"/>
      <c r="CXP152" s="31"/>
      <c r="CXQ152" s="31"/>
      <c r="CXR152" s="31"/>
      <c r="CXS152" s="31"/>
      <c r="CXT152" s="31"/>
      <c r="CXU152" s="31"/>
      <c r="CXV152" s="31"/>
      <c r="CXW152" s="31"/>
      <c r="CXX152" s="31"/>
      <c r="CXY152" s="31"/>
      <c r="CXZ152" s="31"/>
      <c r="CYA152" s="31"/>
      <c r="CYB152" s="31"/>
      <c r="CYC152" s="31"/>
      <c r="CYD152" s="31"/>
      <c r="CYE152" s="31"/>
      <c r="CYF152" s="31"/>
      <c r="CYG152" s="31"/>
      <c r="CYH152" s="31"/>
      <c r="CYI152" s="31"/>
      <c r="CYJ152" s="31"/>
      <c r="CYK152" s="31"/>
      <c r="CYL152" s="31"/>
      <c r="CYM152" s="31"/>
      <c r="CYN152" s="31"/>
      <c r="CYO152" s="31"/>
      <c r="CYP152" s="31"/>
      <c r="CYQ152" s="31"/>
      <c r="CYR152" s="31"/>
      <c r="CYS152" s="31"/>
      <c r="CYT152" s="31"/>
      <c r="CYU152" s="31"/>
      <c r="CYV152" s="31"/>
      <c r="CYW152" s="31"/>
      <c r="CYX152" s="31"/>
      <c r="CYY152" s="31"/>
      <c r="CYZ152" s="31"/>
      <c r="CZA152" s="31"/>
      <c r="CZB152" s="31"/>
      <c r="CZC152" s="31"/>
      <c r="CZD152" s="31"/>
      <c r="CZE152" s="31"/>
      <c r="CZF152" s="31"/>
      <c r="CZG152" s="31"/>
      <c r="CZH152" s="31"/>
      <c r="CZI152" s="31"/>
      <c r="CZJ152" s="31"/>
      <c r="CZK152" s="31"/>
      <c r="CZL152" s="31"/>
      <c r="CZM152" s="31"/>
      <c r="CZN152" s="31"/>
      <c r="CZO152" s="31"/>
      <c r="CZP152" s="31"/>
      <c r="CZQ152" s="31"/>
      <c r="CZR152" s="31"/>
      <c r="CZS152" s="31"/>
      <c r="CZT152" s="31"/>
      <c r="CZU152" s="31"/>
      <c r="CZV152" s="31"/>
      <c r="CZW152" s="31"/>
      <c r="CZX152" s="31"/>
      <c r="CZY152" s="31"/>
      <c r="CZZ152" s="31"/>
      <c r="DAA152" s="31"/>
      <c r="DAB152" s="31"/>
      <c r="DAC152" s="31"/>
      <c r="DAD152" s="31"/>
      <c r="DAE152" s="31"/>
      <c r="DAF152" s="31"/>
      <c r="DAG152" s="31"/>
      <c r="DAH152" s="31"/>
      <c r="DAI152" s="31"/>
      <c r="DAJ152" s="31"/>
      <c r="DAK152" s="31"/>
      <c r="DAL152" s="31"/>
      <c r="DAM152" s="31"/>
      <c r="DAN152" s="31"/>
      <c r="DAO152" s="31"/>
      <c r="DAP152" s="31"/>
      <c r="DAQ152" s="31"/>
      <c r="DAR152" s="31"/>
      <c r="DAS152" s="31"/>
      <c r="DAT152" s="31"/>
      <c r="DAU152" s="31"/>
      <c r="DAV152" s="31"/>
      <c r="DAW152" s="31"/>
      <c r="DAX152" s="31"/>
      <c r="DAY152" s="31"/>
      <c r="DAZ152" s="31"/>
      <c r="DBA152" s="31"/>
      <c r="DBB152" s="31"/>
      <c r="DBC152" s="31"/>
      <c r="DBD152" s="31"/>
      <c r="DBE152" s="31"/>
      <c r="DBF152" s="31"/>
      <c r="DBG152" s="31"/>
      <c r="DBH152" s="31"/>
      <c r="DBI152" s="31"/>
      <c r="DBJ152" s="31"/>
      <c r="DBK152" s="31"/>
      <c r="DBL152" s="31"/>
      <c r="DBM152" s="31"/>
      <c r="DBN152" s="31"/>
      <c r="DBO152" s="31"/>
      <c r="DBP152" s="31"/>
      <c r="DBQ152" s="31"/>
      <c r="DBR152" s="31"/>
      <c r="DBS152" s="31"/>
      <c r="DBT152" s="31"/>
      <c r="DBU152" s="31"/>
      <c r="DBV152" s="31"/>
      <c r="DBW152" s="31"/>
      <c r="DBX152" s="31"/>
      <c r="DBY152" s="31"/>
      <c r="DBZ152" s="31"/>
      <c r="DCA152" s="31"/>
      <c r="DCB152" s="31"/>
      <c r="DCC152" s="31"/>
      <c r="DCD152" s="31"/>
      <c r="DCE152" s="31"/>
      <c r="DCF152" s="31"/>
      <c r="DCG152" s="31"/>
      <c r="DCH152" s="31"/>
      <c r="DCI152" s="31"/>
      <c r="DCJ152" s="31"/>
      <c r="DCK152" s="31"/>
      <c r="DCL152" s="31"/>
      <c r="DCM152" s="31"/>
      <c r="DCN152" s="31"/>
      <c r="DCO152" s="31"/>
      <c r="DCP152" s="31"/>
      <c r="DCQ152" s="31"/>
      <c r="DCR152" s="31"/>
      <c r="DCS152" s="31"/>
      <c r="DCT152" s="31"/>
      <c r="DCU152" s="31"/>
      <c r="DCV152" s="31"/>
      <c r="DCW152" s="31"/>
      <c r="DCX152" s="31"/>
      <c r="DCY152" s="31"/>
      <c r="DCZ152" s="31"/>
      <c r="DDA152" s="31"/>
      <c r="DDB152" s="31"/>
      <c r="DDC152" s="31"/>
      <c r="DDD152" s="31"/>
      <c r="DDE152" s="31"/>
      <c r="DDF152" s="31"/>
      <c r="DDG152" s="31"/>
      <c r="DDH152" s="31"/>
      <c r="DDI152" s="31"/>
      <c r="DDJ152" s="31"/>
      <c r="DDK152" s="31"/>
      <c r="DDL152" s="31"/>
      <c r="DDM152" s="31"/>
      <c r="DDN152" s="31"/>
      <c r="DDO152" s="31"/>
      <c r="DDP152" s="31"/>
      <c r="DDQ152" s="31"/>
      <c r="DDR152" s="31"/>
      <c r="DDS152" s="31"/>
      <c r="DDT152" s="31"/>
      <c r="DDU152" s="31"/>
      <c r="DDV152" s="31"/>
      <c r="DDW152" s="31"/>
      <c r="DDX152" s="31"/>
      <c r="DDY152" s="31"/>
      <c r="DDZ152" s="31"/>
      <c r="DEA152" s="31"/>
      <c r="DEB152" s="31"/>
      <c r="DEC152" s="31"/>
      <c r="DED152" s="31"/>
      <c r="DEE152" s="31"/>
      <c r="DEF152" s="31"/>
      <c r="DEG152" s="31"/>
      <c r="DEH152" s="31"/>
      <c r="DEI152" s="31"/>
      <c r="DEJ152" s="31"/>
      <c r="DEK152" s="31"/>
      <c r="DEL152" s="31"/>
      <c r="DEM152" s="31"/>
      <c r="DEN152" s="31"/>
      <c r="DEO152" s="31"/>
      <c r="DEP152" s="31"/>
      <c r="DEQ152" s="31"/>
      <c r="DER152" s="31"/>
      <c r="DES152" s="31"/>
      <c r="DET152" s="31"/>
      <c r="DEU152" s="31"/>
      <c r="DEV152" s="31"/>
      <c r="DEW152" s="31"/>
      <c r="DEX152" s="31"/>
      <c r="DEY152" s="31"/>
      <c r="DEZ152" s="31"/>
      <c r="DFA152" s="31"/>
      <c r="DFB152" s="31"/>
      <c r="DFC152" s="31"/>
      <c r="DFD152" s="31"/>
      <c r="DFE152" s="31"/>
      <c r="DFF152" s="31"/>
      <c r="DFG152" s="31"/>
      <c r="DFH152" s="31"/>
      <c r="DFI152" s="31"/>
      <c r="DFJ152" s="31"/>
      <c r="DFK152" s="31"/>
      <c r="DFL152" s="31"/>
      <c r="DFM152" s="31"/>
      <c r="DFN152" s="31"/>
      <c r="DFO152" s="31"/>
      <c r="DFP152" s="31"/>
      <c r="DFQ152" s="31"/>
      <c r="DFR152" s="31"/>
      <c r="DFS152" s="31"/>
      <c r="DFT152" s="31"/>
      <c r="DFU152" s="31"/>
      <c r="DFV152" s="31"/>
      <c r="DFW152" s="31"/>
      <c r="DFX152" s="31"/>
      <c r="DFY152" s="31"/>
      <c r="DFZ152" s="31"/>
      <c r="DGA152" s="31"/>
      <c r="DGB152" s="31"/>
      <c r="DGC152" s="31"/>
      <c r="DGD152" s="31"/>
      <c r="DGE152" s="31"/>
      <c r="DGF152" s="31"/>
      <c r="DGG152" s="31"/>
      <c r="DGH152" s="31"/>
      <c r="DGI152" s="31"/>
      <c r="DGJ152" s="31"/>
      <c r="DGK152" s="31"/>
      <c r="DGL152" s="31"/>
      <c r="DGM152" s="31"/>
      <c r="DGN152" s="31"/>
      <c r="DGO152" s="31"/>
      <c r="DGP152" s="31"/>
      <c r="DGQ152" s="31"/>
      <c r="DGR152" s="31"/>
      <c r="DGS152" s="31"/>
      <c r="DGT152" s="31"/>
      <c r="DGU152" s="31"/>
      <c r="DGV152" s="31"/>
      <c r="DGW152" s="31"/>
      <c r="DGX152" s="31"/>
      <c r="DGY152" s="31"/>
      <c r="DGZ152" s="31"/>
      <c r="DHA152" s="31"/>
      <c r="DHB152" s="31"/>
      <c r="DHC152" s="31"/>
      <c r="DHD152" s="31"/>
      <c r="DHE152" s="31"/>
      <c r="DHF152" s="31"/>
      <c r="DHG152" s="31"/>
      <c r="DHH152" s="31"/>
      <c r="DHI152" s="31"/>
      <c r="DHJ152" s="31"/>
      <c r="DHK152" s="31"/>
      <c r="DHL152" s="31"/>
      <c r="DHM152" s="31"/>
      <c r="DHN152" s="31"/>
      <c r="DHO152" s="31"/>
      <c r="DHP152" s="31"/>
      <c r="DHQ152" s="31"/>
      <c r="DHR152" s="31"/>
      <c r="DHS152" s="31"/>
      <c r="DHT152" s="31"/>
      <c r="DHU152" s="31"/>
      <c r="DHV152" s="31"/>
      <c r="DHW152" s="31"/>
      <c r="DHX152" s="31"/>
      <c r="DHY152" s="31"/>
      <c r="DHZ152" s="31"/>
      <c r="DIA152" s="31"/>
      <c r="DIB152" s="31"/>
      <c r="DIC152" s="31"/>
      <c r="DID152" s="31"/>
      <c r="DIE152" s="31"/>
      <c r="DIF152" s="31"/>
      <c r="DIG152" s="31"/>
      <c r="DIH152" s="31"/>
      <c r="DII152" s="31"/>
      <c r="DIJ152" s="31"/>
      <c r="DIK152" s="31"/>
      <c r="DIL152" s="31"/>
      <c r="DIM152" s="31"/>
      <c r="DIN152" s="31"/>
      <c r="DIO152" s="31"/>
      <c r="DIP152" s="31"/>
      <c r="DIQ152" s="31"/>
      <c r="DIR152" s="31"/>
      <c r="DIS152" s="31"/>
      <c r="DIT152" s="31"/>
      <c r="DIU152" s="31"/>
      <c r="DIV152" s="31"/>
      <c r="DIW152" s="31"/>
      <c r="DIX152" s="31"/>
      <c r="DIY152" s="31"/>
      <c r="DIZ152" s="31"/>
      <c r="DJA152" s="31"/>
      <c r="DJB152" s="31"/>
      <c r="DJC152" s="31"/>
      <c r="DJD152" s="31"/>
      <c r="DJE152" s="31"/>
      <c r="DJF152" s="31"/>
      <c r="DJG152" s="31"/>
      <c r="DJH152" s="31"/>
      <c r="DJI152" s="31"/>
      <c r="DJJ152" s="31"/>
      <c r="DJK152" s="31"/>
      <c r="DJL152" s="31"/>
      <c r="DJM152" s="31"/>
      <c r="DJN152" s="31"/>
      <c r="DJO152" s="31"/>
      <c r="DJP152" s="31"/>
      <c r="DJQ152" s="31"/>
      <c r="DJR152" s="31"/>
      <c r="DJS152" s="31"/>
      <c r="DJT152" s="31"/>
      <c r="DJU152" s="31"/>
      <c r="DJV152" s="31"/>
      <c r="DJW152" s="31"/>
      <c r="DJX152" s="31"/>
      <c r="DJY152" s="31"/>
      <c r="DJZ152" s="31"/>
      <c r="DKA152" s="31"/>
      <c r="DKB152" s="31"/>
      <c r="DKC152" s="31"/>
      <c r="DKD152" s="31"/>
      <c r="DKE152" s="31"/>
      <c r="DKF152" s="31"/>
      <c r="DKG152" s="31"/>
      <c r="DKH152" s="31"/>
      <c r="DKI152" s="31"/>
      <c r="DKJ152" s="31"/>
      <c r="DKK152" s="31"/>
      <c r="DKL152" s="31"/>
      <c r="DKM152" s="31"/>
      <c r="DKN152" s="31"/>
      <c r="DKO152" s="31"/>
      <c r="DKP152" s="31"/>
      <c r="DKQ152" s="31"/>
      <c r="DKR152" s="31"/>
      <c r="DKS152" s="31"/>
      <c r="DKT152" s="31"/>
      <c r="DKU152" s="31"/>
      <c r="DKV152" s="31"/>
      <c r="DKW152" s="31"/>
      <c r="DKX152" s="31"/>
      <c r="DKY152" s="31"/>
      <c r="DKZ152" s="31"/>
      <c r="DLA152" s="31"/>
      <c r="DLB152" s="31"/>
      <c r="DLC152" s="31"/>
      <c r="DLD152" s="31"/>
      <c r="DLE152" s="31"/>
      <c r="DLF152" s="31"/>
      <c r="DLG152" s="31"/>
      <c r="DLH152" s="31"/>
      <c r="DLI152" s="31"/>
      <c r="DLJ152" s="31"/>
      <c r="DLK152" s="31"/>
      <c r="DLL152" s="31"/>
      <c r="DLM152" s="31"/>
      <c r="DLN152" s="31"/>
      <c r="DLO152" s="31"/>
      <c r="DLP152" s="31"/>
      <c r="DLQ152" s="31"/>
      <c r="DLR152" s="31"/>
      <c r="DLS152" s="31"/>
      <c r="DLT152" s="31"/>
      <c r="DLU152" s="31"/>
      <c r="DLV152" s="31"/>
      <c r="DLW152" s="31"/>
      <c r="DLX152" s="31"/>
      <c r="DLY152" s="31"/>
      <c r="DLZ152" s="31"/>
      <c r="DMA152" s="31"/>
      <c r="DMB152" s="31"/>
      <c r="DMC152" s="31"/>
      <c r="DMD152" s="31"/>
      <c r="DME152" s="31"/>
      <c r="DMF152" s="31"/>
      <c r="DMG152" s="31"/>
      <c r="DMH152" s="31"/>
      <c r="DMI152" s="31"/>
      <c r="DMJ152" s="31"/>
      <c r="DMK152" s="31"/>
      <c r="DML152" s="31"/>
      <c r="DMM152" s="31"/>
      <c r="DMN152" s="31"/>
      <c r="DMO152" s="31"/>
      <c r="DMP152" s="31"/>
      <c r="DMQ152" s="31"/>
      <c r="DMR152" s="31"/>
      <c r="DMS152" s="31"/>
      <c r="DMT152" s="31"/>
      <c r="DMU152" s="31"/>
      <c r="DMV152" s="31"/>
      <c r="DMW152" s="31"/>
      <c r="DMX152" s="31"/>
      <c r="DMY152" s="31"/>
      <c r="DMZ152" s="31"/>
      <c r="DNA152" s="31"/>
      <c r="DNB152" s="31"/>
      <c r="DNC152" s="31"/>
      <c r="DND152" s="31"/>
      <c r="DNE152" s="31"/>
      <c r="DNF152" s="31"/>
      <c r="DNG152" s="31"/>
      <c r="DNH152" s="31"/>
      <c r="DNI152" s="31"/>
      <c r="DNJ152" s="31"/>
      <c r="DNK152" s="31"/>
      <c r="DNL152" s="31"/>
      <c r="DNM152" s="31"/>
      <c r="DNN152" s="31"/>
      <c r="DNO152" s="31"/>
      <c r="DNP152" s="31"/>
      <c r="DNQ152" s="31"/>
      <c r="DNR152" s="31"/>
      <c r="DNS152" s="31"/>
      <c r="DNT152" s="31"/>
      <c r="DNU152" s="31"/>
      <c r="DNV152" s="31"/>
      <c r="DNW152" s="31"/>
      <c r="DNX152" s="31"/>
      <c r="DNY152" s="31"/>
      <c r="DNZ152" s="31"/>
      <c r="DOA152" s="31"/>
      <c r="DOB152" s="31"/>
      <c r="DOC152" s="31"/>
      <c r="DOD152" s="31"/>
      <c r="DOE152" s="31"/>
      <c r="DOF152" s="31"/>
      <c r="DOG152" s="31"/>
      <c r="DOH152" s="31"/>
      <c r="DOI152" s="31"/>
      <c r="DOJ152" s="31"/>
      <c r="DOK152" s="31"/>
      <c r="DOL152" s="31"/>
      <c r="DOM152" s="31"/>
      <c r="DON152" s="31"/>
      <c r="DOO152" s="31"/>
      <c r="DOP152" s="31"/>
      <c r="DOQ152" s="31"/>
      <c r="DOR152" s="31"/>
      <c r="DOS152" s="31"/>
      <c r="DOT152" s="31"/>
      <c r="DOU152" s="31"/>
      <c r="DOV152" s="31"/>
      <c r="DOW152" s="31"/>
      <c r="DOX152" s="31"/>
      <c r="DOY152" s="31"/>
      <c r="DOZ152" s="31"/>
      <c r="DPA152" s="31"/>
      <c r="DPB152" s="31"/>
      <c r="DPC152" s="31"/>
      <c r="DPD152" s="31"/>
      <c r="DPE152" s="31"/>
      <c r="DPF152" s="31"/>
      <c r="DPG152" s="31"/>
      <c r="DPH152" s="31"/>
      <c r="DPI152" s="31"/>
      <c r="DPJ152" s="31"/>
      <c r="DPK152" s="31"/>
      <c r="DPL152" s="31"/>
      <c r="DPM152" s="31"/>
      <c r="DPN152" s="31"/>
      <c r="DPO152" s="31"/>
      <c r="DPP152" s="31"/>
      <c r="DPQ152" s="31"/>
      <c r="DPR152" s="31"/>
      <c r="DPS152" s="31"/>
      <c r="DPT152" s="31"/>
      <c r="DPU152" s="31"/>
      <c r="DPV152" s="31"/>
      <c r="DPW152" s="31"/>
      <c r="DPX152" s="31"/>
      <c r="DPY152" s="31"/>
      <c r="DPZ152" s="31"/>
      <c r="DQA152" s="31"/>
      <c r="DQB152" s="31"/>
      <c r="DQC152" s="31"/>
      <c r="DQD152" s="31"/>
      <c r="DQE152" s="31"/>
      <c r="DQF152" s="31"/>
      <c r="DQG152" s="31"/>
      <c r="DQH152" s="31"/>
      <c r="DQI152" s="31"/>
      <c r="DQJ152" s="31"/>
      <c r="DQK152" s="31"/>
      <c r="DQL152" s="31"/>
      <c r="DQM152" s="31"/>
      <c r="DQN152" s="31"/>
      <c r="DQO152" s="31"/>
      <c r="DQP152" s="31"/>
      <c r="DQQ152" s="31"/>
      <c r="DQR152" s="31"/>
      <c r="DQS152" s="31"/>
      <c r="DQT152" s="31"/>
      <c r="DQU152" s="31"/>
      <c r="DQV152" s="31"/>
      <c r="DQW152" s="31"/>
      <c r="DQX152" s="31"/>
      <c r="DQY152" s="31"/>
      <c r="DQZ152" s="31"/>
      <c r="DRA152" s="31"/>
      <c r="DRB152" s="31"/>
      <c r="DRC152" s="31"/>
      <c r="DRD152" s="31"/>
      <c r="DRE152" s="31"/>
      <c r="DRF152" s="31"/>
      <c r="DRG152" s="31"/>
      <c r="DRH152" s="31"/>
      <c r="DRI152" s="31"/>
      <c r="DRJ152" s="31"/>
      <c r="DRK152" s="31"/>
      <c r="DRL152" s="31"/>
      <c r="DRM152" s="31"/>
      <c r="DRN152" s="31"/>
      <c r="DRO152" s="31"/>
      <c r="DRP152" s="31"/>
      <c r="DRQ152" s="31"/>
      <c r="DRR152" s="31"/>
      <c r="DRS152" s="31"/>
      <c r="DRT152" s="31"/>
      <c r="DRU152" s="31"/>
      <c r="DRV152" s="31"/>
      <c r="DRW152" s="31"/>
      <c r="DRX152" s="31"/>
      <c r="DRY152" s="31"/>
      <c r="DRZ152" s="31"/>
      <c r="DSA152" s="31"/>
      <c r="DSB152" s="31"/>
      <c r="DSC152" s="31"/>
      <c r="DSD152" s="31"/>
      <c r="DSE152" s="31"/>
      <c r="DSF152" s="31"/>
      <c r="DSG152" s="31"/>
      <c r="DSH152" s="31"/>
      <c r="DSI152" s="31"/>
      <c r="DSJ152" s="31"/>
      <c r="DSK152" s="31"/>
      <c r="DSL152" s="31"/>
      <c r="DSM152" s="31"/>
      <c r="DSN152" s="31"/>
      <c r="DSO152" s="31"/>
      <c r="DSP152" s="31"/>
      <c r="DSQ152" s="31"/>
      <c r="DSR152" s="31"/>
      <c r="DSS152" s="31"/>
      <c r="DST152" s="31"/>
      <c r="DSU152" s="31"/>
      <c r="DSV152" s="31"/>
      <c r="DSW152" s="31"/>
      <c r="DSX152" s="31"/>
      <c r="DSY152" s="31"/>
      <c r="DSZ152" s="31"/>
      <c r="DTA152" s="31"/>
      <c r="DTB152" s="31"/>
      <c r="DTC152" s="31"/>
      <c r="DTD152" s="31"/>
      <c r="DTE152" s="31"/>
      <c r="DTF152" s="31"/>
      <c r="DTG152" s="31"/>
      <c r="DTH152" s="31"/>
      <c r="DTI152" s="31"/>
      <c r="DTJ152" s="31"/>
      <c r="DTK152" s="31"/>
      <c r="DTL152" s="31"/>
      <c r="DTM152" s="31"/>
      <c r="DTN152" s="31"/>
      <c r="DTO152" s="31"/>
      <c r="DTP152" s="31"/>
      <c r="DTQ152" s="31"/>
      <c r="DTR152" s="31"/>
      <c r="DTS152" s="31"/>
      <c r="DTT152" s="31"/>
      <c r="DTU152" s="31"/>
      <c r="DTV152" s="31"/>
      <c r="DTW152" s="31"/>
      <c r="DTX152" s="31"/>
      <c r="DTY152" s="31"/>
      <c r="DTZ152" s="31"/>
      <c r="DUA152" s="31"/>
      <c r="DUB152" s="31"/>
      <c r="DUC152" s="31"/>
      <c r="DUD152" s="31"/>
      <c r="DUE152" s="31"/>
      <c r="DUF152" s="31"/>
      <c r="DUG152" s="31"/>
      <c r="DUH152" s="31"/>
      <c r="DUI152" s="31"/>
      <c r="DUJ152" s="31"/>
      <c r="DUK152" s="31"/>
      <c r="DUL152" s="31"/>
      <c r="DUM152" s="31"/>
      <c r="DUN152" s="31"/>
      <c r="DUO152" s="31"/>
      <c r="DUP152" s="31"/>
      <c r="DUQ152" s="31"/>
      <c r="DUR152" s="31"/>
      <c r="DUS152" s="31"/>
      <c r="DUT152" s="31"/>
      <c r="DUU152" s="31"/>
      <c r="DUV152" s="31"/>
      <c r="DUW152" s="31"/>
      <c r="DUX152" s="31"/>
      <c r="DUY152" s="31"/>
      <c r="DUZ152" s="31"/>
      <c r="DVA152" s="31"/>
      <c r="DVB152" s="31"/>
      <c r="DVC152" s="31"/>
      <c r="DVD152" s="31"/>
      <c r="DVE152" s="31"/>
      <c r="DVF152" s="31"/>
      <c r="DVG152" s="31"/>
      <c r="DVH152" s="31"/>
      <c r="DVI152" s="31"/>
      <c r="DVJ152" s="31"/>
      <c r="DVK152" s="31"/>
      <c r="DVL152" s="31"/>
      <c r="DVM152" s="31"/>
      <c r="DVN152" s="31"/>
      <c r="DVO152" s="31"/>
      <c r="DVP152" s="31"/>
      <c r="DVQ152" s="31"/>
      <c r="DVR152" s="31"/>
      <c r="DVS152" s="31"/>
      <c r="DVT152" s="31"/>
      <c r="DVU152" s="31"/>
      <c r="DVV152" s="31"/>
      <c r="DVW152" s="31"/>
      <c r="DVX152" s="31"/>
      <c r="DVY152" s="31"/>
      <c r="DVZ152" s="31"/>
      <c r="DWA152" s="31"/>
      <c r="DWB152" s="31"/>
      <c r="DWC152" s="31"/>
      <c r="DWD152" s="31"/>
      <c r="DWE152" s="31"/>
      <c r="DWF152" s="31"/>
      <c r="DWG152" s="31"/>
      <c r="DWH152" s="31"/>
      <c r="DWI152" s="31"/>
      <c r="DWJ152" s="31"/>
      <c r="DWK152" s="31"/>
      <c r="DWL152" s="31"/>
      <c r="DWM152" s="31"/>
      <c r="DWN152" s="31"/>
      <c r="DWO152" s="31"/>
      <c r="DWP152" s="31"/>
      <c r="DWQ152" s="31"/>
      <c r="DWR152" s="31"/>
      <c r="DWS152" s="31"/>
      <c r="DWT152" s="31"/>
      <c r="DWU152" s="31"/>
      <c r="DWV152" s="31"/>
      <c r="DWW152" s="31"/>
      <c r="DWX152" s="31"/>
      <c r="DWY152" s="31"/>
      <c r="DWZ152" s="31"/>
      <c r="DXA152" s="31"/>
      <c r="DXB152" s="31"/>
      <c r="DXC152" s="31"/>
      <c r="DXD152" s="31"/>
      <c r="DXE152" s="31"/>
      <c r="DXF152" s="31"/>
      <c r="DXG152" s="31"/>
      <c r="DXH152" s="31"/>
      <c r="DXI152" s="31"/>
      <c r="DXJ152" s="31"/>
      <c r="DXK152" s="31"/>
      <c r="DXL152" s="31"/>
      <c r="DXM152" s="31"/>
      <c r="DXN152" s="31"/>
      <c r="DXO152" s="31"/>
      <c r="DXP152" s="31"/>
      <c r="DXQ152" s="31"/>
      <c r="DXR152" s="31"/>
      <c r="DXS152" s="31"/>
      <c r="DXT152" s="31"/>
      <c r="DXU152" s="31"/>
      <c r="DXV152" s="31"/>
      <c r="DXW152" s="31"/>
      <c r="DXX152" s="31"/>
      <c r="DXY152" s="31"/>
      <c r="DXZ152" s="31"/>
      <c r="DYA152" s="31"/>
      <c r="DYB152" s="31"/>
      <c r="DYC152" s="31"/>
      <c r="DYD152" s="31"/>
      <c r="DYE152" s="31"/>
      <c r="DYF152" s="31"/>
      <c r="DYG152" s="31"/>
      <c r="DYH152" s="31"/>
      <c r="DYI152" s="31"/>
      <c r="DYJ152" s="31"/>
      <c r="DYK152" s="31"/>
      <c r="DYL152" s="31"/>
      <c r="DYM152" s="31"/>
      <c r="DYN152" s="31"/>
      <c r="DYO152" s="31"/>
      <c r="DYP152" s="31"/>
      <c r="DYQ152" s="31"/>
      <c r="DYR152" s="31"/>
      <c r="DYS152" s="31"/>
      <c r="DYT152" s="31"/>
      <c r="DYU152" s="31"/>
      <c r="DYV152" s="31"/>
      <c r="DYW152" s="31"/>
      <c r="DYX152" s="31"/>
      <c r="DYY152" s="31"/>
      <c r="DYZ152" s="31"/>
      <c r="DZA152" s="31"/>
      <c r="DZB152" s="31"/>
      <c r="DZC152" s="31"/>
      <c r="DZD152" s="31"/>
      <c r="DZE152" s="31"/>
      <c r="DZF152" s="31"/>
      <c r="DZG152" s="31"/>
      <c r="DZH152" s="31"/>
      <c r="DZI152" s="31"/>
      <c r="DZJ152" s="31"/>
      <c r="DZK152" s="31"/>
      <c r="DZL152" s="31"/>
      <c r="DZM152" s="31"/>
      <c r="DZN152" s="31"/>
      <c r="DZO152" s="31"/>
      <c r="DZP152" s="31"/>
      <c r="DZQ152" s="31"/>
      <c r="DZR152" s="31"/>
      <c r="DZS152" s="31"/>
      <c r="DZT152" s="31"/>
      <c r="DZU152" s="31"/>
      <c r="DZV152" s="31"/>
      <c r="DZW152" s="31"/>
      <c r="DZX152" s="31"/>
      <c r="DZY152" s="31"/>
      <c r="DZZ152" s="31"/>
      <c r="EAA152" s="31"/>
      <c r="EAB152" s="31"/>
      <c r="EAC152" s="31"/>
      <c r="EAD152" s="31"/>
      <c r="EAE152" s="31"/>
      <c r="EAF152" s="31"/>
      <c r="EAG152" s="31"/>
      <c r="EAH152" s="31"/>
      <c r="EAI152" s="31"/>
      <c r="EAJ152" s="31"/>
      <c r="EAK152" s="31"/>
      <c r="EAL152" s="31"/>
      <c r="EAM152" s="31"/>
      <c r="EAN152" s="31"/>
      <c r="EAO152" s="31"/>
      <c r="EAP152" s="31"/>
      <c r="EAQ152" s="31"/>
      <c r="EAR152" s="31"/>
      <c r="EAS152" s="31"/>
      <c r="EAT152" s="31"/>
      <c r="EAU152" s="31"/>
      <c r="EAV152" s="31"/>
      <c r="EAW152" s="31"/>
      <c r="EAX152" s="31"/>
      <c r="EAY152" s="31"/>
      <c r="EAZ152" s="31"/>
      <c r="EBA152" s="31"/>
      <c r="EBB152" s="31"/>
      <c r="EBC152" s="31"/>
      <c r="EBD152" s="31"/>
      <c r="EBE152" s="31"/>
      <c r="EBF152" s="31"/>
      <c r="EBG152" s="31"/>
      <c r="EBH152" s="31"/>
      <c r="EBI152" s="31"/>
      <c r="EBJ152" s="31"/>
      <c r="EBK152" s="31"/>
      <c r="EBL152" s="31"/>
      <c r="EBM152" s="31"/>
      <c r="EBN152" s="31"/>
      <c r="EBO152" s="31"/>
      <c r="EBP152" s="31"/>
      <c r="EBQ152" s="31"/>
      <c r="EBR152" s="31"/>
      <c r="EBS152" s="31"/>
      <c r="EBT152" s="31"/>
      <c r="EBU152" s="31"/>
      <c r="EBV152" s="31"/>
      <c r="EBW152" s="31"/>
      <c r="EBX152" s="31"/>
      <c r="EBY152" s="31"/>
      <c r="EBZ152" s="31"/>
      <c r="ECA152" s="31"/>
      <c r="ECB152" s="31"/>
      <c r="ECC152" s="31"/>
      <c r="ECD152" s="31"/>
      <c r="ECE152" s="31"/>
      <c r="ECF152" s="31"/>
      <c r="ECG152" s="31"/>
      <c r="ECH152" s="31"/>
      <c r="ECI152" s="31"/>
      <c r="ECJ152" s="31"/>
      <c r="ECK152" s="31"/>
      <c r="ECL152" s="31"/>
      <c r="ECM152" s="31"/>
      <c r="ECN152" s="31"/>
      <c r="ECO152" s="31"/>
      <c r="ECP152" s="31"/>
      <c r="ECQ152" s="31"/>
      <c r="ECR152" s="31"/>
      <c r="ECS152" s="31"/>
      <c r="ECT152" s="31"/>
      <c r="ECU152" s="31"/>
      <c r="ECV152" s="31"/>
      <c r="ECW152" s="31"/>
      <c r="ECX152" s="31"/>
      <c r="ECY152" s="31"/>
      <c r="ECZ152" s="31"/>
      <c r="EDA152" s="31"/>
      <c r="EDB152" s="31"/>
      <c r="EDC152" s="31"/>
      <c r="EDD152" s="31"/>
      <c r="EDE152" s="31"/>
      <c r="EDF152" s="31"/>
      <c r="EDG152" s="31"/>
      <c r="EDH152" s="31"/>
      <c r="EDI152" s="31"/>
      <c r="EDJ152" s="31"/>
      <c r="EDK152" s="31"/>
      <c r="EDL152" s="31"/>
      <c r="EDM152" s="31"/>
      <c r="EDN152" s="31"/>
      <c r="EDO152" s="31"/>
      <c r="EDP152" s="31"/>
      <c r="EDQ152" s="31"/>
      <c r="EDR152" s="31"/>
      <c r="EDS152" s="31"/>
      <c r="EDT152" s="31"/>
      <c r="EDU152" s="31"/>
      <c r="EDV152" s="31"/>
      <c r="EDW152" s="31"/>
      <c r="EDX152" s="31"/>
      <c r="EDY152" s="31"/>
      <c r="EDZ152" s="31"/>
      <c r="EEA152" s="31"/>
      <c r="EEB152" s="31"/>
      <c r="EEC152" s="31"/>
      <c r="EED152" s="31"/>
      <c r="EEE152" s="31"/>
      <c r="EEF152" s="31"/>
      <c r="EEG152" s="31"/>
      <c r="EEH152" s="31"/>
      <c r="EEI152" s="31"/>
      <c r="EEJ152" s="31"/>
      <c r="EEK152" s="31"/>
      <c r="EEL152" s="31"/>
      <c r="EEM152" s="31"/>
      <c r="EEN152" s="31"/>
      <c r="EEO152" s="31"/>
      <c r="EEP152" s="31"/>
      <c r="EEQ152" s="31"/>
      <c r="EER152" s="31"/>
      <c r="EES152" s="31"/>
      <c r="EET152" s="31"/>
      <c r="EEU152" s="31"/>
      <c r="EEV152" s="31"/>
      <c r="EEW152" s="31"/>
      <c r="EEX152" s="31"/>
      <c r="EEY152" s="31"/>
      <c r="EEZ152" s="31"/>
      <c r="EFA152" s="31"/>
      <c r="EFB152" s="31"/>
      <c r="EFC152" s="31"/>
      <c r="EFD152" s="31"/>
      <c r="EFE152" s="31"/>
      <c r="EFF152" s="31"/>
      <c r="EFG152" s="31"/>
      <c r="EFH152" s="31"/>
      <c r="EFI152" s="31"/>
      <c r="EFJ152" s="31"/>
      <c r="EFK152" s="31"/>
      <c r="EFL152" s="31"/>
      <c r="EFM152" s="31"/>
      <c r="EFN152" s="31"/>
      <c r="EFO152" s="31"/>
      <c r="EFP152" s="31"/>
      <c r="EFQ152" s="31"/>
      <c r="EFR152" s="31"/>
      <c r="EFS152" s="31"/>
      <c r="EFT152" s="31"/>
      <c r="EFU152" s="31"/>
      <c r="EFV152" s="31"/>
      <c r="EFW152" s="31"/>
      <c r="EFX152" s="31"/>
      <c r="EFY152" s="31"/>
      <c r="EFZ152" s="31"/>
      <c r="EGA152" s="31"/>
      <c r="EGB152" s="31"/>
      <c r="EGC152" s="31"/>
      <c r="EGD152" s="31"/>
      <c r="EGE152" s="31"/>
      <c r="EGF152" s="31"/>
      <c r="EGG152" s="31"/>
      <c r="EGH152" s="31"/>
      <c r="EGI152" s="31"/>
      <c r="EGJ152" s="31"/>
      <c r="EGK152" s="31"/>
      <c r="EGL152" s="31"/>
      <c r="EGM152" s="31"/>
      <c r="EGN152" s="31"/>
      <c r="EGO152" s="31"/>
      <c r="EGP152" s="31"/>
      <c r="EGQ152" s="31"/>
      <c r="EGR152" s="31"/>
      <c r="EGS152" s="31"/>
      <c r="EGT152" s="31"/>
      <c r="EGU152" s="31"/>
      <c r="EGV152" s="31"/>
      <c r="EGW152" s="31"/>
      <c r="EGX152" s="31"/>
      <c r="EGY152" s="31"/>
      <c r="EGZ152" s="31"/>
      <c r="EHA152" s="31"/>
      <c r="EHB152" s="31"/>
      <c r="EHC152" s="31"/>
      <c r="EHD152" s="31"/>
      <c r="EHE152" s="31"/>
      <c r="EHF152" s="31"/>
      <c r="EHG152" s="31"/>
      <c r="EHH152" s="31"/>
      <c r="EHI152" s="31"/>
      <c r="EHJ152" s="31"/>
      <c r="EHK152" s="31"/>
      <c r="EHL152" s="31"/>
      <c r="EHM152" s="31"/>
      <c r="EHN152" s="31"/>
      <c r="EHO152" s="31"/>
      <c r="EHP152" s="31"/>
      <c r="EHQ152" s="31"/>
      <c r="EHR152" s="31"/>
      <c r="EHS152" s="31"/>
      <c r="EHT152" s="31"/>
      <c r="EHU152" s="31"/>
      <c r="EHV152" s="31"/>
      <c r="EHW152" s="31"/>
      <c r="EHX152" s="31"/>
      <c r="EHY152" s="31"/>
      <c r="EHZ152" s="31"/>
      <c r="EIA152" s="31"/>
      <c r="EIB152" s="31"/>
      <c r="EIC152" s="31"/>
      <c r="EID152" s="31"/>
      <c r="EIE152" s="31"/>
      <c r="EIF152" s="31"/>
      <c r="EIG152" s="31"/>
      <c r="EIH152" s="31"/>
      <c r="EII152" s="31"/>
      <c r="EIJ152" s="31"/>
      <c r="EIK152" s="31"/>
      <c r="EIL152" s="31"/>
      <c r="EIM152" s="31"/>
      <c r="EIN152" s="31"/>
      <c r="EIO152" s="31"/>
      <c r="EIP152" s="31"/>
      <c r="EIQ152" s="31"/>
      <c r="EIR152" s="31"/>
      <c r="EIS152" s="31"/>
      <c r="EIT152" s="31"/>
      <c r="EIU152" s="31"/>
      <c r="EIV152" s="31"/>
      <c r="EIW152" s="31"/>
      <c r="EIX152" s="31"/>
      <c r="EIY152" s="31"/>
      <c r="EIZ152" s="31"/>
      <c r="EJA152" s="31"/>
      <c r="EJB152" s="31"/>
      <c r="EJC152" s="31"/>
      <c r="EJD152" s="31"/>
      <c r="EJE152" s="31"/>
      <c r="EJF152" s="31"/>
      <c r="EJG152" s="31"/>
      <c r="EJH152" s="31"/>
      <c r="EJI152" s="31"/>
      <c r="EJJ152" s="31"/>
      <c r="EJK152" s="31"/>
      <c r="EJL152" s="31"/>
      <c r="EJM152" s="31"/>
      <c r="EJN152" s="31"/>
      <c r="EJO152" s="31"/>
      <c r="EJP152" s="31"/>
      <c r="EJQ152" s="31"/>
      <c r="EJR152" s="31"/>
      <c r="EJS152" s="31"/>
      <c r="EJT152" s="31"/>
      <c r="EJU152" s="31"/>
      <c r="EJV152" s="31"/>
      <c r="EJW152" s="31"/>
      <c r="EJX152" s="31"/>
      <c r="EJY152" s="31"/>
      <c r="EJZ152" s="31"/>
      <c r="EKA152" s="31"/>
      <c r="EKB152" s="31"/>
      <c r="EKC152" s="31"/>
      <c r="EKD152" s="31"/>
      <c r="EKE152" s="31"/>
      <c r="EKF152" s="31"/>
      <c r="EKG152" s="31"/>
      <c r="EKH152" s="31"/>
      <c r="EKI152" s="31"/>
      <c r="EKJ152" s="31"/>
      <c r="EKK152" s="31"/>
      <c r="EKL152" s="31"/>
      <c r="EKM152" s="31"/>
      <c r="EKN152" s="31"/>
      <c r="EKO152" s="31"/>
      <c r="EKP152" s="31"/>
      <c r="EKQ152" s="31"/>
      <c r="EKR152" s="31"/>
      <c r="EKS152" s="31"/>
      <c r="EKT152" s="31"/>
      <c r="EKU152" s="31"/>
      <c r="EKV152" s="31"/>
      <c r="EKW152" s="31"/>
      <c r="EKX152" s="31"/>
      <c r="EKY152" s="31"/>
      <c r="EKZ152" s="31"/>
      <c r="ELA152" s="31"/>
      <c r="ELB152" s="31"/>
      <c r="ELC152" s="31"/>
      <c r="ELD152" s="31"/>
      <c r="ELE152" s="31"/>
      <c r="ELF152" s="31"/>
      <c r="ELG152" s="31"/>
      <c r="ELH152" s="31"/>
      <c r="ELI152" s="31"/>
      <c r="ELJ152" s="31"/>
      <c r="ELK152" s="31"/>
      <c r="ELL152" s="31"/>
      <c r="ELM152" s="31"/>
      <c r="ELN152" s="31"/>
      <c r="ELO152" s="31"/>
      <c r="ELP152" s="31"/>
      <c r="ELQ152" s="31"/>
      <c r="ELR152" s="31"/>
      <c r="ELS152" s="31"/>
      <c r="ELT152" s="31"/>
      <c r="ELU152" s="31"/>
      <c r="ELV152" s="31"/>
      <c r="ELW152" s="31"/>
      <c r="ELX152" s="31"/>
      <c r="ELY152" s="31"/>
      <c r="ELZ152" s="31"/>
      <c r="EMA152" s="31"/>
      <c r="EMB152" s="31"/>
      <c r="EMC152" s="31"/>
      <c r="EMD152" s="31"/>
      <c r="EME152" s="31"/>
      <c r="EMF152" s="31"/>
      <c r="EMG152" s="31"/>
      <c r="EMH152" s="31"/>
      <c r="EMI152" s="31"/>
      <c r="EMJ152" s="31"/>
      <c r="EMK152" s="31"/>
      <c r="EML152" s="31"/>
      <c r="EMM152" s="31"/>
      <c r="EMN152" s="31"/>
      <c r="EMO152" s="31"/>
      <c r="EMP152" s="31"/>
      <c r="EMQ152" s="31"/>
      <c r="EMR152" s="31"/>
      <c r="EMS152" s="31"/>
      <c r="EMT152" s="31"/>
      <c r="EMU152" s="31"/>
      <c r="EMV152" s="31"/>
      <c r="EMW152" s="31"/>
      <c r="EMX152" s="31"/>
      <c r="EMY152" s="31"/>
      <c r="EMZ152" s="31"/>
      <c r="ENA152" s="31"/>
      <c r="ENB152" s="31"/>
      <c r="ENC152" s="31"/>
      <c r="END152" s="31"/>
      <c r="ENE152" s="31"/>
      <c r="ENF152" s="31"/>
      <c r="ENG152" s="31"/>
      <c r="ENH152" s="31"/>
      <c r="ENI152" s="31"/>
      <c r="ENJ152" s="31"/>
      <c r="ENK152" s="31"/>
      <c r="ENL152" s="31"/>
      <c r="ENM152" s="31"/>
      <c r="ENN152" s="31"/>
      <c r="ENO152" s="31"/>
      <c r="ENP152" s="31"/>
      <c r="ENQ152" s="31"/>
      <c r="ENR152" s="31"/>
      <c r="ENS152" s="31"/>
      <c r="ENT152" s="31"/>
      <c r="ENU152" s="31"/>
      <c r="ENV152" s="31"/>
      <c r="ENW152" s="31"/>
      <c r="ENX152" s="31"/>
      <c r="ENY152" s="31"/>
      <c r="ENZ152" s="31"/>
      <c r="EOA152" s="31"/>
      <c r="EOB152" s="31"/>
      <c r="EOC152" s="31"/>
      <c r="EOD152" s="31"/>
      <c r="EOE152" s="31"/>
      <c r="EOF152" s="31"/>
      <c r="EOG152" s="31"/>
      <c r="EOH152" s="31"/>
      <c r="EOI152" s="31"/>
      <c r="EOJ152" s="31"/>
      <c r="EOK152" s="31"/>
      <c r="EOL152" s="31"/>
      <c r="EOM152" s="31"/>
      <c r="EON152" s="31"/>
      <c r="EOO152" s="31"/>
      <c r="EOP152" s="31"/>
      <c r="EOQ152" s="31"/>
      <c r="EOR152" s="31"/>
      <c r="EOS152" s="31"/>
      <c r="EOT152" s="31"/>
      <c r="EOU152" s="31"/>
      <c r="EOV152" s="31"/>
      <c r="EOW152" s="31"/>
      <c r="EOX152" s="31"/>
      <c r="EOY152" s="31"/>
      <c r="EOZ152" s="31"/>
      <c r="EPA152" s="31"/>
      <c r="EPB152" s="31"/>
      <c r="EPC152" s="31"/>
      <c r="EPD152" s="31"/>
      <c r="EPE152" s="31"/>
      <c r="EPF152" s="31"/>
      <c r="EPG152" s="31"/>
      <c r="EPH152" s="31"/>
      <c r="EPI152" s="31"/>
      <c r="EPJ152" s="31"/>
      <c r="EPK152" s="31"/>
      <c r="EPL152" s="31"/>
      <c r="EPM152" s="31"/>
      <c r="EPN152" s="31"/>
      <c r="EPO152" s="31"/>
      <c r="EPP152" s="31"/>
      <c r="EPQ152" s="31"/>
      <c r="EPR152" s="31"/>
      <c r="EPS152" s="31"/>
      <c r="EPT152" s="31"/>
      <c r="EPU152" s="31"/>
      <c r="EPV152" s="31"/>
      <c r="EPW152" s="31"/>
      <c r="EPX152" s="31"/>
      <c r="EPY152" s="31"/>
      <c r="EPZ152" s="31"/>
      <c r="EQA152" s="31"/>
      <c r="EQB152" s="31"/>
      <c r="EQC152" s="31"/>
      <c r="EQD152" s="31"/>
      <c r="EQE152" s="31"/>
      <c r="EQF152" s="31"/>
      <c r="EQG152" s="31"/>
      <c r="EQH152" s="31"/>
      <c r="EQI152" s="31"/>
      <c r="EQJ152" s="31"/>
      <c r="EQK152" s="31"/>
      <c r="EQL152" s="31"/>
      <c r="EQM152" s="31"/>
      <c r="EQN152" s="31"/>
      <c r="EQO152" s="31"/>
      <c r="EQP152" s="31"/>
      <c r="EQQ152" s="31"/>
      <c r="EQR152" s="31"/>
      <c r="EQS152" s="31"/>
      <c r="EQT152" s="31"/>
      <c r="EQU152" s="31"/>
      <c r="EQV152" s="31"/>
      <c r="EQW152" s="31"/>
      <c r="EQX152" s="31"/>
      <c r="EQY152" s="31"/>
      <c r="EQZ152" s="31"/>
      <c r="ERA152" s="31"/>
      <c r="ERB152" s="31"/>
      <c r="ERC152" s="31"/>
      <c r="ERD152" s="31"/>
      <c r="ERE152" s="31"/>
      <c r="ERF152" s="31"/>
      <c r="ERG152" s="31"/>
      <c r="ERH152" s="31"/>
      <c r="ERI152" s="31"/>
      <c r="ERJ152" s="31"/>
      <c r="ERK152" s="31"/>
      <c r="ERL152" s="31"/>
      <c r="ERM152" s="31"/>
      <c r="ERN152" s="31"/>
      <c r="ERO152" s="31"/>
      <c r="ERP152" s="31"/>
      <c r="ERQ152" s="31"/>
      <c r="ERR152" s="31"/>
      <c r="ERS152" s="31"/>
      <c r="ERT152" s="31"/>
      <c r="ERU152" s="31"/>
      <c r="ERV152" s="31"/>
      <c r="ERW152" s="31"/>
      <c r="ERX152" s="31"/>
      <c r="ERY152" s="31"/>
      <c r="ERZ152" s="31"/>
      <c r="ESA152" s="31"/>
      <c r="ESB152" s="31"/>
      <c r="ESC152" s="31"/>
      <c r="ESD152" s="31"/>
      <c r="ESE152" s="31"/>
      <c r="ESF152" s="31"/>
      <c r="ESG152" s="31"/>
      <c r="ESH152" s="31"/>
      <c r="ESI152" s="31"/>
      <c r="ESJ152" s="31"/>
      <c r="ESK152" s="31"/>
      <c r="ESL152" s="31"/>
      <c r="ESM152" s="31"/>
      <c r="ESN152" s="31"/>
      <c r="ESO152" s="31"/>
      <c r="ESP152" s="31"/>
      <c r="ESQ152" s="31"/>
      <c r="ESR152" s="31"/>
      <c r="ESS152" s="31"/>
      <c r="EST152" s="31"/>
      <c r="ESU152" s="31"/>
      <c r="ESV152" s="31"/>
      <c r="ESW152" s="31"/>
      <c r="ESX152" s="31"/>
      <c r="ESY152" s="31"/>
      <c r="ESZ152" s="31"/>
      <c r="ETA152" s="31"/>
      <c r="ETB152" s="31"/>
      <c r="ETC152" s="31"/>
      <c r="ETD152" s="31"/>
      <c r="ETE152" s="31"/>
      <c r="ETF152" s="31"/>
      <c r="ETG152" s="31"/>
      <c r="ETH152" s="31"/>
      <c r="ETI152" s="31"/>
      <c r="ETJ152" s="31"/>
      <c r="ETK152" s="31"/>
      <c r="ETL152" s="31"/>
      <c r="ETM152" s="31"/>
      <c r="ETN152" s="31"/>
      <c r="ETO152" s="31"/>
      <c r="ETP152" s="31"/>
      <c r="ETQ152" s="31"/>
      <c r="ETR152" s="31"/>
      <c r="ETS152" s="31"/>
      <c r="ETT152" s="31"/>
      <c r="ETU152" s="31"/>
      <c r="ETV152" s="31"/>
      <c r="ETW152" s="31"/>
      <c r="ETX152" s="31"/>
      <c r="ETY152" s="31"/>
      <c r="ETZ152" s="31"/>
      <c r="EUA152" s="31"/>
      <c r="EUB152" s="31"/>
      <c r="EUC152" s="31"/>
      <c r="EUD152" s="31"/>
      <c r="EUE152" s="31"/>
      <c r="EUF152" s="31"/>
      <c r="EUG152" s="31"/>
      <c r="EUH152" s="31"/>
      <c r="EUI152" s="31"/>
      <c r="EUJ152" s="31"/>
      <c r="EUK152" s="31"/>
      <c r="EUL152" s="31"/>
      <c r="EUM152" s="31"/>
      <c r="EUN152" s="31"/>
      <c r="EUO152" s="31"/>
      <c r="EUP152" s="31"/>
      <c r="EUQ152" s="31"/>
      <c r="EUR152" s="31"/>
      <c r="EUS152" s="31"/>
      <c r="EUT152" s="31"/>
      <c r="EUU152" s="31"/>
      <c r="EUV152" s="31"/>
      <c r="EUW152" s="31"/>
      <c r="EUX152" s="31"/>
      <c r="EUY152" s="31"/>
      <c r="EUZ152" s="31"/>
      <c r="EVA152" s="31"/>
      <c r="EVB152" s="31"/>
      <c r="EVC152" s="31"/>
      <c r="EVD152" s="31"/>
      <c r="EVE152" s="31"/>
      <c r="EVF152" s="31"/>
      <c r="EVG152" s="31"/>
      <c r="EVH152" s="31"/>
      <c r="EVI152" s="31"/>
      <c r="EVJ152" s="31"/>
      <c r="EVK152" s="31"/>
      <c r="EVL152" s="31"/>
      <c r="EVM152" s="31"/>
      <c r="EVN152" s="31"/>
      <c r="EVO152" s="31"/>
      <c r="EVP152" s="31"/>
      <c r="EVQ152" s="31"/>
      <c r="EVR152" s="31"/>
      <c r="EVS152" s="31"/>
      <c r="EVT152" s="31"/>
      <c r="EVU152" s="31"/>
      <c r="EVV152" s="31"/>
      <c r="EVW152" s="31"/>
      <c r="EVX152" s="31"/>
      <c r="EVY152" s="31"/>
      <c r="EVZ152" s="31"/>
      <c r="EWA152" s="31"/>
      <c r="EWB152" s="31"/>
      <c r="EWC152" s="31"/>
      <c r="EWD152" s="31"/>
      <c r="EWE152" s="31"/>
      <c r="EWF152" s="31"/>
      <c r="EWG152" s="31"/>
      <c r="EWH152" s="31"/>
      <c r="EWI152" s="31"/>
      <c r="EWJ152" s="31"/>
      <c r="EWK152" s="31"/>
      <c r="EWL152" s="31"/>
      <c r="EWM152" s="31"/>
      <c r="EWN152" s="31"/>
      <c r="EWO152" s="31"/>
      <c r="EWP152" s="31"/>
      <c r="EWQ152" s="31"/>
      <c r="EWR152" s="31"/>
      <c r="EWS152" s="31"/>
      <c r="EWT152" s="31"/>
      <c r="EWU152" s="31"/>
      <c r="EWV152" s="31"/>
      <c r="EWW152" s="31"/>
      <c r="EWX152" s="31"/>
      <c r="EWY152" s="31"/>
      <c r="EWZ152" s="31"/>
      <c r="EXA152" s="31"/>
      <c r="EXB152" s="31"/>
      <c r="EXC152" s="31"/>
      <c r="EXD152" s="31"/>
      <c r="EXE152" s="31"/>
      <c r="EXF152" s="31"/>
      <c r="EXG152" s="31"/>
      <c r="EXH152" s="31"/>
      <c r="EXI152" s="31"/>
      <c r="EXJ152" s="31"/>
      <c r="EXK152" s="31"/>
      <c r="EXL152" s="31"/>
      <c r="EXM152" s="31"/>
      <c r="EXN152" s="31"/>
      <c r="EXO152" s="31"/>
      <c r="EXP152" s="31"/>
      <c r="EXQ152" s="31"/>
      <c r="EXR152" s="31"/>
      <c r="EXS152" s="31"/>
      <c r="EXT152" s="31"/>
      <c r="EXU152" s="31"/>
      <c r="EXV152" s="31"/>
      <c r="EXW152" s="31"/>
      <c r="EXX152" s="31"/>
      <c r="EXY152" s="31"/>
      <c r="EXZ152" s="31"/>
      <c r="EYA152" s="31"/>
      <c r="EYB152" s="31"/>
      <c r="EYC152" s="31"/>
      <c r="EYD152" s="31"/>
      <c r="EYE152" s="31"/>
      <c r="EYF152" s="31"/>
      <c r="EYG152" s="31"/>
      <c r="EYH152" s="31"/>
      <c r="EYI152" s="31"/>
      <c r="EYJ152" s="31"/>
      <c r="EYK152" s="31"/>
      <c r="EYL152" s="31"/>
      <c r="EYM152" s="31"/>
      <c r="EYN152" s="31"/>
      <c r="EYO152" s="31"/>
      <c r="EYP152" s="31"/>
      <c r="EYQ152" s="31"/>
      <c r="EYR152" s="31"/>
      <c r="EYS152" s="31"/>
      <c r="EYT152" s="31"/>
      <c r="EYU152" s="31"/>
      <c r="EYV152" s="31"/>
      <c r="EYW152" s="31"/>
      <c r="EYX152" s="31"/>
      <c r="EYY152" s="31"/>
      <c r="EYZ152" s="31"/>
      <c r="EZA152" s="31"/>
      <c r="EZB152" s="31"/>
      <c r="EZC152" s="31"/>
      <c r="EZD152" s="31"/>
      <c r="EZE152" s="31"/>
      <c r="EZF152" s="31"/>
      <c r="EZG152" s="31"/>
      <c r="EZH152" s="31"/>
      <c r="EZI152" s="31"/>
      <c r="EZJ152" s="31"/>
      <c r="EZK152" s="31"/>
      <c r="EZL152" s="31"/>
      <c r="EZM152" s="31"/>
      <c r="EZN152" s="31"/>
      <c r="EZO152" s="31"/>
      <c r="EZP152" s="31"/>
      <c r="EZQ152" s="31"/>
      <c r="EZR152" s="31"/>
      <c r="EZS152" s="31"/>
      <c r="EZT152" s="31"/>
      <c r="EZU152" s="31"/>
      <c r="EZV152" s="31"/>
      <c r="EZW152" s="31"/>
      <c r="EZX152" s="31"/>
      <c r="EZY152" s="31"/>
      <c r="EZZ152" s="31"/>
      <c r="FAA152" s="31"/>
      <c r="FAB152" s="31"/>
      <c r="FAC152" s="31"/>
      <c r="FAD152" s="31"/>
      <c r="FAE152" s="31"/>
      <c r="FAF152" s="31"/>
      <c r="FAG152" s="31"/>
      <c r="FAH152" s="31"/>
      <c r="FAI152" s="31"/>
      <c r="FAJ152" s="31"/>
      <c r="FAK152" s="31"/>
      <c r="FAL152" s="31"/>
      <c r="FAM152" s="31"/>
      <c r="FAN152" s="31"/>
      <c r="FAO152" s="31"/>
      <c r="FAP152" s="31"/>
      <c r="FAQ152" s="31"/>
      <c r="FAR152" s="31"/>
      <c r="FAS152" s="31"/>
      <c r="FAT152" s="31"/>
      <c r="FAU152" s="31"/>
      <c r="FAV152" s="31"/>
      <c r="FAW152" s="31"/>
      <c r="FAX152" s="31"/>
      <c r="FAY152" s="31"/>
      <c r="FAZ152" s="31"/>
      <c r="FBA152" s="31"/>
      <c r="FBB152" s="31"/>
      <c r="FBC152" s="31"/>
      <c r="FBD152" s="31"/>
      <c r="FBE152" s="31"/>
      <c r="FBF152" s="31"/>
      <c r="FBG152" s="31"/>
      <c r="FBH152" s="31"/>
      <c r="FBI152" s="31"/>
      <c r="FBJ152" s="31"/>
      <c r="FBK152" s="31"/>
      <c r="FBL152" s="31"/>
      <c r="FBM152" s="31"/>
      <c r="FBN152" s="31"/>
      <c r="FBO152" s="31"/>
      <c r="FBP152" s="31"/>
      <c r="FBQ152" s="31"/>
      <c r="FBR152" s="31"/>
      <c r="FBS152" s="31"/>
      <c r="FBT152" s="31"/>
      <c r="FBU152" s="31"/>
      <c r="FBV152" s="31"/>
      <c r="FBW152" s="31"/>
      <c r="FBX152" s="31"/>
      <c r="FBY152" s="31"/>
      <c r="FBZ152" s="31"/>
      <c r="FCA152" s="31"/>
      <c r="FCB152" s="31"/>
      <c r="FCC152" s="31"/>
      <c r="FCD152" s="31"/>
      <c r="FCE152" s="31"/>
      <c r="FCF152" s="31"/>
      <c r="FCG152" s="31"/>
      <c r="FCH152" s="31"/>
      <c r="FCI152" s="31"/>
      <c r="FCJ152" s="31"/>
      <c r="FCK152" s="31"/>
      <c r="FCL152" s="31"/>
      <c r="FCM152" s="31"/>
      <c r="FCN152" s="31"/>
      <c r="FCO152" s="31"/>
      <c r="FCP152" s="31"/>
      <c r="FCQ152" s="31"/>
      <c r="FCR152" s="31"/>
      <c r="FCS152" s="31"/>
      <c r="FCT152" s="31"/>
      <c r="FCU152" s="31"/>
      <c r="FCV152" s="31"/>
      <c r="FCW152" s="31"/>
      <c r="FCX152" s="31"/>
      <c r="FCY152" s="31"/>
      <c r="FCZ152" s="31"/>
      <c r="FDA152" s="31"/>
      <c r="FDB152" s="31"/>
      <c r="FDC152" s="31"/>
      <c r="FDD152" s="31"/>
      <c r="FDE152" s="31"/>
      <c r="FDF152" s="31"/>
      <c r="FDG152" s="31"/>
      <c r="FDH152" s="31"/>
      <c r="FDI152" s="31"/>
      <c r="FDJ152" s="31"/>
      <c r="FDK152" s="31"/>
      <c r="FDL152" s="31"/>
      <c r="FDM152" s="31"/>
      <c r="FDN152" s="31"/>
      <c r="FDO152" s="31"/>
      <c r="FDP152" s="31"/>
      <c r="FDQ152" s="31"/>
      <c r="FDR152" s="31"/>
      <c r="FDS152" s="31"/>
      <c r="FDT152" s="31"/>
      <c r="FDU152" s="31"/>
      <c r="FDV152" s="31"/>
      <c r="FDW152" s="31"/>
      <c r="FDX152" s="31"/>
      <c r="FDY152" s="31"/>
      <c r="FDZ152" s="31"/>
      <c r="FEA152" s="31"/>
      <c r="FEB152" s="31"/>
      <c r="FEC152" s="31"/>
      <c r="FED152" s="31"/>
      <c r="FEE152" s="31"/>
      <c r="FEF152" s="31"/>
      <c r="FEG152" s="31"/>
      <c r="FEH152" s="31"/>
      <c r="FEI152" s="31"/>
      <c r="FEJ152" s="31"/>
      <c r="FEK152" s="31"/>
      <c r="FEL152" s="31"/>
      <c r="FEM152" s="31"/>
      <c r="FEN152" s="31"/>
      <c r="FEO152" s="31"/>
      <c r="FEP152" s="31"/>
      <c r="FEQ152" s="31"/>
      <c r="FER152" s="31"/>
      <c r="FES152" s="31"/>
      <c r="FET152" s="31"/>
      <c r="FEU152" s="31"/>
      <c r="FEV152" s="31"/>
      <c r="FEW152" s="31"/>
      <c r="FEX152" s="31"/>
      <c r="FEY152" s="31"/>
      <c r="FEZ152" s="31"/>
      <c r="FFA152" s="31"/>
      <c r="FFB152" s="31"/>
      <c r="FFC152" s="31"/>
      <c r="FFD152" s="31"/>
      <c r="FFE152" s="31"/>
      <c r="FFF152" s="31"/>
      <c r="FFG152" s="31"/>
      <c r="FFH152" s="31"/>
      <c r="FFI152" s="31"/>
      <c r="FFJ152" s="31"/>
      <c r="FFK152" s="31"/>
      <c r="FFL152" s="31"/>
      <c r="FFM152" s="31"/>
      <c r="FFN152" s="31"/>
      <c r="FFO152" s="31"/>
      <c r="FFP152" s="31"/>
      <c r="FFQ152" s="31"/>
      <c r="FFR152" s="31"/>
      <c r="FFS152" s="31"/>
      <c r="FFT152" s="31"/>
      <c r="FFU152" s="31"/>
      <c r="FFV152" s="31"/>
      <c r="FFW152" s="31"/>
      <c r="FFX152" s="31"/>
      <c r="FFY152" s="31"/>
      <c r="FFZ152" s="31"/>
      <c r="FGA152" s="31"/>
      <c r="FGB152" s="31"/>
      <c r="FGC152" s="31"/>
      <c r="FGD152" s="31"/>
      <c r="FGE152" s="31"/>
      <c r="FGF152" s="31"/>
      <c r="FGG152" s="31"/>
      <c r="FGH152" s="31"/>
      <c r="FGI152" s="31"/>
      <c r="FGJ152" s="31"/>
      <c r="FGK152" s="31"/>
      <c r="FGL152" s="31"/>
      <c r="FGM152" s="31"/>
      <c r="FGN152" s="31"/>
      <c r="FGO152" s="31"/>
      <c r="FGP152" s="31"/>
      <c r="FGQ152" s="31"/>
      <c r="FGR152" s="31"/>
      <c r="FGS152" s="31"/>
      <c r="FGT152" s="31"/>
      <c r="FGU152" s="31"/>
      <c r="FGV152" s="31"/>
      <c r="FGW152" s="31"/>
      <c r="FGX152" s="31"/>
      <c r="FGY152" s="31"/>
      <c r="FGZ152" s="31"/>
      <c r="FHA152" s="31"/>
      <c r="FHB152" s="31"/>
      <c r="FHC152" s="31"/>
      <c r="FHD152" s="31"/>
      <c r="FHE152" s="31"/>
      <c r="FHF152" s="31"/>
      <c r="FHG152" s="31"/>
      <c r="FHH152" s="31"/>
      <c r="FHI152" s="31"/>
      <c r="FHJ152" s="31"/>
      <c r="FHK152" s="31"/>
      <c r="FHL152" s="31"/>
      <c r="FHM152" s="31"/>
      <c r="FHN152" s="31"/>
      <c r="FHO152" s="31"/>
      <c r="FHP152" s="31"/>
      <c r="FHQ152" s="31"/>
      <c r="FHR152" s="31"/>
      <c r="FHS152" s="31"/>
      <c r="FHT152" s="31"/>
      <c r="FHU152" s="31"/>
      <c r="FHV152" s="31"/>
      <c r="FHW152" s="31"/>
      <c r="FHX152" s="31"/>
      <c r="FHY152" s="31"/>
      <c r="FHZ152" s="31"/>
      <c r="FIA152" s="31"/>
      <c r="FIB152" s="31"/>
      <c r="FIC152" s="31"/>
      <c r="FID152" s="31"/>
      <c r="FIE152" s="31"/>
      <c r="FIF152" s="31"/>
      <c r="FIG152" s="31"/>
      <c r="FIH152" s="31"/>
      <c r="FII152" s="31"/>
      <c r="FIJ152" s="31"/>
      <c r="FIK152" s="31"/>
      <c r="FIL152" s="31"/>
      <c r="FIM152" s="31"/>
      <c r="FIN152" s="31"/>
      <c r="FIO152" s="31"/>
      <c r="FIP152" s="31"/>
      <c r="FIQ152" s="31"/>
      <c r="FIR152" s="31"/>
      <c r="FIS152" s="31"/>
      <c r="FIT152" s="31"/>
      <c r="FIU152" s="31"/>
      <c r="FIV152" s="31"/>
      <c r="FIW152" s="31"/>
      <c r="FIX152" s="31"/>
      <c r="FIY152" s="31"/>
      <c r="FIZ152" s="31"/>
      <c r="FJA152" s="31"/>
      <c r="FJB152" s="31"/>
      <c r="FJC152" s="31"/>
      <c r="FJD152" s="31"/>
      <c r="FJE152" s="31"/>
      <c r="FJF152" s="31"/>
      <c r="FJG152" s="31"/>
      <c r="FJH152" s="31"/>
      <c r="FJI152" s="31"/>
      <c r="FJJ152" s="31"/>
      <c r="FJK152" s="31"/>
      <c r="FJL152" s="31"/>
      <c r="FJM152" s="31"/>
      <c r="FJN152" s="31"/>
      <c r="FJO152" s="31"/>
      <c r="FJP152" s="31"/>
      <c r="FJQ152" s="31"/>
      <c r="FJR152" s="31"/>
      <c r="FJS152" s="31"/>
      <c r="FJT152" s="31"/>
      <c r="FJU152" s="31"/>
      <c r="FJV152" s="31"/>
      <c r="FJW152" s="31"/>
      <c r="FJX152" s="31"/>
      <c r="FJY152" s="31"/>
      <c r="FJZ152" s="31"/>
      <c r="FKA152" s="31"/>
      <c r="FKB152" s="31"/>
      <c r="FKC152" s="31"/>
      <c r="FKD152" s="31"/>
      <c r="FKE152" s="31"/>
      <c r="FKF152" s="31"/>
      <c r="FKG152" s="31"/>
      <c r="FKH152" s="31"/>
      <c r="FKI152" s="31"/>
      <c r="FKJ152" s="31"/>
      <c r="FKK152" s="31"/>
      <c r="FKL152" s="31"/>
      <c r="FKM152" s="31"/>
      <c r="FKN152" s="31"/>
      <c r="FKO152" s="31"/>
      <c r="FKP152" s="31"/>
      <c r="FKQ152" s="31"/>
      <c r="FKR152" s="31"/>
      <c r="FKS152" s="31"/>
      <c r="FKT152" s="31"/>
      <c r="FKU152" s="31"/>
      <c r="FKV152" s="31"/>
      <c r="FKW152" s="31"/>
      <c r="FKX152" s="31"/>
      <c r="FKY152" s="31"/>
      <c r="FKZ152" s="31"/>
      <c r="FLA152" s="31"/>
      <c r="FLB152" s="31"/>
      <c r="FLC152" s="31"/>
      <c r="FLD152" s="31"/>
      <c r="FLE152" s="31"/>
      <c r="FLF152" s="31"/>
      <c r="FLG152" s="31"/>
      <c r="FLH152" s="31"/>
      <c r="FLI152" s="31"/>
      <c r="FLJ152" s="31"/>
      <c r="FLK152" s="31"/>
      <c r="FLL152" s="31"/>
      <c r="FLM152" s="31"/>
      <c r="FLN152" s="31"/>
      <c r="FLO152" s="31"/>
      <c r="FLP152" s="31"/>
      <c r="FLQ152" s="31"/>
      <c r="FLR152" s="31"/>
      <c r="FLS152" s="31"/>
      <c r="FLT152" s="31"/>
      <c r="FLU152" s="31"/>
      <c r="FLV152" s="31"/>
      <c r="FLW152" s="31"/>
      <c r="FLX152" s="31"/>
      <c r="FLY152" s="31"/>
      <c r="FLZ152" s="31"/>
      <c r="FMA152" s="31"/>
      <c r="FMB152" s="31"/>
      <c r="FMC152" s="31"/>
      <c r="FMD152" s="31"/>
      <c r="FME152" s="31"/>
      <c r="FMF152" s="31"/>
      <c r="FMG152" s="31"/>
      <c r="FMH152" s="31"/>
      <c r="FMI152" s="31"/>
      <c r="FMJ152" s="31"/>
      <c r="FMK152" s="31"/>
      <c r="FML152" s="31"/>
      <c r="FMM152" s="31"/>
      <c r="FMN152" s="31"/>
      <c r="FMO152" s="31"/>
      <c r="FMP152" s="31"/>
      <c r="FMQ152" s="31"/>
      <c r="FMR152" s="31"/>
      <c r="FMS152" s="31"/>
      <c r="FMT152" s="31"/>
      <c r="FMU152" s="31"/>
      <c r="FMV152" s="31"/>
      <c r="FMW152" s="31"/>
      <c r="FMX152" s="31"/>
      <c r="FMY152" s="31"/>
      <c r="FMZ152" s="31"/>
      <c r="FNA152" s="31"/>
      <c r="FNB152" s="31"/>
      <c r="FNC152" s="31"/>
      <c r="FND152" s="31"/>
      <c r="FNE152" s="31"/>
      <c r="FNF152" s="31"/>
      <c r="FNG152" s="31"/>
      <c r="FNH152" s="31"/>
      <c r="FNI152" s="31"/>
      <c r="FNJ152" s="31"/>
      <c r="FNK152" s="31"/>
      <c r="FNL152" s="31"/>
      <c r="FNM152" s="31"/>
      <c r="FNN152" s="31"/>
      <c r="FNO152" s="31"/>
      <c r="FNP152" s="31"/>
      <c r="FNQ152" s="31"/>
      <c r="FNR152" s="31"/>
      <c r="FNS152" s="31"/>
      <c r="FNT152" s="31"/>
      <c r="FNU152" s="31"/>
      <c r="FNV152" s="31"/>
      <c r="FNW152" s="31"/>
      <c r="FNX152" s="31"/>
      <c r="FNY152" s="31"/>
      <c r="FNZ152" s="31"/>
      <c r="FOA152" s="31"/>
      <c r="FOB152" s="31"/>
      <c r="FOC152" s="31"/>
      <c r="FOD152" s="31"/>
      <c r="FOE152" s="31"/>
      <c r="FOF152" s="31"/>
      <c r="FOG152" s="31"/>
      <c r="FOH152" s="31"/>
      <c r="FOI152" s="31"/>
      <c r="FOJ152" s="31"/>
      <c r="FOK152" s="31"/>
      <c r="FOL152" s="31"/>
      <c r="FOM152" s="31"/>
      <c r="FON152" s="31"/>
      <c r="FOO152" s="31"/>
      <c r="FOP152" s="31"/>
      <c r="FOQ152" s="31"/>
      <c r="FOR152" s="31"/>
      <c r="FOS152" s="31"/>
      <c r="FOT152" s="31"/>
      <c r="FOU152" s="31"/>
      <c r="FOV152" s="31"/>
      <c r="FOW152" s="31"/>
      <c r="FOX152" s="31"/>
      <c r="FOY152" s="31"/>
      <c r="FOZ152" s="31"/>
      <c r="FPA152" s="31"/>
      <c r="FPB152" s="31"/>
      <c r="FPC152" s="31"/>
      <c r="FPD152" s="31"/>
      <c r="FPE152" s="31"/>
      <c r="FPF152" s="31"/>
      <c r="FPG152" s="31"/>
      <c r="FPH152" s="31"/>
      <c r="FPI152" s="31"/>
      <c r="FPJ152" s="31"/>
      <c r="FPK152" s="31"/>
      <c r="FPL152" s="31"/>
      <c r="FPM152" s="31"/>
      <c r="FPN152" s="31"/>
      <c r="FPO152" s="31"/>
      <c r="FPP152" s="31"/>
      <c r="FPQ152" s="31"/>
      <c r="FPR152" s="31"/>
      <c r="FPS152" s="31"/>
      <c r="FPT152" s="31"/>
      <c r="FPU152" s="31"/>
      <c r="FPV152" s="31"/>
      <c r="FPW152" s="31"/>
      <c r="FPX152" s="31"/>
      <c r="FPY152" s="31"/>
      <c r="FPZ152" s="31"/>
      <c r="FQA152" s="31"/>
      <c r="FQB152" s="31"/>
      <c r="FQC152" s="31"/>
      <c r="FQD152" s="31"/>
      <c r="FQE152" s="31"/>
      <c r="FQF152" s="31"/>
      <c r="FQG152" s="31"/>
      <c r="FQH152" s="31"/>
      <c r="FQI152" s="31"/>
      <c r="FQJ152" s="31"/>
      <c r="FQK152" s="31"/>
      <c r="FQL152" s="31"/>
      <c r="FQM152" s="31"/>
      <c r="FQN152" s="31"/>
      <c r="FQO152" s="31"/>
      <c r="FQP152" s="31"/>
      <c r="FQQ152" s="31"/>
      <c r="FQR152" s="31"/>
      <c r="FQS152" s="31"/>
      <c r="FQT152" s="31"/>
      <c r="FQU152" s="31"/>
      <c r="FQV152" s="31"/>
      <c r="FQW152" s="31"/>
      <c r="FQX152" s="31"/>
      <c r="FQY152" s="31"/>
      <c r="FQZ152" s="31"/>
      <c r="FRA152" s="31"/>
      <c r="FRB152" s="31"/>
      <c r="FRC152" s="31"/>
      <c r="FRD152" s="31"/>
      <c r="FRE152" s="31"/>
      <c r="FRF152" s="31"/>
      <c r="FRG152" s="31"/>
      <c r="FRH152" s="31"/>
      <c r="FRI152" s="31"/>
      <c r="FRJ152" s="31"/>
      <c r="FRK152" s="31"/>
      <c r="FRL152" s="31"/>
      <c r="FRM152" s="31"/>
      <c r="FRN152" s="31"/>
      <c r="FRO152" s="31"/>
      <c r="FRP152" s="31"/>
      <c r="FRQ152" s="31"/>
      <c r="FRR152" s="31"/>
      <c r="FRS152" s="31"/>
      <c r="FRT152" s="31"/>
      <c r="FRU152" s="31"/>
      <c r="FRV152" s="31"/>
      <c r="FRW152" s="31"/>
      <c r="FRX152" s="31"/>
      <c r="FRY152" s="31"/>
      <c r="FRZ152" s="31"/>
      <c r="FSA152" s="31"/>
      <c r="FSB152" s="31"/>
      <c r="FSC152" s="31"/>
      <c r="FSD152" s="31"/>
      <c r="FSE152" s="31"/>
      <c r="FSF152" s="31"/>
      <c r="FSG152" s="31"/>
      <c r="FSH152" s="31"/>
      <c r="FSI152" s="31"/>
      <c r="FSJ152" s="31"/>
      <c r="FSK152" s="31"/>
      <c r="FSL152" s="31"/>
      <c r="FSM152" s="31"/>
      <c r="FSN152" s="31"/>
      <c r="FSO152" s="31"/>
      <c r="FSP152" s="31"/>
      <c r="FSQ152" s="31"/>
      <c r="FSR152" s="31"/>
      <c r="FSS152" s="31"/>
      <c r="FST152" s="31"/>
      <c r="FSU152" s="31"/>
      <c r="FSV152" s="31"/>
      <c r="FSW152" s="31"/>
      <c r="FSX152" s="31"/>
      <c r="FSY152" s="31"/>
      <c r="FSZ152" s="31"/>
      <c r="FTA152" s="31"/>
      <c r="FTB152" s="31"/>
      <c r="FTC152" s="31"/>
      <c r="FTD152" s="31"/>
      <c r="FTE152" s="31"/>
      <c r="FTF152" s="31"/>
      <c r="FTG152" s="31"/>
      <c r="FTH152" s="31"/>
      <c r="FTI152" s="31"/>
      <c r="FTJ152" s="31"/>
      <c r="FTK152" s="31"/>
      <c r="FTL152" s="31"/>
      <c r="FTM152" s="31"/>
      <c r="FTN152" s="31"/>
      <c r="FTO152" s="31"/>
      <c r="FTP152" s="31"/>
      <c r="FTQ152" s="31"/>
      <c r="FTR152" s="31"/>
      <c r="FTS152" s="31"/>
      <c r="FTT152" s="31"/>
      <c r="FTU152" s="31"/>
      <c r="FTV152" s="31"/>
      <c r="FTW152" s="31"/>
      <c r="FTX152" s="31"/>
      <c r="FTY152" s="31"/>
      <c r="FTZ152" s="31"/>
      <c r="FUA152" s="31"/>
      <c r="FUB152" s="31"/>
      <c r="FUC152" s="31"/>
      <c r="FUD152" s="31"/>
      <c r="FUE152" s="31"/>
      <c r="FUF152" s="31"/>
      <c r="FUG152" s="31"/>
      <c r="FUH152" s="31"/>
      <c r="FUI152" s="31"/>
      <c r="FUJ152" s="31"/>
      <c r="FUK152" s="31"/>
      <c r="FUL152" s="31"/>
      <c r="FUM152" s="31"/>
      <c r="FUN152" s="31"/>
      <c r="FUO152" s="31"/>
      <c r="FUP152" s="31"/>
      <c r="FUQ152" s="31"/>
      <c r="FUR152" s="31"/>
      <c r="FUS152" s="31"/>
      <c r="FUT152" s="31"/>
      <c r="FUU152" s="31"/>
      <c r="FUV152" s="31"/>
      <c r="FUW152" s="31"/>
      <c r="FUX152" s="31"/>
      <c r="FUY152" s="31"/>
      <c r="FUZ152" s="31"/>
      <c r="FVA152" s="31"/>
      <c r="FVB152" s="31"/>
      <c r="FVC152" s="31"/>
      <c r="FVD152" s="31"/>
      <c r="FVE152" s="31"/>
      <c r="FVF152" s="31"/>
      <c r="FVG152" s="31"/>
      <c r="FVH152" s="31"/>
      <c r="FVI152" s="31"/>
      <c r="FVJ152" s="31"/>
      <c r="FVK152" s="31"/>
      <c r="FVL152" s="31"/>
      <c r="FVM152" s="31"/>
      <c r="FVN152" s="31"/>
      <c r="FVO152" s="31"/>
      <c r="FVP152" s="31"/>
      <c r="FVQ152" s="31"/>
      <c r="FVR152" s="31"/>
      <c r="FVS152" s="31"/>
      <c r="FVT152" s="31"/>
      <c r="FVU152" s="31"/>
      <c r="FVV152" s="31"/>
      <c r="FVW152" s="31"/>
      <c r="FVX152" s="31"/>
      <c r="FVY152" s="31"/>
      <c r="FVZ152" s="31"/>
      <c r="FWA152" s="31"/>
      <c r="FWB152" s="31"/>
      <c r="FWC152" s="31"/>
      <c r="FWD152" s="31"/>
      <c r="FWE152" s="31"/>
      <c r="FWF152" s="31"/>
      <c r="FWG152" s="31"/>
      <c r="FWH152" s="31"/>
      <c r="FWI152" s="31"/>
      <c r="FWJ152" s="31"/>
      <c r="FWK152" s="31"/>
      <c r="FWL152" s="31"/>
      <c r="FWM152" s="31"/>
      <c r="FWN152" s="31"/>
      <c r="FWO152" s="31"/>
      <c r="FWP152" s="31"/>
      <c r="FWQ152" s="31"/>
      <c r="FWR152" s="31"/>
      <c r="FWS152" s="31"/>
      <c r="FWT152" s="31"/>
      <c r="FWU152" s="31"/>
      <c r="FWV152" s="31"/>
      <c r="FWW152" s="31"/>
      <c r="FWX152" s="31"/>
      <c r="FWY152" s="31"/>
      <c r="FWZ152" s="31"/>
      <c r="FXA152" s="31"/>
      <c r="FXB152" s="31"/>
      <c r="FXC152" s="31"/>
      <c r="FXD152" s="31"/>
      <c r="FXE152" s="31"/>
      <c r="FXF152" s="31"/>
      <c r="FXG152" s="31"/>
      <c r="FXH152" s="31"/>
      <c r="FXI152" s="31"/>
      <c r="FXJ152" s="31"/>
      <c r="FXK152" s="31"/>
      <c r="FXL152" s="31"/>
      <c r="FXM152" s="31"/>
      <c r="FXN152" s="31"/>
      <c r="FXO152" s="31"/>
      <c r="FXP152" s="31"/>
      <c r="FXQ152" s="31"/>
      <c r="FXR152" s="31"/>
      <c r="FXS152" s="31"/>
      <c r="FXT152" s="31"/>
      <c r="FXU152" s="31"/>
      <c r="FXV152" s="31"/>
      <c r="FXW152" s="31"/>
      <c r="FXX152" s="31"/>
      <c r="FXY152" s="31"/>
      <c r="FXZ152" s="31"/>
      <c r="FYA152" s="31"/>
      <c r="FYB152" s="31"/>
      <c r="FYC152" s="31"/>
      <c r="FYD152" s="31"/>
      <c r="FYE152" s="31"/>
      <c r="FYF152" s="31"/>
      <c r="FYG152" s="31"/>
      <c r="FYH152" s="31"/>
      <c r="FYI152" s="31"/>
      <c r="FYJ152" s="31"/>
      <c r="FYK152" s="31"/>
      <c r="FYL152" s="31"/>
      <c r="FYM152" s="31"/>
      <c r="FYN152" s="31"/>
      <c r="FYO152" s="31"/>
      <c r="FYP152" s="31"/>
      <c r="FYQ152" s="31"/>
      <c r="FYR152" s="31"/>
      <c r="FYS152" s="31"/>
      <c r="FYT152" s="31"/>
      <c r="FYU152" s="31"/>
      <c r="FYV152" s="31"/>
      <c r="FYW152" s="31"/>
      <c r="FYX152" s="31"/>
      <c r="FYY152" s="31"/>
      <c r="FYZ152" s="31"/>
      <c r="FZA152" s="31"/>
      <c r="FZB152" s="31"/>
      <c r="FZC152" s="31"/>
      <c r="FZD152" s="31"/>
      <c r="FZE152" s="31"/>
      <c r="FZF152" s="31"/>
      <c r="FZG152" s="31"/>
      <c r="FZH152" s="31"/>
      <c r="FZI152" s="31"/>
      <c r="FZJ152" s="31"/>
      <c r="FZK152" s="31"/>
      <c r="FZL152" s="31"/>
      <c r="FZM152" s="31"/>
      <c r="FZN152" s="31"/>
      <c r="FZO152" s="31"/>
      <c r="FZP152" s="31"/>
      <c r="FZQ152" s="31"/>
      <c r="FZR152" s="31"/>
      <c r="FZS152" s="31"/>
      <c r="FZT152" s="31"/>
      <c r="FZU152" s="31"/>
      <c r="FZV152" s="31"/>
      <c r="FZW152" s="31"/>
      <c r="FZX152" s="31"/>
      <c r="FZY152" s="31"/>
      <c r="FZZ152" s="31"/>
      <c r="GAA152" s="31"/>
      <c r="GAB152" s="31"/>
      <c r="GAC152" s="31"/>
      <c r="GAD152" s="31"/>
      <c r="GAE152" s="31"/>
      <c r="GAF152" s="31"/>
      <c r="GAG152" s="31"/>
      <c r="GAH152" s="31"/>
      <c r="GAI152" s="31"/>
      <c r="GAJ152" s="31"/>
      <c r="GAK152" s="31"/>
      <c r="GAL152" s="31"/>
      <c r="GAM152" s="31"/>
      <c r="GAN152" s="31"/>
      <c r="GAO152" s="31"/>
      <c r="GAP152" s="31"/>
      <c r="GAQ152" s="31"/>
      <c r="GAR152" s="31"/>
      <c r="GAS152" s="31"/>
      <c r="GAT152" s="31"/>
      <c r="GAU152" s="31"/>
      <c r="GAV152" s="31"/>
      <c r="GAW152" s="31"/>
      <c r="GAX152" s="31"/>
      <c r="GAY152" s="31"/>
      <c r="GAZ152" s="31"/>
      <c r="GBA152" s="31"/>
      <c r="GBB152" s="31"/>
      <c r="GBC152" s="31"/>
      <c r="GBD152" s="31"/>
      <c r="GBE152" s="31"/>
      <c r="GBF152" s="31"/>
      <c r="GBG152" s="31"/>
      <c r="GBH152" s="31"/>
      <c r="GBI152" s="31"/>
      <c r="GBJ152" s="31"/>
      <c r="GBK152" s="31"/>
      <c r="GBL152" s="31"/>
      <c r="GBM152" s="31"/>
      <c r="GBN152" s="31"/>
      <c r="GBO152" s="31"/>
      <c r="GBP152" s="31"/>
      <c r="GBQ152" s="31"/>
      <c r="GBR152" s="31"/>
      <c r="GBS152" s="31"/>
      <c r="GBT152" s="31"/>
      <c r="GBU152" s="31"/>
      <c r="GBV152" s="31"/>
      <c r="GBW152" s="31"/>
      <c r="GBX152" s="31"/>
      <c r="GBY152" s="31"/>
      <c r="GBZ152" s="31"/>
      <c r="GCA152" s="31"/>
      <c r="GCB152" s="31"/>
      <c r="GCC152" s="31"/>
      <c r="GCD152" s="31"/>
      <c r="GCE152" s="31"/>
      <c r="GCF152" s="31"/>
      <c r="GCG152" s="31"/>
      <c r="GCH152" s="31"/>
      <c r="GCI152" s="31"/>
      <c r="GCJ152" s="31"/>
      <c r="GCK152" s="31"/>
      <c r="GCL152" s="31"/>
      <c r="GCM152" s="31"/>
      <c r="GCN152" s="31"/>
      <c r="GCO152" s="31"/>
      <c r="GCP152" s="31"/>
      <c r="GCQ152" s="31"/>
      <c r="GCR152" s="31"/>
      <c r="GCS152" s="31"/>
      <c r="GCT152" s="31"/>
      <c r="GCU152" s="31"/>
      <c r="GCV152" s="31"/>
      <c r="GCW152" s="31"/>
      <c r="GCX152" s="31"/>
      <c r="GCY152" s="31"/>
      <c r="GCZ152" s="31"/>
      <c r="GDA152" s="31"/>
      <c r="GDB152" s="31"/>
      <c r="GDC152" s="31"/>
      <c r="GDD152" s="31"/>
      <c r="GDE152" s="31"/>
      <c r="GDF152" s="31"/>
      <c r="GDG152" s="31"/>
      <c r="GDH152" s="31"/>
      <c r="GDI152" s="31"/>
      <c r="GDJ152" s="31"/>
      <c r="GDK152" s="31"/>
      <c r="GDL152" s="31"/>
      <c r="GDM152" s="31"/>
      <c r="GDN152" s="31"/>
      <c r="GDO152" s="31"/>
      <c r="GDP152" s="31"/>
      <c r="GDQ152" s="31"/>
      <c r="GDR152" s="31"/>
      <c r="GDS152" s="31"/>
      <c r="GDT152" s="31"/>
      <c r="GDU152" s="31"/>
      <c r="GDV152" s="31"/>
      <c r="GDW152" s="31"/>
      <c r="GDX152" s="31"/>
      <c r="GDY152" s="31"/>
      <c r="GDZ152" s="31"/>
      <c r="GEA152" s="31"/>
      <c r="GEB152" s="31"/>
      <c r="GEC152" s="31"/>
      <c r="GED152" s="31"/>
      <c r="GEE152" s="31"/>
      <c r="GEF152" s="31"/>
      <c r="GEG152" s="31"/>
      <c r="GEH152" s="31"/>
      <c r="GEI152" s="31"/>
      <c r="GEJ152" s="31"/>
      <c r="GEK152" s="31"/>
      <c r="GEL152" s="31"/>
      <c r="GEM152" s="31"/>
      <c r="GEN152" s="31"/>
      <c r="GEO152" s="31"/>
      <c r="GEP152" s="31"/>
      <c r="GEQ152" s="31"/>
      <c r="GER152" s="31"/>
      <c r="GES152" s="31"/>
      <c r="GET152" s="31"/>
      <c r="GEU152" s="31"/>
      <c r="GEV152" s="31"/>
      <c r="GEW152" s="31"/>
      <c r="GEX152" s="31"/>
      <c r="GEY152" s="31"/>
      <c r="GEZ152" s="31"/>
      <c r="GFA152" s="31"/>
      <c r="GFB152" s="31"/>
      <c r="GFC152" s="31"/>
      <c r="GFD152" s="31"/>
      <c r="GFE152" s="31"/>
      <c r="GFF152" s="31"/>
      <c r="GFG152" s="31"/>
      <c r="GFH152" s="31"/>
      <c r="GFI152" s="31"/>
      <c r="GFJ152" s="31"/>
      <c r="GFK152" s="31"/>
      <c r="GFL152" s="31"/>
      <c r="GFM152" s="31"/>
      <c r="GFN152" s="31"/>
      <c r="GFO152" s="31"/>
      <c r="GFP152" s="31"/>
      <c r="GFQ152" s="31"/>
      <c r="GFR152" s="31"/>
      <c r="GFS152" s="31"/>
      <c r="GFT152" s="31"/>
      <c r="GFU152" s="31"/>
      <c r="GFV152" s="31"/>
      <c r="GFW152" s="31"/>
      <c r="GFX152" s="31"/>
      <c r="GFY152" s="31"/>
      <c r="GFZ152" s="31"/>
      <c r="GGA152" s="31"/>
      <c r="GGB152" s="31"/>
      <c r="GGC152" s="31"/>
      <c r="GGD152" s="31"/>
      <c r="GGE152" s="31"/>
      <c r="GGF152" s="31"/>
      <c r="GGG152" s="31"/>
      <c r="GGH152" s="31"/>
      <c r="GGI152" s="31"/>
      <c r="GGJ152" s="31"/>
      <c r="GGK152" s="31"/>
      <c r="GGL152" s="31"/>
      <c r="GGM152" s="31"/>
      <c r="GGN152" s="31"/>
      <c r="GGO152" s="31"/>
      <c r="GGP152" s="31"/>
      <c r="GGQ152" s="31"/>
      <c r="GGR152" s="31"/>
      <c r="GGS152" s="31"/>
      <c r="GGT152" s="31"/>
      <c r="GGU152" s="31"/>
      <c r="GGV152" s="31"/>
      <c r="GGW152" s="31"/>
      <c r="GGX152" s="31"/>
      <c r="GGY152" s="31"/>
      <c r="GGZ152" s="31"/>
      <c r="GHA152" s="31"/>
      <c r="GHB152" s="31"/>
      <c r="GHC152" s="31"/>
      <c r="GHD152" s="31"/>
      <c r="GHE152" s="31"/>
      <c r="GHF152" s="31"/>
      <c r="GHG152" s="31"/>
      <c r="GHH152" s="31"/>
      <c r="GHI152" s="31"/>
      <c r="GHJ152" s="31"/>
      <c r="GHK152" s="31"/>
      <c r="GHL152" s="31"/>
      <c r="GHM152" s="31"/>
      <c r="GHN152" s="31"/>
      <c r="GHO152" s="31"/>
      <c r="GHP152" s="31"/>
      <c r="GHQ152" s="31"/>
      <c r="GHR152" s="31"/>
      <c r="GHS152" s="31"/>
      <c r="GHT152" s="31"/>
      <c r="GHU152" s="31"/>
      <c r="GHV152" s="31"/>
      <c r="GHW152" s="31"/>
      <c r="GHX152" s="31"/>
      <c r="GHY152" s="31"/>
      <c r="GHZ152" s="31"/>
      <c r="GIA152" s="31"/>
      <c r="GIB152" s="31"/>
      <c r="GIC152" s="31"/>
      <c r="GID152" s="31"/>
      <c r="GIE152" s="31"/>
      <c r="GIF152" s="31"/>
      <c r="GIG152" s="31"/>
      <c r="GIH152" s="31"/>
      <c r="GII152" s="31"/>
      <c r="GIJ152" s="31"/>
      <c r="GIK152" s="31"/>
      <c r="GIL152" s="31"/>
      <c r="GIM152" s="31"/>
      <c r="GIN152" s="31"/>
      <c r="GIO152" s="31"/>
      <c r="GIP152" s="31"/>
      <c r="GIQ152" s="31"/>
      <c r="GIR152" s="31"/>
      <c r="GIS152" s="31"/>
      <c r="GIT152" s="31"/>
      <c r="GIU152" s="31"/>
      <c r="GIV152" s="31"/>
      <c r="GIW152" s="31"/>
      <c r="GIX152" s="31"/>
      <c r="GIY152" s="31"/>
      <c r="GIZ152" s="31"/>
      <c r="GJA152" s="31"/>
      <c r="GJB152" s="31"/>
      <c r="GJC152" s="31"/>
      <c r="GJD152" s="31"/>
      <c r="GJE152" s="31"/>
      <c r="GJF152" s="31"/>
      <c r="GJG152" s="31"/>
      <c r="GJH152" s="31"/>
      <c r="GJI152" s="31"/>
      <c r="GJJ152" s="31"/>
      <c r="GJK152" s="31"/>
      <c r="GJL152" s="31"/>
      <c r="GJM152" s="31"/>
      <c r="GJN152" s="31"/>
      <c r="GJO152" s="31"/>
      <c r="GJP152" s="31"/>
      <c r="GJQ152" s="31"/>
      <c r="GJR152" s="31"/>
      <c r="GJS152" s="31"/>
      <c r="GJT152" s="31"/>
      <c r="GJU152" s="31"/>
      <c r="GJV152" s="31"/>
      <c r="GJW152" s="31"/>
      <c r="GJX152" s="31"/>
      <c r="GJY152" s="31"/>
      <c r="GJZ152" s="31"/>
      <c r="GKA152" s="31"/>
      <c r="GKB152" s="31"/>
      <c r="GKC152" s="31"/>
      <c r="GKD152" s="31"/>
      <c r="GKE152" s="31"/>
      <c r="GKF152" s="31"/>
      <c r="GKG152" s="31"/>
      <c r="GKH152" s="31"/>
      <c r="GKI152" s="31"/>
      <c r="GKJ152" s="31"/>
      <c r="GKK152" s="31"/>
      <c r="GKL152" s="31"/>
      <c r="GKM152" s="31"/>
      <c r="GKN152" s="31"/>
      <c r="GKO152" s="31"/>
      <c r="GKP152" s="31"/>
      <c r="GKQ152" s="31"/>
      <c r="GKR152" s="31"/>
      <c r="GKS152" s="31"/>
      <c r="GKT152" s="31"/>
      <c r="GKU152" s="31"/>
      <c r="GKV152" s="31"/>
      <c r="GKW152" s="31"/>
      <c r="GKX152" s="31"/>
      <c r="GKY152" s="31"/>
      <c r="GKZ152" s="31"/>
      <c r="GLA152" s="31"/>
      <c r="GLB152" s="31"/>
      <c r="GLC152" s="31"/>
      <c r="GLD152" s="31"/>
      <c r="GLE152" s="31"/>
      <c r="GLF152" s="31"/>
      <c r="GLG152" s="31"/>
      <c r="GLH152" s="31"/>
      <c r="GLI152" s="31"/>
      <c r="GLJ152" s="31"/>
      <c r="GLK152" s="31"/>
      <c r="GLL152" s="31"/>
      <c r="GLM152" s="31"/>
      <c r="GLN152" s="31"/>
      <c r="GLO152" s="31"/>
      <c r="GLP152" s="31"/>
      <c r="GLQ152" s="31"/>
      <c r="GLR152" s="31"/>
      <c r="GLS152" s="31"/>
      <c r="GLT152" s="31"/>
      <c r="GLU152" s="31"/>
      <c r="GLV152" s="31"/>
      <c r="GLW152" s="31"/>
      <c r="GLX152" s="31"/>
      <c r="GLY152" s="31"/>
      <c r="GLZ152" s="31"/>
      <c r="GMA152" s="31"/>
      <c r="GMB152" s="31"/>
      <c r="GMC152" s="31"/>
      <c r="GMD152" s="31"/>
      <c r="GME152" s="31"/>
      <c r="GMF152" s="31"/>
      <c r="GMG152" s="31"/>
      <c r="GMH152" s="31"/>
      <c r="GMI152" s="31"/>
      <c r="GMJ152" s="31"/>
      <c r="GMK152" s="31"/>
      <c r="GML152" s="31"/>
      <c r="GMM152" s="31"/>
      <c r="GMN152" s="31"/>
      <c r="GMO152" s="31"/>
      <c r="GMP152" s="31"/>
      <c r="GMQ152" s="31"/>
      <c r="GMR152" s="31"/>
      <c r="GMS152" s="31"/>
      <c r="GMT152" s="31"/>
      <c r="GMU152" s="31"/>
      <c r="GMV152" s="31"/>
      <c r="GMW152" s="31"/>
      <c r="GMX152" s="31"/>
      <c r="GMY152" s="31"/>
      <c r="GMZ152" s="31"/>
      <c r="GNA152" s="31"/>
      <c r="GNB152" s="31"/>
      <c r="GNC152" s="31"/>
      <c r="GND152" s="31"/>
      <c r="GNE152" s="31"/>
      <c r="GNF152" s="31"/>
      <c r="GNG152" s="31"/>
      <c r="GNH152" s="31"/>
      <c r="GNI152" s="31"/>
      <c r="GNJ152" s="31"/>
      <c r="GNK152" s="31"/>
      <c r="GNL152" s="31"/>
      <c r="GNM152" s="31"/>
      <c r="GNN152" s="31"/>
      <c r="GNO152" s="31"/>
      <c r="GNP152" s="31"/>
      <c r="GNQ152" s="31"/>
      <c r="GNR152" s="31"/>
      <c r="GNS152" s="31"/>
      <c r="GNT152" s="31"/>
      <c r="GNU152" s="31"/>
      <c r="GNV152" s="31"/>
      <c r="GNW152" s="31"/>
      <c r="GNX152" s="31"/>
      <c r="GNY152" s="31"/>
      <c r="GNZ152" s="31"/>
      <c r="GOA152" s="31"/>
      <c r="GOB152" s="31"/>
      <c r="GOC152" s="31"/>
      <c r="GOD152" s="31"/>
      <c r="GOE152" s="31"/>
      <c r="GOF152" s="31"/>
      <c r="GOG152" s="31"/>
      <c r="GOH152" s="31"/>
      <c r="GOI152" s="31"/>
      <c r="GOJ152" s="31"/>
      <c r="GOK152" s="31"/>
      <c r="GOL152" s="31"/>
      <c r="GOM152" s="31"/>
      <c r="GON152" s="31"/>
      <c r="GOO152" s="31"/>
      <c r="GOP152" s="31"/>
      <c r="GOQ152" s="31"/>
      <c r="GOR152" s="31"/>
      <c r="GOS152" s="31"/>
      <c r="GOT152" s="31"/>
      <c r="GOU152" s="31"/>
      <c r="GOV152" s="31"/>
      <c r="GOW152" s="31"/>
      <c r="GOX152" s="31"/>
      <c r="GOY152" s="31"/>
      <c r="GOZ152" s="31"/>
      <c r="GPA152" s="31"/>
      <c r="GPB152" s="31"/>
      <c r="GPC152" s="31"/>
      <c r="GPD152" s="31"/>
      <c r="GPE152" s="31"/>
      <c r="GPF152" s="31"/>
      <c r="GPG152" s="31"/>
      <c r="GPH152" s="31"/>
      <c r="GPI152" s="31"/>
      <c r="GPJ152" s="31"/>
      <c r="GPK152" s="31"/>
      <c r="GPL152" s="31"/>
      <c r="GPM152" s="31"/>
      <c r="GPN152" s="31"/>
      <c r="GPO152" s="31"/>
      <c r="GPP152" s="31"/>
      <c r="GPQ152" s="31"/>
      <c r="GPR152" s="31"/>
      <c r="GPS152" s="31"/>
      <c r="GPT152" s="31"/>
      <c r="GPU152" s="31"/>
      <c r="GPV152" s="31"/>
      <c r="GPW152" s="31"/>
      <c r="GPX152" s="31"/>
      <c r="GPY152" s="31"/>
      <c r="GPZ152" s="31"/>
      <c r="GQA152" s="31"/>
      <c r="GQB152" s="31"/>
      <c r="GQC152" s="31"/>
      <c r="GQD152" s="31"/>
      <c r="GQE152" s="31"/>
      <c r="GQF152" s="31"/>
      <c r="GQG152" s="31"/>
      <c r="GQH152" s="31"/>
      <c r="GQI152" s="31"/>
      <c r="GQJ152" s="31"/>
      <c r="GQK152" s="31"/>
      <c r="GQL152" s="31"/>
      <c r="GQM152" s="31"/>
      <c r="GQN152" s="31"/>
      <c r="GQO152" s="31"/>
      <c r="GQP152" s="31"/>
      <c r="GQQ152" s="31"/>
      <c r="GQR152" s="31"/>
      <c r="GQS152" s="31"/>
      <c r="GQT152" s="31"/>
      <c r="GQU152" s="31"/>
      <c r="GQV152" s="31"/>
      <c r="GQW152" s="31"/>
      <c r="GQX152" s="31"/>
      <c r="GQY152" s="31"/>
      <c r="GQZ152" s="31"/>
      <c r="GRA152" s="31"/>
      <c r="GRB152" s="31"/>
      <c r="GRC152" s="31"/>
      <c r="GRD152" s="31"/>
      <c r="GRE152" s="31"/>
      <c r="GRF152" s="31"/>
      <c r="GRG152" s="31"/>
      <c r="GRH152" s="31"/>
      <c r="GRI152" s="31"/>
      <c r="GRJ152" s="31"/>
      <c r="GRK152" s="31"/>
      <c r="GRL152" s="31"/>
      <c r="GRM152" s="31"/>
      <c r="GRN152" s="31"/>
      <c r="GRO152" s="31"/>
      <c r="GRP152" s="31"/>
      <c r="GRQ152" s="31"/>
      <c r="GRR152" s="31"/>
      <c r="GRS152" s="31"/>
      <c r="GRT152" s="31"/>
      <c r="GRU152" s="31"/>
      <c r="GRV152" s="31"/>
      <c r="GRW152" s="31"/>
      <c r="GRX152" s="31"/>
      <c r="GRY152" s="31"/>
      <c r="GRZ152" s="31"/>
      <c r="GSA152" s="31"/>
      <c r="GSB152" s="31"/>
      <c r="GSC152" s="31"/>
      <c r="GSD152" s="31"/>
      <c r="GSE152" s="31"/>
      <c r="GSF152" s="31"/>
      <c r="GSG152" s="31"/>
      <c r="GSH152" s="31"/>
      <c r="GSI152" s="31"/>
      <c r="GSJ152" s="31"/>
      <c r="GSK152" s="31"/>
      <c r="GSL152" s="31"/>
      <c r="GSM152" s="31"/>
      <c r="GSN152" s="31"/>
      <c r="GSO152" s="31"/>
      <c r="GSP152" s="31"/>
      <c r="GSQ152" s="31"/>
      <c r="GSR152" s="31"/>
      <c r="GSS152" s="31"/>
      <c r="GST152" s="31"/>
      <c r="GSU152" s="31"/>
      <c r="GSV152" s="31"/>
      <c r="GSW152" s="31"/>
      <c r="GSX152" s="31"/>
      <c r="GSY152" s="31"/>
      <c r="GSZ152" s="31"/>
      <c r="GTA152" s="31"/>
      <c r="GTB152" s="31"/>
      <c r="GTC152" s="31"/>
      <c r="GTD152" s="31"/>
      <c r="GTE152" s="31"/>
      <c r="GTF152" s="31"/>
      <c r="GTG152" s="31"/>
      <c r="GTH152" s="31"/>
      <c r="GTI152" s="31"/>
      <c r="GTJ152" s="31"/>
      <c r="GTK152" s="31"/>
      <c r="GTL152" s="31"/>
      <c r="GTM152" s="31"/>
      <c r="GTN152" s="31"/>
      <c r="GTO152" s="31"/>
      <c r="GTP152" s="31"/>
      <c r="GTQ152" s="31"/>
      <c r="GTR152" s="31"/>
      <c r="GTS152" s="31"/>
      <c r="GTT152" s="31"/>
      <c r="GTU152" s="31"/>
      <c r="GTV152" s="31"/>
      <c r="GTW152" s="31"/>
      <c r="GTX152" s="31"/>
      <c r="GTY152" s="31"/>
      <c r="GTZ152" s="31"/>
      <c r="GUA152" s="31"/>
      <c r="GUB152" s="31"/>
      <c r="GUC152" s="31"/>
      <c r="GUD152" s="31"/>
      <c r="GUE152" s="31"/>
      <c r="GUF152" s="31"/>
      <c r="GUG152" s="31"/>
      <c r="GUH152" s="31"/>
      <c r="GUI152" s="31"/>
      <c r="GUJ152" s="31"/>
      <c r="GUK152" s="31"/>
      <c r="GUL152" s="31"/>
      <c r="GUM152" s="31"/>
      <c r="GUN152" s="31"/>
      <c r="GUO152" s="31"/>
      <c r="GUP152" s="31"/>
      <c r="GUQ152" s="31"/>
      <c r="GUR152" s="31"/>
      <c r="GUS152" s="31"/>
      <c r="GUT152" s="31"/>
      <c r="GUU152" s="31"/>
      <c r="GUV152" s="31"/>
      <c r="GUW152" s="31"/>
      <c r="GUX152" s="31"/>
      <c r="GUY152" s="31"/>
      <c r="GUZ152" s="31"/>
      <c r="GVA152" s="31"/>
      <c r="GVB152" s="31"/>
      <c r="GVC152" s="31"/>
      <c r="GVD152" s="31"/>
      <c r="GVE152" s="31"/>
      <c r="GVF152" s="31"/>
      <c r="GVG152" s="31"/>
      <c r="GVH152" s="31"/>
      <c r="GVI152" s="31"/>
      <c r="GVJ152" s="31"/>
      <c r="GVK152" s="31"/>
      <c r="GVL152" s="31"/>
      <c r="GVM152" s="31"/>
      <c r="GVN152" s="31"/>
      <c r="GVO152" s="31"/>
      <c r="GVP152" s="31"/>
      <c r="GVQ152" s="31"/>
      <c r="GVR152" s="31"/>
      <c r="GVS152" s="31"/>
      <c r="GVT152" s="31"/>
      <c r="GVU152" s="31"/>
      <c r="GVV152" s="31"/>
      <c r="GVW152" s="31"/>
      <c r="GVX152" s="31"/>
      <c r="GVY152" s="31"/>
      <c r="GVZ152" s="31"/>
      <c r="GWA152" s="31"/>
      <c r="GWB152" s="31"/>
      <c r="GWC152" s="31"/>
      <c r="GWD152" s="31"/>
      <c r="GWE152" s="31"/>
      <c r="GWF152" s="31"/>
      <c r="GWG152" s="31"/>
      <c r="GWH152" s="31"/>
      <c r="GWI152" s="31"/>
      <c r="GWJ152" s="31"/>
      <c r="GWK152" s="31"/>
      <c r="GWL152" s="31"/>
      <c r="GWM152" s="31"/>
      <c r="GWN152" s="31"/>
      <c r="GWO152" s="31"/>
      <c r="GWP152" s="31"/>
      <c r="GWQ152" s="31"/>
      <c r="GWR152" s="31"/>
      <c r="GWS152" s="31"/>
      <c r="GWT152" s="31"/>
      <c r="GWU152" s="31"/>
      <c r="GWV152" s="31"/>
      <c r="GWW152" s="31"/>
      <c r="GWX152" s="31"/>
      <c r="GWY152" s="31"/>
      <c r="GWZ152" s="31"/>
      <c r="GXA152" s="31"/>
      <c r="GXB152" s="31"/>
      <c r="GXC152" s="31"/>
      <c r="GXD152" s="31"/>
      <c r="GXE152" s="31"/>
      <c r="GXF152" s="31"/>
      <c r="GXG152" s="31"/>
      <c r="GXH152" s="31"/>
      <c r="GXI152" s="31"/>
      <c r="GXJ152" s="31"/>
      <c r="GXK152" s="31"/>
      <c r="GXL152" s="31"/>
      <c r="GXM152" s="31"/>
      <c r="GXN152" s="31"/>
      <c r="GXO152" s="31"/>
      <c r="GXP152" s="31"/>
      <c r="GXQ152" s="31"/>
      <c r="GXR152" s="31"/>
      <c r="GXS152" s="31"/>
      <c r="GXT152" s="31"/>
      <c r="GXU152" s="31"/>
      <c r="GXV152" s="31"/>
      <c r="GXW152" s="31"/>
      <c r="GXX152" s="31"/>
      <c r="GXY152" s="31"/>
      <c r="GXZ152" s="31"/>
      <c r="GYA152" s="31"/>
      <c r="GYB152" s="31"/>
      <c r="GYC152" s="31"/>
      <c r="GYD152" s="31"/>
      <c r="GYE152" s="31"/>
      <c r="GYF152" s="31"/>
      <c r="GYG152" s="31"/>
      <c r="GYH152" s="31"/>
      <c r="GYI152" s="31"/>
      <c r="GYJ152" s="31"/>
      <c r="GYK152" s="31"/>
      <c r="GYL152" s="31"/>
      <c r="GYM152" s="31"/>
      <c r="GYN152" s="31"/>
      <c r="GYO152" s="31"/>
      <c r="GYP152" s="31"/>
      <c r="GYQ152" s="31"/>
      <c r="GYR152" s="31"/>
      <c r="GYS152" s="31"/>
      <c r="GYT152" s="31"/>
      <c r="GYU152" s="31"/>
      <c r="GYV152" s="31"/>
      <c r="GYW152" s="31"/>
      <c r="GYX152" s="31"/>
      <c r="GYY152" s="31"/>
      <c r="GYZ152" s="31"/>
      <c r="GZA152" s="31"/>
      <c r="GZB152" s="31"/>
      <c r="GZC152" s="31"/>
      <c r="GZD152" s="31"/>
      <c r="GZE152" s="31"/>
      <c r="GZF152" s="31"/>
      <c r="GZG152" s="31"/>
      <c r="GZH152" s="31"/>
      <c r="GZI152" s="31"/>
      <c r="GZJ152" s="31"/>
      <c r="GZK152" s="31"/>
      <c r="GZL152" s="31"/>
      <c r="GZM152" s="31"/>
      <c r="GZN152" s="31"/>
      <c r="GZO152" s="31"/>
      <c r="GZP152" s="31"/>
      <c r="GZQ152" s="31"/>
      <c r="GZR152" s="31"/>
      <c r="GZS152" s="31"/>
      <c r="GZT152" s="31"/>
      <c r="GZU152" s="31"/>
      <c r="GZV152" s="31"/>
      <c r="GZW152" s="31"/>
      <c r="GZX152" s="31"/>
      <c r="GZY152" s="31"/>
      <c r="GZZ152" s="31"/>
      <c r="HAA152" s="31"/>
      <c r="HAB152" s="31"/>
      <c r="HAC152" s="31"/>
      <c r="HAD152" s="31"/>
      <c r="HAE152" s="31"/>
      <c r="HAF152" s="31"/>
      <c r="HAG152" s="31"/>
      <c r="HAH152" s="31"/>
      <c r="HAI152" s="31"/>
      <c r="HAJ152" s="31"/>
      <c r="HAK152" s="31"/>
      <c r="HAL152" s="31"/>
      <c r="HAM152" s="31"/>
      <c r="HAN152" s="31"/>
      <c r="HAO152" s="31"/>
      <c r="HAP152" s="31"/>
      <c r="HAQ152" s="31"/>
      <c r="HAR152" s="31"/>
      <c r="HAS152" s="31"/>
      <c r="HAT152" s="31"/>
      <c r="HAU152" s="31"/>
      <c r="HAV152" s="31"/>
      <c r="HAW152" s="31"/>
      <c r="HAX152" s="31"/>
      <c r="HAY152" s="31"/>
      <c r="HAZ152" s="31"/>
      <c r="HBA152" s="31"/>
      <c r="HBB152" s="31"/>
      <c r="HBC152" s="31"/>
      <c r="HBD152" s="31"/>
      <c r="HBE152" s="31"/>
      <c r="HBF152" s="31"/>
      <c r="HBG152" s="31"/>
      <c r="HBH152" s="31"/>
      <c r="HBI152" s="31"/>
      <c r="HBJ152" s="31"/>
      <c r="HBK152" s="31"/>
      <c r="HBL152" s="31"/>
      <c r="HBM152" s="31"/>
      <c r="HBN152" s="31"/>
      <c r="HBO152" s="31"/>
      <c r="HBP152" s="31"/>
      <c r="HBQ152" s="31"/>
      <c r="HBR152" s="31"/>
      <c r="HBS152" s="31"/>
      <c r="HBT152" s="31"/>
      <c r="HBU152" s="31"/>
      <c r="HBV152" s="31"/>
      <c r="HBW152" s="31"/>
      <c r="HBX152" s="31"/>
      <c r="HBY152" s="31"/>
      <c r="HBZ152" s="31"/>
      <c r="HCA152" s="31"/>
      <c r="HCB152" s="31"/>
      <c r="HCC152" s="31"/>
      <c r="HCD152" s="31"/>
      <c r="HCE152" s="31"/>
      <c r="HCF152" s="31"/>
      <c r="HCG152" s="31"/>
      <c r="HCH152" s="31"/>
      <c r="HCI152" s="31"/>
      <c r="HCJ152" s="31"/>
      <c r="HCK152" s="31"/>
      <c r="HCL152" s="31"/>
      <c r="HCM152" s="31"/>
      <c r="HCN152" s="31"/>
      <c r="HCO152" s="31"/>
      <c r="HCP152" s="31"/>
      <c r="HCQ152" s="31"/>
      <c r="HCR152" s="31"/>
      <c r="HCS152" s="31"/>
      <c r="HCT152" s="31"/>
      <c r="HCU152" s="31"/>
      <c r="HCV152" s="31"/>
      <c r="HCW152" s="31"/>
      <c r="HCX152" s="31"/>
      <c r="HCY152" s="31"/>
      <c r="HCZ152" s="31"/>
      <c r="HDA152" s="31"/>
      <c r="HDB152" s="31"/>
      <c r="HDC152" s="31"/>
      <c r="HDD152" s="31"/>
      <c r="HDE152" s="31"/>
      <c r="HDF152" s="31"/>
      <c r="HDG152" s="31"/>
      <c r="HDH152" s="31"/>
      <c r="HDI152" s="31"/>
      <c r="HDJ152" s="31"/>
      <c r="HDK152" s="31"/>
      <c r="HDL152" s="31"/>
      <c r="HDM152" s="31"/>
      <c r="HDN152" s="31"/>
      <c r="HDO152" s="31"/>
      <c r="HDP152" s="31"/>
      <c r="HDQ152" s="31"/>
      <c r="HDR152" s="31"/>
      <c r="HDS152" s="31"/>
      <c r="HDT152" s="31"/>
      <c r="HDU152" s="31"/>
      <c r="HDV152" s="31"/>
      <c r="HDW152" s="31"/>
      <c r="HDX152" s="31"/>
      <c r="HDY152" s="31"/>
      <c r="HDZ152" s="31"/>
      <c r="HEA152" s="31"/>
      <c r="HEB152" s="31"/>
      <c r="HEC152" s="31"/>
      <c r="HED152" s="31"/>
      <c r="HEE152" s="31"/>
      <c r="HEF152" s="31"/>
      <c r="HEG152" s="31"/>
      <c r="HEH152" s="31"/>
      <c r="HEI152" s="31"/>
      <c r="HEJ152" s="31"/>
      <c r="HEK152" s="31"/>
      <c r="HEL152" s="31"/>
      <c r="HEM152" s="31"/>
      <c r="HEN152" s="31"/>
      <c r="HEO152" s="31"/>
      <c r="HEP152" s="31"/>
      <c r="HEQ152" s="31"/>
      <c r="HER152" s="31"/>
      <c r="HES152" s="31"/>
      <c r="HET152" s="31"/>
      <c r="HEU152" s="31"/>
      <c r="HEV152" s="31"/>
      <c r="HEW152" s="31"/>
      <c r="HEX152" s="31"/>
      <c r="HEY152" s="31"/>
      <c r="HEZ152" s="31"/>
      <c r="HFA152" s="31"/>
      <c r="HFB152" s="31"/>
      <c r="HFC152" s="31"/>
      <c r="HFD152" s="31"/>
      <c r="HFE152" s="31"/>
      <c r="HFF152" s="31"/>
      <c r="HFG152" s="31"/>
      <c r="HFH152" s="31"/>
      <c r="HFI152" s="31"/>
      <c r="HFJ152" s="31"/>
      <c r="HFK152" s="31"/>
      <c r="HFL152" s="31"/>
      <c r="HFM152" s="31"/>
      <c r="HFN152" s="31"/>
      <c r="HFO152" s="31"/>
      <c r="HFP152" s="31"/>
      <c r="HFQ152" s="31"/>
      <c r="HFR152" s="31"/>
      <c r="HFS152" s="31"/>
      <c r="HFT152" s="31"/>
      <c r="HFU152" s="31"/>
      <c r="HFV152" s="31"/>
      <c r="HFW152" s="31"/>
      <c r="HFX152" s="31"/>
      <c r="HFY152" s="31"/>
      <c r="HFZ152" s="31"/>
      <c r="HGA152" s="31"/>
      <c r="HGB152" s="31"/>
      <c r="HGC152" s="31"/>
      <c r="HGD152" s="31"/>
      <c r="HGE152" s="31"/>
      <c r="HGF152" s="31"/>
      <c r="HGG152" s="31"/>
      <c r="HGH152" s="31"/>
      <c r="HGI152" s="31"/>
      <c r="HGJ152" s="31"/>
      <c r="HGK152" s="31"/>
      <c r="HGL152" s="31"/>
      <c r="HGM152" s="31"/>
      <c r="HGN152" s="31"/>
      <c r="HGO152" s="31"/>
      <c r="HGP152" s="31"/>
      <c r="HGQ152" s="31"/>
      <c r="HGR152" s="31"/>
      <c r="HGS152" s="31"/>
      <c r="HGT152" s="31"/>
      <c r="HGU152" s="31"/>
      <c r="HGV152" s="31"/>
      <c r="HGW152" s="31"/>
      <c r="HGX152" s="31"/>
      <c r="HGY152" s="31"/>
      <c r="HGZ152" s="31"/>
      <c r="HHA152" s="31"/>
      <c r="HHB152" s="31"/>
      <c r="HHC152" s="31"/>
      <c r="HHD152" s="31"/>
      <c r="HHE152" s="31"/>
      <c r="HHF152" s="31"/>
      <c r="HHG152" s="31"/>
      <c r="HHH152" s="31"/>
      <c r="HHI152" s="31"/>
      <c r="HHJ152" s="31"/>
      <c r="HHK152" s="31"/>
      <c r="HHL152" s="31"/>
      <c r="HHM152" s="31"/>
      <c r="HHN152" s="31"/>
      <c r="HHO152" s="31"/>
      <c r="HHP152" s="31"/>
      <c r="HHQ152" s="31"/>
      <c r="HHR152" s="31"/>
      <c r="HHS152" s="31"/>
      <c r="HHT152" s="31"/>
      <c r="HHU152" s="31"/>
      <c r="HHV152" s="31"/>
      <c r="HHW152" s="31"/>
      <c r="HHX152" s="31"/>
      <c r="HHY152" s="31"/>
      <c r="HHZ152" s="31"/>
      <c r="HIA152" s="31"/>
      <c r="HIB152" s="31"/>
      <c r="HIC152" s="31"/>
      <c r="HID152" s="31"/>
      <c r="HIE152" s="31"/>
      <c r="HIF152" s="31"/>
      <c r="HIG152" s="31"/>
      <c r="HIH152" s="31"/>
      <c r="HII152" s="31"/>
      <c r="HIJ152" s="31"/>
      <c r="HIK152" s="31"/>
      <c r="HIL152" s="31"/>
      <c r="HIM152" s="31"/>
      <c r="HIN152" s="31"/>
      <c r="HIO152" s="31"/>
      <c r="HIP152" s="31"/>
      <c r="HIQ152" s="31"/>
      <c r="HIR152" s="31"/>
      <c r="HIS152" s="31"/>
      <c r="HIT152" s="31"/>
      <c r="HIU152" s="31"/>
      <c r="HIV152" s="31"/>
      <c r="HIW152" s="31"/>
      <c r="HIX152" s="31"/>
      <c r="HIY152" s="31"/>
      <c r="HIZ152" s="31"/>
      <c r="HJA152" s="31"/>
      <c r="HJB152" s="31"/>
      <c r="HJC152" s="31"/>
      <c r="HJD152" s="31"/>
      <c r="HJE152" s="31"/>
      <c r="HJF152" s="31"/>
      <c r="HJG152" s="31"/>
      <c r="HJH152" s="31"/>
      <c r="HJI152" s="31"/>
      <c r="HJJ152" s="31"/>
      <c r="HJK152" s="31"/>
      <c r="HJL152" s="31"/>
      <c r="HJM152" s="31"/>
      <c r="HJN152" s="31"/>
      <c r="HJO152" s="31"/>
      <c r="HJP152" s="31"/>
      <c r="HJQ152" s="31"/>
      <c r="HJR152" s="31"/>
      <c r="HJS152" s="31"/>
      <c r="HJT152" s="31"/>
      <c r="HJU152" s="31"/>
      <c r="HJV152" s="31"/>
      <c r="HJW152" s="31"/>
      <c r="HJX152" s="31"/>
      <c r="HJY152" s="31"/>
      <c r="HJZ152" s="31"/>
      <c r="HKA152" s="31"/>
      <c r="HKB152" s="31"/>
      <c r="HKC152" s="31"/>
      <c r="HKD152" s="31"/>
      <c r="HKE152" s="31"/>
      <c r="HKF152" s="31"/>
      <c r="HKG152" s="31"/>
      <c r="HKH152" s="31"/>
      <c r="HKI152" s="31"/>
      <c r="HKJ152" s="31"/>
      <c r="HKK152" s="31"/>
      <c r="HKL152" s="31"/>
      <c r="HKM152" s="31"/>
      <c r="HKN152" s="31"/>
      <c r="HKO152" s="31"/>
      <c r="HKP152" s="31"/>
      <c r="HKQ152" s="31"/>
      <c r="HKR152" s="31"/>
      <c r="HKS152" s="31"/>
      <c r="HKT152" s="31"/>
      <c r="HKU152" s="31"/>
      <c r="HKV152" s="31"/>
      <c r="HKW152" s="31"/>
      <c r="HKX152" s="31"/>
      <c r="HKY152" s="31"/>
      <c r="HKZ152" s="31"/>
      <c r="HLA152" s="31"/>
      <c r="HLB152" s="31"/>
      <c r="HLC152" s="31"/>
      <c r="HLD152" s="31"/>
      <c r="HLE152" s="31"/>
      <c r="HLF152" s="31"/>
      <c r="HLG152" s="31"/>
      <c r="HLH152" s="31"/>
      <c r="HLI152" s="31"/>
      <c r="HLJ152" s="31"/>
      <c r="HLK152" s="31"/>
      <c r="HLL152" s="31"/>
      <c r="HLM152" s="31"/>
      <c r="HLN152" s="31"/>
      <c r="HLO152" s="31"/>
      <c r="HLP152" s="31"/>
      <c r="HLQ152" s="31"/>
      <c r="HLR152" s="31"/>
      <c r="HLS152" s="31"/>
      <c r="HLT152" s="31"/>
      <c r="HLU152" s="31"/>
      <c r="HLV152" s="31"/>
      <c r="HLW152" s="31"/>
      <c r="HLX152" s="31"/>
      <c r="HLY152" s="31"/>
      <c r="HLZ152" s="31"/>
      <c r="HMA152" s="31"/>
      <c r="HMB152" s="31"/>
      <c r="HMC152" s="31"/>
      <c r="HMD152" s="31"/>
      <c r="HME152" s="31"/>
      <c r="HMF152" s="31"/>
      <c r="HMG152" s="31"/>
      <c r="HMH152" s="31"/>
      <c r="HMI152" s="31"/>
      <c r="HMJ152" s="31"/>
      <c r="HMK152" s="31"/>
      <c r="HML152" s="31"/>
      <c r="HMM152" s="31"/>
      <c r="HMN152" s="31"/>
      <c r="HMO152" s="31"/>
      <c r="HMP152" s="31"/>
      <c r="HMQ152" s="31"/>
      <c r="HMR152" s="31"/>
      <c r="HMS152" s="31"/>
      <c r="HMT152" s="31"/>
      <c r="HMU152" s="31"/>
      <c r="HMV152" s="31"/>
      <c r="HMW152" s="31"/>
      <c r="HMX152" s="31"/>
      <c r="HMY152" s="31"/>
      <c r="HMZ152" s="31"/>
      <c r="HNA152" s="31"/>
      <c r="HNB152" s="31"/>
      <c r="HNC152" s="31"/>
      <c r="HND152" s="31"/>
      <c r="HNE152" s="31"/>
      <c r="HNF152" s="31"/>
      <c r="HNG152" s="31"/>
      <c r="HNH152" s="31"/>
      <c r="HNI152" s="31"/>
      <c r="HNJ152" s="31"/>
      <c r="HNK152" s="31"/>
      <c r="HNL152" s="31"/>
      <c r="HNM152" s="31"/>
      <c r="HNN152" s="31"/>
      <c r="HNO152" s="31"/>
      <c r="HNP152" s="31"/>
      <c r="HNQ152" s="31"/>
      <c r="HNR152" s="31"/>
      <c r="HNS152" s="31"/>
      <c r="HNT152" s="31"/>
      <c r="HNU152" s="31"/>
      <c r="HNV152" s="31"/>
      <c r="HNW152" s="31"/>
      <c r="HNX152" s="31"/>
      <c r="HNY152" s="31"/>
      <c r="HNZ152" s="31"/>
      <c r="HOA152" s="31"/>
      <c r="HOB152" s="31"/>
      <c r="HOC152" s="31"/>
      <c r="HOD152" s="31"/>
      <c r="HOE152" s="31"/>
      <c r="HOF152" s="31"/>
      <c r="HOG152" s="31"/>
      <c r="HOH152" s="31"/>
      <c r="HOI152" s="31"/>
      <c r="HOJ152" s="31"/>
      <c r="HOK152" s="31"/>
      <c r="HOL152" s="31"/>
      <c r="HOM152" s="31"/>
      <c r="HON152" s="31"/>
      <c r="HOO152" s="31"/>
      <c r="HOP152" s="31"/>
      <c r="HOQ152" s="31"/>
      <c r="HOR152" s="31"/>
      <c r="HOS152" s="31"/>
      <c r="HOT152" s="31"/>
      <c r="HOU152" s="31"/>
      <c r="HOV152" s="31"/>
      <c r="HOW152" s="31"/>
      <c r="HOX152" s="31"/>
      <c r="HOY152" s="31"/>
      <c r="HOZ152" s="31"/>
      <c r="HPA152" s="31"/>
      <c r="HPB152" s="31"/>
      <c r="HPC152" s="31"/>
      <c r="HPD152" s="31"/>
      <c r="HPE152" s="31"/>
      <c r="HPF152" s="31"/>
      <c r="HPG152" s="31"/>
      <c r="HPH152" s="31"/>
      <c r="HPI152" s="31"/>
      <c r="HPJ152" s="31"/>
      <c r="HPK152" s="31"/>
      <c r="HPL152" s="31"/>
      <c r="HPM152" s="31"/>
      <c r="HPN152" s="31"/>
      <c r="HPO152" s="31"/>
      <c r="HPP152" s="31"/>
      <c r="HPQ152" s="31"/>
      <c r="HPR152" s="31"/>
      <c r="HPS152" s="31"/>
      <c r="HPT152" s="31"/>
      <c r="HPU152" s="31"/>
      <c r="HPV152" s="31"/>
      <c r="HPW152" s="31"/>
      <c r="HPX152" s="31"/>
      <c r="HPY152" s="31"/>
      <c r="HPZ152" s="31"/>
      <c r="HQA152" s="31"/>
      <c r="HQB152" s="31"/>
      <c r="HQC152" s="31"/>
      <c r="HQD152" s="31"/>
      <c r="HQE152" s="31"/>
      <c r="HQF152" s="31"/>
      <c r="HQG152" s="31"/>
      <c r="HQH152" s="31"/>
      <c r="HQI152" s="31"/>
      <c r="HQJ152" s="31"/>
      <c r="HQK152" s="31"/>
      <c r="HQL152" s="31"/>
      <c r="HQM152" s="31"/>
      <c r="HQN152" s="31"/>
      <c r="HQO152" s="31"/>
      <c r="HQP152" s="31"/>
      <c r="HQQ152" s="31"/>
      <c r="HQR152" s="31"/>
      <c r="HQS152" s="31"/>
      <c r="HQT152" s="31"/>
      <c r="HQU152" s="31"/>
      <c r="HQV152" s="31"/>
      <c r="HQW152" s="31"/>
      <c r="HQX152" s="31"/>
      <c r="HQY152" s="31"/>
      <c r="HQZ152" s="31"/>
      <c r="HRA152" s="31"/>
      <c r="HRB152" s="31"/>
      <c r="HRC152" s="31"/>
      <c r="HRD152" s="31"/>
      <c r="HRE152" s="31"/>
      <c r="HRF152" s="31"/>
      <c r="HRG152" s="31"/>
      <c r="HRH152" s="31"/>
      <c r="HRI152" s="31"/>
      <c r="HRJ152" s="31"/>
      <c r="HRK152" s="31"/>
      <c r="HRL152" s="31"/>
      <c r="HRM152" s="31"/>
      <c r="HRN152" s="31"/>
      <c r="HRO152" s="31"/>
      <c r="HRP152" s="31"/>
      <c r="HRQ152" s="31"/>
      <c r="HRR152" s="31"/>
      <c r="HRS152" s="31"/>
      <c r="HRT152" s="31"/>
      <c r="HRU152" s="31"/>
      <c r="HRV152" s="31"/>
      <c r="HRW152" s="31"/>
      <c r="HRX152" s="31"/>
      <c r="HRY152" s="31"/>
      <c r="HRZ152" s="31"/>
      <c r="HSA152" s="31"/>
      <c r="HSB152" s="31"/>
      <c r="HSC152" s="31"/>
      <c r="HSD152" s="31"/>
      <c r="HSE152" s="31"/>
      <c r="HSF152" s="31"/>
      <c r="HSG152" s="31"/>
      <c r="HSH152" s="31"/>
      <c r="HSI152" s="31"/>
      <c r="HSJ152" s="31"/>
      <c r="HSK152" s="31"/>
      <c r="HSL152" s="31"/>
      <c r="HSM152" s="31"/>
      <c r="HSN152" s="31"/>
      <c r="HSO152" s="31"/>
      <c r="HSP152" s="31"/>
      <c r="HSQ152" s="31"/>
      <c r="HSR152" s="31"/>
      <c r="HSS152" s="31"/>
      <c r="HST152" s="31"/>
      <c r="HSU152" s="31"/>
      <c r="HSV152" s="31"/>
      <c r="HSW152" s="31"/>
      <c r="HSX152" s="31"/>
      <c r="HSY152" s="31"/>
      <c r="HSZ152" s="31"/>
      <c r="HTA152" s="31"/>
      <c r="HTB152" s="31"/>
      <c r="HTC152" s="31"/>
      <c r="HTD152" s="31"/>
      <c r="HTE152" s="31"/>
      <c r="HTF152" s="31"/>
      <c r="HTG152" s="31"/>
      <c r="HTH152" s="31"/>
      <c r="HTI152" s="31"/>
      <c r="HTJ152" s="31"/>
      <c r="HTK152" s="31"/>
      <c r="HTL152" s="31"/>
      <c r="HTM152" s="31"/>
      <c r="HTN152" s="31"/>
      <c r="HTO152" s="31"/>
      <c r="HTP152" s="31"/>
      <c r="HTQ152" s="31"/>
      <c r="HTR152" s="31"/>
      <c r="HTS152" s="31"/>
      <c r="HTT152" s="31"/>
      <c r="HTU152" s="31"/>
      <c r="HTV152" s="31"/>
      <c r="HTW152" s="31"/>
      <c r="HTX152" s="31"/>
      <c r="HTY152" s="31"/>
      <c r="HTZ152" s="31"/>
      <c r="HUA152" s="31"/>
      <c r="HUB152" s="31"/>
      <c r="HUC152" s="31"/>
      <c r="HUD152" s="31"/>
      <c r="HUE152" s="31"/>
      <c r="HUF152" s="31"/>
      <c r="HUG152" s="31"/>
      <c r="HUH152" s="31"/>
      <c r="HUI152" s="31"/>
      <c r="HUJ152" s="31"/>
      <c r="HUK152" s="31"/>
      <c r="HUL152" s="31"/>
      <c r="HUM152" s="31"/>
      <c r="HUN152" s="31"/>
      <c r="HUO152" s="31"/>
      <c r="HUP152" s="31"/>
      <c r="HUQ152" s="31"/>
      <c r="HUR152" s="31"/>
      <c r="HUS152" s="31"/>
      <c r="HUT152" s="31"/>
      <c r="HUU152" s="31"/>
      <c r="HUV152" s="31"/>
      <c r="HUW152" s="31"/>
      <c r="HUX152" s="31"/>
      <c r="HUY152" s="31"/>
      <c r="HUZ152" s="31"/>
      <c r="HVA152" s="31"/>
      <c r="HVB152" s="31"/>
      <c r="HVC152" s="31"/>
      <c r="HVD152" s="31"/>
      <c r="HVE152" s="31"/>
      <c r="HVF152" s="31"/>
      <c r="HVG152" s="31"/>
      <c r="HVH152" s="31"/>
      <c r="HVI152" s="31"/>
      <c r="HVJ152" s="31"/>
      <c r="HVK152" s="31"/>
      <c r="HVL152" s="31"/>
      <c r="HVM152" s="31"/>
      <c r="HVN152" s="31"/>
      <c r="HVO152" s="31"/>
      <c r="HVP152" s="31"/>
      <c r="HVQ152" s="31"/>
      <c r="HVR152" s="31"/>
      <c r="HVS152" s="31"/>
      <c r="HVT152" s="31"/>
      <c r="HVU152" s="31"/>
      <c r="HVV152" s="31"/>
      <c r="HVW152" s="31"/>
      <c r="HVX152" s="31"/>
      <c r="HVY152" s="31"/>
      <c r="HVZ152" s="31"/>
      <c r="HWA152" s="31"/>
      <c r="HWB152" s="31"/>
      <c r="HWC152" s="31"/>
      <c r="HWD152" s="31"/>
      <c r="HWE152" s="31"/>
      <c r="HWF152" s="31"/>
      <c r="HWG152" s="31"/>
      <c r="HWH152" s="31"/>
      <c r="HWI152" s="31"/>
      <c r="HWJ152" s="31"/>
      <c r="HWK152" s="31"/>
      <c r="HWL152" s="31"/>
      <c r="HWM152" s="31"/>
      <c r="HWN152" s="31"/>
      <c r="HWO152" s="31"/>
      <c r="HWP152" s="31"/>
      <c r="HWQ152" s="31"/>
      <c r="HWR152" s="31"/>
      <c r="HWS152" s="31"/>
      <c r="HWT152" s="31"/>
      <c r="HWU152" s="31"/>
      <c r="HWV152" s="31"/>
      <c r="HWW152" s="31"/>
      <c r="HWX152" s="31"/>
      <c r="HWY152" s="31"/>
      <c r="HWZ152" s="31"/>
      <c r="HXA152" s="31"/>
      <c r="HXB152" s="31"/>
      <c r="HXC152" s="31"/>
      <c r="HXD152" s="31"/>
      <c r="HXE152" s="31"/>
      <c r="HXF152" s="31"/>
      <c r="HXG152" s="31"/>
      <c r="HXH152" s="31"/>
      <c r="HXI152" s="31"/>
      <c r="HXJ152" s="31"/>
      <c r="HXK152" s="31"/>
      <c r="HXL152" s="31"/>
      <c r="HXM152" s="31"/>
      <c r="HXN152" s="31"/>
      <c r="HXO152" s="31"/>
      <c r="HXP152" s="31"/>
      <c r="HXQ152" s="31"/>
      <c r="HXR152" s="31"/>
      <c r="HXS152" s="31"/>
      <c r="HXT152" s="31"/>
      <c r="HXU152" s="31"/>
      <c r="HXV152" s="31"/>
      <c r="HXW152" s="31"/>
      <c r="HXX152" s="31"/>
      <c r="HXY152" s="31"/>
      <c r="HXZ152" s="31"/>
      <c r="HYA152" s="31"/>
      <c r="HYB152" s="31"/>
      <c r="HYC152" s="31"/>
      <c r="HYD152" s="31"/>
      <c r="HYE152" s="31"/>
      <c r="HYF152" s="31"/>
      <c r="HYG152" s="31"/>
      <c r="HYH152" s="31"/>
      <c r="HYI152" s="31"/>
      <c r="HYJ152" s="31"/>
      <c r="HYK152" s="31"/>
      <c r="HYL152" s="31"/>
      <c r="HYM152" s="31"/>
      <c r="HYN152" s="31"/>
      <c r="HYO152" s="31"/>
      <c r="HYP152" s="31"/>
      <c r="HYQ152" s="31"/>
      <c r="HYR152" s="31"/>
      <c r="HYS152" s="31"/>
      <c r="HYT152" s="31"/>
      <c r="HYU152" s="31"/>
      <c r="HYV152" s="31"/>
      <c r="HYW152" s="31"/>
      <c r="HYX152" s="31"/>
      <c r="HYY152" s="31"/>
      <c r="HYZ152" s="31"/>
      <c r="HZA152" s="31"/>
      <c r="HZB152" s="31"/>
      <c r="HZC152" s="31"/>
      <c r="HZD152" s="31"/>
      <c r="HZE152" s="31"/>
      <c r="HZF152" s="31"/>
      <c r="HZG152" s="31"/>
      <c r="HZH152" s="31"/>
      <c r="HZI152" s="31"/>
      <c r="HZJ152" s="31"/>
      <c r="HZK152" s="31"/>
      <c r="HZL152" s="31"/>
      <c r="HZM152" s="31"/>
      <c r="HZN152" s="31"/>
      <c r="HZO152" s="31"/>
      <c r="HZP152" s="31"/>
      <c r="HZQ152" s="31"/>
      <c r="HZR152" s="31"/>
      <c r="HZS152" s="31"/>
      <c r="HZT152" s="31"/>
      <c r="HZU152" s="31"/>
      <c r="HZV152" s="31"/>
      <c r="HZW152" s="31"/>
      <c r="HZX152" s="31"/>
      <c r="HZY152" s="31"/>
      <c r="HZZ152" s="31"/>
      <c r="IAA152" s="31"/>
      <c r="IAB152" s="31"/>
      <c r="IAC152" s="31"/>
      <c r="IAD152" s="31"/>
      <c r="IAE152" s="31"/>
      <c r="IAF152" s="31"/>
      <c r="IAG152" s="31"/>
      <c r="IAH152" s="31"/>
      <c r="IAI152" s="31"/>
      <c r="IAJ152" s="31"/>
      <c r="IAK152" s="31"/>
      <c r="IAL152" s="31"/>
      <c r="IAM152" s="31"/>
      <c r="IAN152" s="31"/>
      <c r="IAO152" s="31"/>
      <c r="IAP152" s="31"/>
      <c r="IAQ152" s="31"/>
      <c r="IAR152" s="31"/>
      <c r="IAS152" s="31"/>
      <c r="IAT152" s="31"/>
      <c r="IAU152" s="31"/>
      <c r="IAV152" s="31"/>
      <c r="IAW152" s="31"/>
      <c r="IAX152" s="31"/>
      <c r="IAY152" s="31"/>
      <c r="IAZ152" s="31"/>
      <c r="IBA152" s="31"/>
      <c r="IBB152" s="31"/>
      <c r="IBC152" s="31"/>
      <c r="IBD152" s="31"/>
      <c r="IBE152" s="31"/>
      <c r="IBF152" s="31"/>
      <c r="IBG152" s="31"/>
      <c r="IBH152" s="31"/>
      <c r="IBI152" s="31"/>
      <c r="IBJ152" s="31"/>
      <c r="IBK152" s="31"/>
      <c r="IBL152" s="31"/>
      <c r="IBM152" s="31"/>
      <c r="IBN152" s="31"/>
      <c r="IBO152" s="31"/>
      <c r="IBP152" s="31"/>
      <c r="IBQ152" s="31"/>
      <c r="IBR152" s="31"/>
      <c r="IBS152" s="31"/>
      <c r="IBT152" s="31"/>
      <c r="IBU152" s="31"/>
      <c r="IBV152" s="31"/>
      <c r="IBW152" s="31"/>
      <c r="IBX152" s="31"/>
      <c r="IBY152" s="31"/>
      <c r="IBZ152" s="31"/>
      <c r="ICA152" s="31"/>
      <c r="ICB152" s="31"/>
      <c r="ICC152" s="31"/>
      <c r="ICD152" s="31"/>
      <c r="ICE152" s="31"/>
      <c r="ICF152" s="31"/>
      <c r="ICG152" s="31"/>
      <c r="ICH152" s="31"/>
      <c r="ICI152" s="31"/>
      <c r="ICJ152" s="31"/>
      <c r="ICK152" s="31"/>
      <c r="ICL152" s="31"/>
      <c r="ICM152" s="31"/>
      <c r="ICN152" s="31"/>
      <c r="ICO152" s="31"/>
      <c r="ICP152" s="31"/>
      <c r="ICQ152" s="31"/>
      <c r="ICR152" s="31"/>
      <c r="ICS152" s="31"/>
      <c r="ICT152" s="31"/>
      <c r="ICU152" s="31"/>
      <c r="ICV152" s="31"/>
      <c r="ICW152" s="31"/>
      <c r="ICX152" s="31"/>
      <c r="ICY152" s="31"/>
      <c r="ICZ152" s="31"/>
      <c r="IDA152" s="31"/>
      <c r="IDB152" s="31"/>
      <c r="IDC152" s="31"/>
      <c r="IDD152" s="31"/>
      <c r="IDE152" s="31"/>
      <c r="IDF152" s="31"/>
      <c r="IDG152" s="31"/>
      <c r="IDH152" s="31"/>
      <c r="IDI152" s="31"/>
      <c r="IDJ152" s="31"/>
      <c r="IDK152" s="31"/>
      <c r="IDL152" s="31"/>
      <c r="IDM152" s="31"/>
      <c r="IDN152" s="31"/>
      <c r="IDO152" s="31"/>
      <c r="IDP152" s="31"/>
      <c r="IDQ152" s="31"/>
      <c r="IDR152" s="31"/>
      <c r="IDS152" s="31"/>
      <c r="IDT152" s="31"/>
      <c r="IDU152" s="31"/>
      <c r="IDV152" s="31"/>
      <c r="IDW152" s="31"/>
      <c r="IDX152" s="31"/>
      <c r="IDY152" s="31"/>
      <c r="IDZ152" s="31"/>
      <c r="IEA152" s="31"/>
      <c r="IEB152" s="31"/>
      <c r="IEC152" s="31"/>
      <c r="IED152" s="31"/>
      <c r="IEE152" s="31"/>
      <c r="IEF152" s="31"/>
      <c r="IEG152" s="31"/>
      <c r="IEH152" s="31"/>
      <c r="IEI152" s="31"/>
      <c r="IEJ152" s="31"/>
      <c r="IEK152" s="31"/>
      <c r="IEL152" s="31"/>
      <c r="IEM152" s="31"/>
      <c r="IEN152" s="31"/>
      <c r="IEO152" s="31"/>
      <c r="IEP152" s="31"/>
      <c r="IEQ152" s="31"/>
      <c r="IER152" s="31"/>
      <c r="IES152" s="31"/>
      <c r="IET152" s="31"/>
      <c r="IEU152" s="31"/>
      <c r="IEV152" s="31"/>
      <c r="IEW152" s="31"/>
      <c r="IEX152" s="31"/>
      <c r="IEY152" s="31"/>
      <c r="IEZ152" s="31"/>
      <c r="IFA152" s="31"/>
      <c r="IFB152" s="31"/>
      <c r="IFC152" s="31"/>
      <c r="IFD152" s="31"/>
      <c r="IFE152" s="31"/>
      <c r="IFF152" s="31"/>
      <c r="IFG152" s="31"/>
      <c r="IFH152" s="31"/>
      <c r="IFI152" s="31"/>
      <c r="IFJ152" s="31"/>
      <c r="IFK152" s="31"/>
      <c r="IFL152" s="31"/>
      <c r="IFM152" s="31"/>
      <c r="IFN152" s="31"/>
      <c r="IFO152" s="31"/>
      <c r="IFP152" s="31"/>
      <c r="IFQ152" s="31"/>
      <c r="IFR152" s="31"/>
      <c r="IFS152" s="31"/>
      <c r="IFT152" s="31"/>
      <c r="IFU152" s="31"/>
      <c r="IFV152" s="31"/>
      <c r="IFW152" s="31"/>
      <c r="IFX152" s="31"/>
      <c r="IFY152" s="31"/>
      <c r="IFZ152" s="31"/>
      <c r="IGA152" s="31"/>
      <c r="IGB152" s="31"/>
      <c r="IGC152" s="31"/>
      <c r="IGD152" s="31"/>
      <c r="IGE152" s="31"/>
      <c r="IGF152" s="31"/>
      <c r="IGG152" s="31"/>
      <c r="IGH152" s="31"/>
      <c r="IGI152" s="31"/>
      <c r="IGJ152" s="31"/>
      <c r="IGK152" s="31"/>
      <c r="IGL152" s="31"/>
      <c r="IGM152" s="31"/>
      <c r="IGN152" s="31"/>
      <c r="IGO152" s="31"/>
      <c r="IGP152" s="31"/>
      <c r="IGQ152" s="31"/>
      <c r="IGR152" s="31"/>
      <c r="IGS152" s="31"/>
      <c r="IGT152" s="31"/>
      <c r="IGU152" s="31"/>
      <c r="IGV152" s="31"/>
      <c r="IGW152" s="31"/>
      <c r="IGX152" s="31"/>
      <c r="IGY152" s="31"/>
      <c r="IGZ152" s="31"/>
      <c r="IHA152" s="31"/>
      <c r="IHB152" s="31"/>
      <c r="IHC152" s="31"/>
      <c r="IHD152" s="31"/>
      <c r="IHE152" s="31"/>
      <c r="IHF152" s="31"/>
      <c r="IHG152" s="31"/>
      <c r="IHH152" s="31"/>
      <c r="IHI152" s="31"/>
      <c r="IHJ152" s="31"/>
      <c r="IHK152" s="31"/>
      <c r="IHL152" s="31"/>
      <c r="IHM152" s="31"/>
      <c r="IHN152" s="31"/>
      <c r="IHO152" s="31"/>
      <c r="IHP152" s="31"/>
      <c r="IHQ152" s="31"/>
      <c r="IHR152" s="31"/>
      <c r="IHS152" s="31"/>
      <c r="IHT152" s="31"/>
      <c r="IHU152" s="31"/>
      <c r="IHV152" s="31"/>
      <c r="IHW152" s="31"/>
      <c r="IHX152" s="31"/>
      <c r="IHY152" s="31"/>
      <c r="IHZ152" s="31"/>
      <c r="IIA152" s="31"/>
      <c r="IIB152" s="31"/>
      <c r="IIC152" s="31"/>
      <c r="IID152" s="31"/>
      <c r="IIE152" s="31"/>
      <c r="IIF152" s="31"/>
      <c r="IIG152" s="31"/>
      <c r="IIH152" s="31"/>
      <c r="III152" s="31"/>
      <c r="IIJ152" s="31"/>
      <c r="IIK152" s="31"/>
      <c r="IIL152" s="31"/>
      <c r="IIM152" s="31"/>
      <c r="IIN152" s="31"/>
      <c r="IIO152" s="31"/>
      <c r="IIP152" s="31"/>
      <c r="IIQ152" s="31"/>
      <c r="IIR152" s="31"/>
      <c r="IIS152" s="31"/>
      <c r="IIT152" s="31"/>
      <c r="IIU152" s="31"/>
      <c r="IIV152" s="31"/>
      <c r="IIW152" s="31"/>
      <c r="IIX152" s="31"/>
      <c r="IIY152" s="31"/>
      <c r="IIZ152" s="31"/>
      <c r="IJA152" s="31"/>
      <c r="IJB152" s="31"/>
      <c r="IJC152" s="31"/>
      <c r="IJD152" s="31"/>
      <c r="IJE152" s="31"/>
      <c r="IJF152" s="31"/>
      <c r="IJG152" s="31"/>
      <c r="IJH152" s="31"/>
      <c r="IJI152" s="31"/>
      <c r="IJJ152" s="31"/>
      <c r="IJK152" s="31"/>
      <c r="IJL152" s="31"/>
      <c r="IJM152" s="31"/>
      <c r="IJN152" s="31"/>
      <c r="IJO152" s="31"/>
      <c r="IJP152" s="31"/>
      <c r="IJQ152" s="31"/>
      <c r="IJR152" s="31"/>
      <c r="IJS152" s="31"/>
      <c r="IJT152" s="31"/>
      <c r="IJU152" s="31"/>
      <c r="IJV152" s="31"/>
      <c r="IJW152" s="31"/>
      <c r="IJX152" s="31"/>
      <c r="IJY152" s="31"/>
      <c r="IJZ152" s="31"/>
      <c r="IKA152" s="31"/>
      <c r="IKB152" s="31"/>
      <c r="IKC152" s="31"/>
      <c r="IKD152" s="31"/>
      <c r="IKE152" s="31"/>
      <c r="IKF152" s="31"/>
      <c r="IKG152" s="31"/>
      <c r="IKH152" s="31"/>
      <c r="IKI152" s="31"/>
      <c r="IKJ152" s="31"/>
      <c r="IKK152" s="31"/>
      <c r="IKL152" s="31"/>
      <c r="IKM152" s="31"/>
      <c r="IKN152" s="31"/>
      <c r="IKO152" s="31"/>
      <c r="IKP152" s="31"/>
      <c r="IKQ152" s="31"/>
      <c r="IKR152" s="31"/>
      <c r="IKS152" s="31"/>
      <c r="IKT152" s="31"/>
      <c r="IKU152" s="31"/>
      <c r="IKV152" s="31"/>
      <c r="IKW152" s="31"/>
      <c r="IKX152" s="31"/>
      <c r="IKY152" s="31"/>
      <c r="IKZ152" s="31"/>
      <c r="ILA152" s="31"/>
      <c r="ILB152" s="31"/>
      <c r="ILC152" s="31"/>
      <c r="ILD152" s="31"/>
      <c r="ILE152" s="31"/>
      <c r="ILF152" s="31"/>
      <c r="ILG152" s="31"/>
      <c r="ILH152" s="31"/>
      <c r="ILI152" s="31"/>
      <c r="ILJ152" s="31"/>
      <c r="ILK152" s="31"/>
      <c r="ILL152" s="31"/>
      <c r="ILM152" s="31"/>
      <c r="ILN152" s="31"/>
      <c r="ILO152" s="31"/>
      <c r="ILP152" s="31"/>
      <c r="ILQ152" s="31"/>
      <c r="ILR152" s="31"/>
      <c r="ILS152" s="31"/>
      <c r="ILT152" s="31"/>
      <c r="ILU152" s="31"/>
      <c r="ILV152" s="31"/>
      <c r="ILW152" s="31"/>
      <c r="ILX152" s="31"/>
      <c r="ILY152" s="31"/>
      <c r="ILZ152" s="31"/>
      <c r="IMA152" s="31"/>
      <c r="IMB152" s="31"/>
      <c r="IMC152" s="31"/>
      <c r="IMD152" s="31"/>
      <c r="IME152" s="31"/>
      <c r="IMF152" s="31"/>
      <c r="IMG152" s="31"/>
      <c r="IMH152" s="31"/>
      <c r="IMI152" s="31"/>
      <c r="IMJ152" s="31"/>
      <c r="IMK152" s="31"/>
      <c r="IML152" s="31"/>
      <c r="IMM152" s="31"/>
      <c r="IMN152" s="31"/>
      <c r="IMO152" s="31"/>
      <c r="IMP152" s="31"/>
      <c r="IMQ152" s="31"/>
      <c r="IMR152" s="31"/>
      <c r="IMS152" s="31"/>
      <c r="IMT152" s="31"/>
      <c r="IMU152" s="31"/>
      <c r="IMV152" s="31"/>
      <c r="IMW152" s="31"/>
      <c r="IMX152" s="31"/>
      <c r="IMY152" s="31"/>
      <c r="IMZ152" s="31"/>
      <c r="INA152" s="31"/>
      <c r="INB152" s="31"/>
      <c r="INC152" s="31"/>
      <c r="IND152" s="31"/>
      <c r="INE152" s="31"/>
      <c r="INF152" s="31"/>
      <c r="ING152" s="31"/>
      <c r="INH152" s="31"/>
      <c r="INI152" s="31"/>
      <c r="INJ152" s="31"/>
      <c r="INK152" s="31"/>
      <c r="INL152" s="31"/>
      <c r="INM152" s="31"/>
      <c r="INN152" s="31"/>
      <c r="INO152" s="31"/>
      <c r="INP152" s="31"/>
      <c r="INQ152" s="31"/>
      <c r="INR152" s="31"/>
      <c r="INS152" s="31"/>
      <c r="INT152" s="31"/>
      <c r="INU152" s="31"/>
      <c r="INV152" s="31"/>
      <c r="INW152" s="31"/>
      <c r="INX152" s="31"/>
      <c r="INY152" s="31"/>
      <c r="INZ152" s="31"/>
      <c r="IOA152" s="31"/>
      <c r="IOB152" s="31"/>
      <c r="IOC152" s="31"/>
      <c r="IOD152" s="31"/>
      <c r="IOE152" s="31"/>
      <c r="IOF152" s="31"/>
      <c r="IOG152" s="31"/>
      <c r="IOH152" s="31"/>
      <c r="IOI152" s="31"/>
      <c r="IOJ152" s="31"/>
      <c r="IOK152" s="31"/>
      <c r="IOL152" s="31"/>
      <c r="IOM152" s="31"/>
      <c r="ION152" s="31"/>
      <c r="IOO152" s="31"/>
      <c r="IOP152" s="31"/>
      <c r="IOQ152" s="31"/>
      <c r="IOR152" s="31"/>
      <c r="IOS152" s="31"/>
      <c r="IOT152" s="31"/>
      <c r="IOU152" s="31"/>
      <c r="IOV152" s="31"/>
      <c r="IOW152" s="31"/>
      <c r="IOX152" s="31"/>
      <c r="IOY152" s="31"/>
      <c r="IOZ152" s="31"/>
      <c r="IPA152" s="31"/>
      <c r="IPB152" s="31"/>
      <c r="IPC152" s="31"/>
      <c r="IPD152" s="31"/>
      <c r="IPE152" s="31"/>
      <c r="IPF152" s="31"/>
      <c r="IPG152" s="31"/>
      <c r="IPH152" s="31"/>
      <c r="IPI152" s="31"/>
      <c r="IPJ152" s="31"/>
      <c r="IPK152" s="31"/>
      <c r="IPL152" s="31"/>
      <c r="IPM152" s="31"/>
      <c r="IPN152" s="31"/>
      <c r="IPO152" s="31"/>
      <c r="IPP152" s="31"/>
      <c r="IPQ152" s="31"/>
      <c r="IPR152" s="31"/>
      <c r="IPS152" s="31"/>
      <c r="IPT152" s="31"/>
      <c r="IPU152" s="31"/>
      <c r="IPV152" s="31"/>
      <c r="IPW152" s="31"/>
      <c r="IPX152" s="31"/>
      <c r="IPY152" s="31"/>
      <c r="IPZ152" s="31"/>
      <c r="IQA152" s="31"/>
      <c r="IQB152" s="31"/>
      <c r="IQC152" s="31"/>
      <c r="IQD152" s="31"/>
      <c r="IQE152" s="31"/>
      <c r="IQF152" s="31"/>
      <c r="IQG152" s="31"/>
      <c r="IQH152" s="31"/>
      <c r="IQI152" s="31"/>
      <c r="IQJ152" s="31"/>
      <c r="IQK152" s="31"/>
      <c r="IQL152" s="31"/>
      <c r="IQM152" s="31"/>
      <c r="IQN152" s="31"/>
      <c r="IQO152" s="31"/>
      <c r="IQP152" s="31"/>
      <c r="IQQ152" s="31"/>
      <c r="IQR152" s="31"/>
      <c r="IQS152" s="31"/>
      <c r="IQT152" s="31"/>
      <c r="IQU152" s="31"/>
      <c r="IQV152" s="31"/>
      <c r="IQW152" s="31"/>
      <c r="IQX152" s="31"/>
      <c r="IQY152" s="31"/>
      <c r="IQZ152" s="31"/>
      <c r="IRA152" s="31"/>
      <c r="IRB152" s="31"/>
      <c r="IRC152" s="31"/>
      <c r="IRD152" s="31"/>
      <c r="IRE152" s="31"/>
      <c r="IRF152" s="31"/>
      <c r="IRG152" s="31"/>
      <c r="IRH152" s="31"/>
      <c r="IRI152" s="31"/>
      <c r="IRJ152" s="31"/>
      <c r="IRK152" s="31"/>
      <c r="IRL152" s="31"/>
      <c r="IRM152" s="31"/>
      <c r="IRN152" s="31"/>
      <c r="IRO152" s="31"/>
      <c r="IRP152" s="31"/>
      <c r="IRQ152" s="31"/>
      <c r="IRR152" s="31"/>
      <c r="IRS152" s="31"/>
      <c r="IRT152" s="31"/>
      <c r="IRU152" s="31"/>
      <c r="IRV152" s="31"/>
      <c r="IRW152" s="31"/>
      <c r="IRX152" s="31"/>
      <c r="IRY152" s="31"/>
      <c r="IRZ152" s="31"/>
      <c r="ISA152" s="31"/>
      <c r="ISB152" s="31"/>
      <c r="ISC152" s="31"/>
      <c r="ISD152" s="31"/>
      <c r="ISE152" s="31"/>
      <c r="ISF152" s="31"/>
      <c r="ISG152" s="31"/>
      <c r="ISH152" s="31"/>
      <c r="ISI152" s="31"/>
      <c r="ISJ152" s="31"/>
      <c r="ISK152" s="31"/>
      <c r="ISL152" s="31"/>
      <c r="ISM152" s="31"/>
      <c r="ISN152" s="31"/>
      <c r="ISO152" s="31"/>
      <c r="ISP152" s="31"/>
      <c r="ISQ152" s="31"/>
      <c r="ISR152" s="31"/>
      <c r="ISS152" s="31"/>
      <c r="IST152" s="31"/>
      <c r="ISU152" s="31"/>
      <c r="ISV152" s="31"/>
      <c r="ISW152" s="31"/>
      <c r="ISX152" s="31"/>
      <c r="ISY152" s="31"/>
      <c r="ISZ152" s="31"/>
      <c r="ITA152" s="31"/>
      <c r="ITB152" s="31"/>
      <c r="ITC152" s="31"/>
      <c r="ITD152" s="31"/>
      <c r="ITE152" s="31"/>
      <c r="ITF152" s="31"/>
      <c r="ITG152" s="31"/>
      <c r="ITH152" s="31"/>
      <c r="ITI152" s="31"/>
      <c r="ITJ152" s="31"/>
      <c r="ITK152" s="31"/>
      <c r="ITL152" s="31"/>
      <c r="ITM152" s="31"/>
      <c r="ITN152" s="31"/>
      <c r="ITO152" s="31"/>
      <c r="ITP152" s="31"/>
      <c r="ITQ152" s="31"/>
      <c r="ITR152" s="31"/>
      <c r="ITS152" s="31"/>
      <c r="ITT152" s="31"/>
      <c r="ITU152" s="31"/>
      <c r="ITV152" s="31"/>
      <c r="ITW152" s="31"/>
      <c r="ITX152" s="31"/>
      <c r="ITY152" s="31"/>
      <c r="ITZ152" s="31"/>
      <c r="IUA152" s="31"/>
      <c r="IUB152" s="31"/>
      <c r="IUC152" s="31"/>
      <c r="IUD152" s="31"/>
      <c r="IUE152" s="31"/>
      <c r="IUF152" s="31"/>
      <c r="IUG152" s="31"/>
      <c r="IUH152" s="31"/>
      <c r="IUI152" s="31"/>
      <c r="IUJ152" s="31"/>
      <c r="IUK152" s="31"/>
      <c r="IUL152" s="31"/>
      <c r="IUM152" s="31"/>
      <c r="IUN152" s="31"/>
      <c r="IUO152" s="31"/>
      <c r="IUP152" s="31"/>
      <c r="IUQ152" s="31"/>
      <c r="IUR152" s="31"/>
      <c r="IUS152" s="31"/>
      <c r="IUT152" s="31"/>
      <c r="IUU152" s="31"/>
      <c r="IUV152" s="31"/>
      <c r="IUW152" s="31"/>
      <c r="IUX152" s="31"/>
      <c r="IUY152" s="31"/>
      <c r="IUZ152" s="31"/>
      <c r="IVA152" s="31"/>
      <c r="IVB152" s="31"/>
      <c r="IVC152" s="31"/>
      <c r="IVD152" s="31"/>
      <c r="IVE152" s="31"/>
      <c r="IVF152" s="31"/>
      <c r="IVG152" s="31"/>
      <c r="IVH152" s="31"/>
      <c r="IVI152" s="31"/>
      <c r="IVJ152" s="31"/>
      <c r="IVK152" s="31"/>
      <c r="IVL152" s="31"/>
      <c r="IVM152" s="31"/>
      <c r="IVN152" s="31"/>
      <c r="IVO152" s="31"/>
      <c r="IVP152" s="31"/>
      <c r="IVQ152" s="31"/>
      <c r="IVR152" s="31"/>
      <c r="IVS152" s="31"/>
      <c r="IVT152" s="31"/>
      <c r="IVU152" s="31"/>
      <c r="IVV152" s="31"/>
      <c r="IVW152" s="31"/>
      <c r="IVX152" s="31"/>
      <c r="IVY152" s="31"/>
      <c r="IVZ152" s="31"/>
      <c r="IWA152" s="31"/>
      <c r="IWB152" s="31"/>
      <c r="IWC152" s="31"/>
      <c r="IWD152" s="31"/>
      <c r="IWE152" s="31"/>
      <c r="IWF152" s="31"/>
      <c r="IWG152" s="31"/>
      <c r="IWH152" s="31"/>
      <c r="IWI152" s="31"/>
      <c r="IWJ152" s="31"/>
      <c r="IWK152" s="31"/>
      <c r="IWL152" s="31"/>
      <c r="IWM152" s="31"/>
      <c r="IWN152" s="31"/>
      <c r="IWO152" s="31"/>
      <c r="IWP152" s="31"/>
      <c r="IWQ152" s="31"/>
      <c r="IWR152" s="31"/>
      <c r="IWS152" s="31"/>
      <c r="IWT152" s="31"/>
      <c r="IWU152" s="31"/>
      <c r="IWV152" s="31"/>
      <c r="IWW152" s="31"/>
      <c r="IWX152" s="31"/>
      <c r="IWY152" s="31"/>
      <c r="IWZ152" s="31"/>
      <c r="IXA152" s="31"/>
      <c r="IXB152" s="31"/>
      <c r="IXC152" s="31"/>
      <c r="IXD152" s="31"/>
      <c r="IXE152" s="31"/>
      <c r="IXF152" s="31"/>
      <c r="IXG152" s="31"/>
      <c r="IXH152" s="31"/>
      <c r="IXI152" s="31"/>
      <c r="IXJ152" s="31"/>
      <c r="IXK152" s="31"/>
      <c r="IXL152" s="31"/>
      <c r="IXM152" s="31"/>
      <c r="IXN152" s="31"/>
      <c r="IXO152" s="31"/>
      <c r="IXP152" s="31"/>
      <c r="IXQ152" s="31"/>
      <c r="IXR152" s="31"/>
      <c r="IXS152" s="31"/>
      <c r="IXT152" s="31"/>
      <c r="IXU152" s="31"/>
      <c r="IXV152" s="31"/>
      <c r="IXW152" s="31"/>
      <c r="IXX152" s="31"/>
      <c r="IXY152" s="31"/>
      <c r="IXZ152" s="31"/>
      <c r="IYA152" s="31"/>
      <c r="IYB152" s="31"/>
      <c r="IYC152" s="31"/>
      <c r="IYD152" s="31"/>
      <c r="IYE152" s="31"/>
      <c r="IYF152" s="31"/>
      <c r="IYG152" s="31"/>
      <c r="IYH152" s="31"/>
      <c r="IYI152" s="31"/>
      <c r="IYJ152" s="31"/>
      <c r="IYK152" s="31"/>
      <c r="IYL152" s="31"/>
      <c r="IYM152" s="31"/>
      <c r="IYN152" s="31"/>
      <c r="IYO152" s="31"/>
      <c r="IYP152" s="31"/>
      <c r="IYQ152" s="31"/>
      <c r="IYR152" s="31"/>
      <c r="IYS152" s="31"/>
      <c r="IYT152" s="31"/>
      <c r="IYU152" s="31"/>
      <c r="IYV152" s="31"/>
      <c r="IYW152" s="31"/>
      <c r="IYX152" s="31"/>
      <c r="IYY152" s="31"/>
      <c r="IYZ152" s="31"/>
      <c r="IZA152" s="31"/>
      <c r="IZB152" s="31"/>
      <c r="IZC152" s="31"/>
      <c r="IZD152" s="31"/>
      <c r="IZE152" s="31"/>
      <c r="IZF152" s="31"/>
      <c r="IZG152" s="31"/>
      <c r="IZH152" s="31"/>
      <c r="IZI152" s="31"/>
      <c r="IZJ152" s="31"/>
      <c r="IZK152" s="31"/>
      <c r="IZL152" s="31"/>
      <c r="IZM152" s="31"/>
      <c r="IZN152" s="31"/>
      <c r="IZO152" s="31"/>
      <c r="IZP152" s="31"/>
      <c r="IZQ152" s="31"/>
      <c r="IZR152" s="31"/>
      <c r="IZS152" s="31"/>
      <c r="IZT152" s="31"/>
      <c r="IZU152" s="31"/>
      <c r="IZV152" s="31"/>
      <c r="IZW152" s="31"/>
      <c r="IZX152" s="31"/>
      <c r="IZY152" s="31"/>
      <c r="IZZ152" s="31"/>
      <c r="JAA152" s="31"/>
      <c r="JAB152" s="31"/>
      <c r="JAC152" s="31"/>
      <c r="JAD152" s="31"/>
      <c r="JAE152" s="31"/>
      <c r="JAF152" s="31"/>
      <c r="JAG152" s="31"/>
      <c r="JAH152" s="31"/>
      <c r="JAI152" s="31"/>
      <c r="JAJ152" s="31"/>
      <c r="JAK152" s="31"/>
      <c r="JAL152" s="31"/>
      <c r="JAM152" s="31"/>
      <c r="JAN152" s="31"/>
      <c r="JAO152" s="31"/>
      <c r="JAP152" s="31"/>
      <c r="JAQ152" s="31"/>
      <c r="JAR152" s="31"/>
      <c r="JAS152" s="31"/>
      <c r="JAT152" s="31"/>
      <c r="JAU152" s="31"/>
      <c r="JAV152" s="31"/>
      <c r="JAW152" s="31"/>
      <c r="JAX152" s="31"/>
      <c r="JAY152" s="31"/>
      <c r="JAZ152" s="31"/>
      <c r="JBA152" s="31"/>
      <c r="JBB152" s="31"/>
      <c r="JBC152" s="31"/>
      <c r="JBD152" s="31"/>
      <c r="JBE152" s="31"/>
      <c r="JBF152" s="31"/>
      <c r="JBG152" s="31"/>
      <c r="JBH152" s="31"/>
      <c r="JBI152" s="31"/>
      <c r="JBJ152" s="31"/>
      <c r="JBK152" s="31"/>
      <c r="JBL152" s="31"/>
      <c r="JBM152" s="31"/>
      <c r="JBN152" s="31"/>
      <c r="JBO152" s="31"/>
      <c r="JBP152" s="31"/>
      <c r="JBQ152" s="31"/>
      <c r="JBR152" s="31"/>
      <c r="JBS152" s="31"/>
      <c r="JBT152" s="31"/>
      <c r="JBU152" s="31"/>
      <c r="JBV152" s="31"/>
      <c r="JBW152" s="31"/>
      <c r="JBX152" s="31"/>
      <c r="JBY152" s="31"/>
      <c r="JBZ152" s="31"/>
      <c r="JCA152" s="31"/>
      <c r="JCB152" s="31"/>
      <c r="JCC152" s="31"/>
      <c r="JCD152" s="31"/>
      <c r="JCE152" s="31"/>
      <c r="JCF152" s="31"/>
      <c r="JCG152" s="31"/>
      <c r="JCH152" s="31"/>
      <c r="JCI152" s="31"/>
      <c r="JCJ152" s="31"/>
      <c r="JCK152" s="31"/>
      <c r="JCL152" s="31"/>
      <c r="JCM152" s="31"/>
      <c r="JCN152" s="31"/>
      <c r="JCO152" s="31"/>
      <c r="JCP152" s="31"/>
      <c r="JCQ152" s="31"/>
      <c r="JCR152" s="31"/>
      <c r="JCS152" s="31"/>
      <c r="JCT152" s="31"/>
      <c r="JCU152" s="31"/>
      <c r="JCV152" s="31"/>
      <c r="JCW152" s="31"/>
      <c r="JCX152" s="31"/>
      <c r="JCY152" s="31"/>
      <c r="JCZ152" s="31"/>
      <c r="JDA152" s="31"/>
      <c r="JDB152" s="31"/>
      <c r="JDC152" s="31"/>
      <c r="JDD152" s="31"/>
      <c r="JDE152" s="31"/>
      <c r="JDF152" s="31"/>
      <c r="JDG152" s="31"/>
      <c r="JDH152" s="31"/>
      <c r="JDI152" s="31"/>
      <c r="JDJ152" s="31"/>
      <c r="JDK152" s="31"/>
      <c r="JDL152" s="31"/>
      <c r="JDM152" s="31"/>
      <c r="JDN152" s="31"/>
      <c r="JDO152" s="31"/>
      <c r="JDP152" s="31"/>
      <c r="JDQ152" s="31"/>
      <c r="JDR152" s="31"/>
      <c r="JDS152" s="31"/>
      <c r="JDT152" s="31"/>
      <c r="JDU152" s="31"/>
      <c r="JDV152" s="31"/>
      <c r="JDW152" s="31"/>
      <c r="JDX152" s="31"/>
      <c r="JDY152" s="31"/>
      <c r="JDZ152" s="31"/>
      <c r="JEA152" s="31"/>
      <c r="JEB152" s="31"/>
      <c r="JEC152" s="31"/>
      <c r="JED152" s="31"/>
      <c r="JEE152" s="31"/>
      <c r="JEF152" s="31"/>
      <c r="JEG152" s="31"/>
      <c r="JEH152" s="31"/>
      <c r="JEI152" s="31"/>
      <c r="JEJ152" s="31"/>
      <c r="JEK152" s="31"/>
      <c r="JEL152" s="31"/>
      <c r="JEM152" s="31"/>
      <c r="JEN152" s="31"/>
      <c r="JEO152" s="31"/>
      <c r="JEP152" s="31"/>
      <c r="JEQ152" s="31"/>
      <c r="JER152" s="31"/>
      <c r="JES152" s="31"/>
      <c r="JET152" s="31"/>
      <c r="JEU152" s="31"/>
      <c r="JEV152" s="31"/>
      <c r="JEW152" s="31"/>
      <c r="JEX152" s="31"/>
      <c r="JEY152" s="31"/>
      <c r="JEZ152" s="31"/>
      <c r="JFA152" s="31"/>
      <c r="JFB152" s="31"/>
      <c r="JFC152" s="31"/>
      <c r="JFD152" s="31"/>
      <c r="JFE152" s="31"/>
      <c r="JFF152" s="31"/>
      <c r="JFG152" s="31"/>
      <c r="JFH152" s="31"/>
      <c r="JFI152" s="31"/>
      <c r="JFJ152" s="31"/>
      <c r="JFK152" s="31"/>
      <c r="JFL152" s="31"/>
      <c r="JFM152" s="31"/>
      <c r="JFN152" s="31"/>
      <c r="JFO152" s="31"/>
      <c r="JFP152" s="31"/>
      <c r="JFQ152" s="31"/>
      <c r="JFR152" s="31"/>
      <c r="JFS152" s="31"/>
      <c r="JFT152" s="31"/>
      <c r="JFU152" s="31"/>
      <c r="JFV152" s="31"/>
      <c r="JFW152" s="31"/>
      <c r="JFX152" s="31"/>
      <c r="JFY152" s="31"/>
      <c r="JFZ152" s="31"/>
      <c r="JGA152" s="31"/>
      <c r="JGB152" s="31"/>
      <c r="JGC152" s="31"/>
      <c r="JGD152" s="31"/>
      <c r="JGE152" s="31"/>
      <c r="JGF152" s="31"/>
      <c r="JGG152" s="31"/>
      <c r="JGH152" s="31"/>
      <c r="JGI152" s="31"/>
      <c r="JGJ152" s="31"/>
      <c r="JGK152" s="31"/>
      <c r="JGL152" s="31"/>
      <c r="JGM152" s="31"/>
      <c r="JGN152" s="31"/>
      <c r="JGO152" s="31"/>
      <c r="JGP152" s="31"/>
      <c r="JGQ152" s="31"/>
      <c r="JGR152" s="31"/>
      <c r="JGS152" s="31"/>
      <c r="JGT152" s="31"/>
      <c r="JGU152" s="31"/>
      <c r="JGV152" s="31"/>
      <c r="JGW152" s="31"/>
      <c r="JGX152" s="31"/>
      <c r="JGY152" s="31"/>
      <c r="JGZ152" s="31"/>
      <c r="JHA152" s="31"/>
      <c r="JHB152" s="31"/>
      <c r="JHC152" s="31"/>
      <c r="JHD152" s="31"/>
      <c r="JHE152" s="31"/>
      <c r="JHF152" s="31"/>
      <c r="JHG152" s="31"/>
      <c r="JHH152" s="31"/>
      <c r="JHI152" s="31"/>
      <c r="JHJ152" s="31"/>
      <c r="JHK152" s="31"/>
      <c r="JHL152" s="31"/>
      <c r="JHM152" s="31"/>
      <c r="JHN152" s="31"/>
      <c r="JHO152" s="31"/>
      <c r="JHP152" s="31"/>
      <c r="JHQ152" s="31"/>
      <c r="JHR152" s="31"/>
      <c r="JHS152" s="31"/>
      <c r="JHT152" s="31"/>
      <c r="JHU152" s="31"/>
      <c r="JHV152" s="31"/>
      <c r="JHW152" s="31"/>
      <c r="JHX152" s="31"/>
      <c r="JHY152" s="31"/>
      <c r="JHZ152" s="31"/>
      <c r="JIA152" s="31"/>
      <c r="JIB152" s="31"/>
      <c r="JIC152" s="31"/>
      <c r="JID152" s="31"/>
      <c r="JIE152" s="31"/>
      <c r="JIF152" s="31"/>
      <c r="JIG152" s="31"/>
      <c r="JIH152" s="31"/>
      <c r="JII152" s="31"/>
      <c r="JIJ152" s="31"/>
      <c r="JIK152" s="31"/>
      <c r="JIL152" s="31"/>
      <c r="JIM152" s="31"/>
      <c r="JIN152" s="31"/>
      <c r="JIO152" s="31"/>
      <c r="JIP152" s="31"/>
      <c r="JIQ152" s="31"/>
      <c r="JIR152" s="31"/>
      <c r="JIS152" s="31"/>
      <c r="JIT152" s="31"/>
      <c r="JIU152" s="31"/>
      <c r="JIV152" s="31"/>
      <c r="JIW152" s="31"/>
      <c r="JIX152" s="31"/>
      <c r="JIY152" s="31"/>
      <c r="JIZ152" s="31"/>
      <c r="JJA152" s="31"/>
      <c r="JJB152" s="31"/>
      <c r="JJC152" s="31"/>
      <c r="JJD152" s="31"/>
      <c r="JJE152" s="31"/>
      <c r="JJF152" s="31"/>
      <c r="JJG152" s="31"/>
      <c r="JJH152" s="31"/>
      <c r="JJI152" s="31"/>
      <c r="JJJ152" s="31"/>
      <c r="JJK152" s="31"/>
      <c r="JJL152" s="31"/>
      <c r="JJM152" s="31"/>
      <c r="JJN152" s="31"/>
      <c r="JJO152" s="31"/>
      <c r="JJP152" s="31"/>
      <c r="JJQ152" s="31"/>
      <c r="JJR152" s="31"/>
      <c r="JJS152" s="31"/>
      <c r="JJT152" s="31"/>
      <c r="JJU152" s="31"/>
      <c r="JJV152" s="31"/>
      <c r="JJW152" s="31"/>
      <c r="JJX152" s="31"/>
      <c r="JJY152" s="31"/>
      <c r="JJZ152" s="31"/>
      <c r="JKA152" s="31"/>
      <c r="JKB152" s="31"/>
      <c r="JKC152" s="31"/>
      <c r="JKD152" s="31"/>
      <c r="JKE152" s="31"/>
      <c r="JKF152" s="31"/>
      <c r="JKG152" s="31"/>
      <c r="JKH152" s="31"/>
      <c r="JKI152" s="31"/>
      <c r="JKJ152" s="31"/>
      <c r="JKK152" s="31"/>
      <c r="JKL152" s="31"/>
      <c r="JKM152" s="31"/>
      <c r="JKN152" s="31"/>
      <c r="JKO152" s="31"/>
      <c r="JKP152" s="31"/>
      <c r="JKQ152" s="31"/>
      <c r="JKR152" s="31"/>
      <c r="JKS152" s="31"/>
      <c r="JKT152" s="31"/>
      <c r="JKU152" s="31"/>
      <c r="JKV152" s="31"/>
      <c r="JKW152" s="31"/>
      <c r="JKX152" s="31"/>
      <c r="JKY152" s="31"/>
      <c r="JKZ152" s="31"/>
      <c r="JLA152" s="31"/>
      <c r="JLB152" s="31"/>
      <c r="JLC152" s="31"/>
      <c r="JLD152" s="31"/>
      <c r="JLE152" s="31"/>
      <c r="JLF152" s="31"/>
      <c r="JLG152" s="31"/>
      <c r="JLH152" s="31"/>
      <c r="JLI152" s="31"/>
      <c r="JLJ152" s="31"/>
      <c r="JLK152" s="31"/>
      <c r="JLL152" s="31"/>
      <c r="JLM152" s="31"/>
      <c r="JLN152" s="31"/>
      <c r="JLO152" s="31"/>
      <c r="JLP152" s="31"/>
      <c r="JLQ152" s="31"/>
      <c r="JLR152" s="31"/>
      <c r="JLS152" s="31"/>
      <c r="JLT152" s="31"/>
      <c r="JLU152" s="31"/>
      <c r="JLV152" s="31"/>
      <c r="JLW152" s="31"/>
      <c r="JLX152" s="31"/>
      <c r="JLY152" s="31"/>
      <c r="JLZ152" s="31"/>
      <c r="JMA152" s="31"/>
      <c r="JMB152" s="31"/>
      <c r="JMC152" s="31"/>
      <c r="JMD152" s="31"/>
      <c r="JME152" s="31"/>
      <c r="JMF152" s="31"/>
      <c r="JMG152" s="31"/>
      <c r="JMH152" s="31"/>
      <c r="JMI152" s="31"/>
      <c r="JMJ152" s="31"/>
      <c r="JMK152" s="31"/>
      <c r="JML152" s="31"/>
      <c r="JMM152" s="31"/>
      <c r="JMN152" s="31"/>
      <c r="JMO152" s="31"/>
      <c r="JMP152" s="31"/>
      <c r="JMQ152" s="31"/>
      <c r="JMR152" s="31"/>
      <c r="JMS152" s="31"/>
      <c r="JMT152" s="31"/>
      <c r="JMU152" s="31"/>
      <c r="JMV152" s="31"/>
      <c r="JMW152" s="31"/>
      <c r="JMX152" s="31"/>
      <c r="JMY152" s="31"/>
      <c r="JMZ152" s="31"/>
      <c r="JNA152" s="31"/>
      <c r="JNB152" s="31"/>
      <c r="JNC152" s="31"/>
      <c r="JND152" s="31"/>
      <c r="JNE152" s="31"/>
      <c r="JNF152" s="31"/>
      <c r="JNG152" s="31"/>
      <c r="JNH152" s="31"/>
      <c r="JNI152" s="31"/>
      <c r="JNJ152" s="31"/>
      <c r="JNK152" s="31"/>
      <c r="JNL152" s="31"/>
      <c r="JNM152" s="31"/>
      <c r="JNN152" s="31"/>
      <c r="JNO152" s="31"/>
      <c r="JNP152" s="31"/>
      <c r="JNQ152" s="31"/>
      <c r="JNR152" s="31"/>
      <c r="JNS152" s="31"/>
      <c r="JNT152" s="31"/>
      <c r="JNU152" s="31"/>
      <c r="JNV152" s="31"/>
      <c r="JNW152" s="31"/>
      <c r="JNX152" s="31"/>
      <c r="JNY152" s="31"/>
      <c r="JNZ152" s="31"/>
      <c r="JOA152" s="31"/>
      <c r="JOB152" s="31"/>
      <c r="JOC152" s="31"/>
      <c r="JOD152" s="31"/>
      <c r="JOE152" s="31"/>
      <c r="JOF152" s="31"/>
      <c r="JOG152" s="31"/>
      <c r="JOH152" s="31"/>
      <c r="JOI152" s="31"/>
      <c r="JOJ152" s="31"/>
      <c r="JOK152" s="31"/>
      <c r="JOL152" s="31"/>
      <c r="JOM152" s="31"/>
      <c r="JON152" s="31"/>
      <c r="JOO152" s="31"/>
      <c r="JOP152" s="31"/>
      <c r="JOQ152" s="31"/>
      <c r="JOR152" s="31"/>
      <c r="JOS152" s="31"/>
      <c r="JOT152" s="31"/>
      <c r="JOU152" s="31"/>
      <c r="JOV152" s="31"/>
      <c r="JOW152" s="31"/>
      <c r="JOX152" s="31"/>
      <c r="JOY152" s="31"/>
      <c r="JOZ152" s="31"/>
      <c r="JPA152" s="31"/>
      <c r="JPB152" s="31"/>
      <c r="JPC152" s="31"/>
      <c r="JPD152" s="31"/>
      <c r="JPE152" s="31"/>
      <c r="JPF152" s="31"/>
      <c r="JPG152" s="31"/>
      <c r="JPH152" s="31"/>
      <c r="JPI152" s="31"/>
      <c r="JPJ152" s="31"/>
      <c r="JPK152" s="31"/>
      <c r="JPL152" s="31"/>
      <c r="JPM152" s="31"/>
      <c r="JPN152" s="31"/>
      <c r="JPO152" s="31"/>
      <c r="JPP152" s="31"/>
      <c r="JPQ152" s="31"/>
      <c r="JPR152" s="31"/>
      <c r="JPS152" s="31"/>
      <c r="JPT152" s="31"/>
      <c r="JPU152" s="31"/>
      <c r="JPV152" s="31"/>
      <c r="JPW152" s="31"/>
      <c r="JPX152" s="31"/>
      <c r="JPY152" s="31"/>
      <c r="JPZ152" s="31"/>
      <c r="JQA152" s="31"/>
      <c r="JQB152" s="31"/>
      <c r="JQC152" s="31"/>
      <c r="JQD152" s="31"/>
      <c r="JQE152" s="31"/>
      <c r="JQF152" s="31"/>
      <c r="JQG152" s="31"/>
      <c r="JQH152" s="31"/>
      <c r="JQI152" s="31"/>
      <c r="JQJ152" s="31"/>
      <c r="JQK152" s="31"/>
      <c r="JQL152" s="31"/>
      <c r="JQM152" s="31"/>
      <c r="JQN152" s="31"/>
      <c r="JQO152" s="31"/>
      <c r="JQP152" s="31"/>
      <c r="JQQ152" s="31"/>
      <c r="JQR152" s="31"/>
      <c r="JQS152" s="31"/>
      <c r="JQT152" s="31"/>
      <c r="JQU152" s="31"/>
      <c r="JQV152" s="31"/>
      <c r="JQW152" s="31"/>
      <c r="JQX152" s="31"/>
      <c r="JQY152" s="31"/>
      <c r="JQZ152" s="31"/>
      <c r="JRA152" s="31"/>
      <c r="JRB152" s="31"/>
      <c r="JRC152" s="31"/>
      <c r="JRD152" s="31"/>
      <c r="JRE152" s="31"/>
      <c r="JRF152" s="31"/>
      <c r="JRG152" s="31"/>
      <c r="JRH152" s="31"/>
      <c r="JRI152" s="31"/>
      <c r="JRJ152" s="31"/>
      <c r="JRK152" s="31"/>
      <c r="JRL152" s="31"/>
      <c r="JRM152" s="31"/>
      <c r="JRN152" s="31"/>
      <c r="JRO152" s="31"/>
      <c r="JRP152" s="31"/>
      <c r="JRQ152" s="31"/>
      <c r="JRR152" s="31"/>
      <c r="JRS152" s="31"/>
      <c r="JRT152" s="31"/>
      <c r="JRU152" s="31"/>
      <c r="JRV152" s="31"/>
      <c r="JRW152" s="31"/>
      <c r="JRX152" s="31"/>
      <c r="JRY152" s="31"/>
      <c r="JRZ152" s="31"/>
      <c r="JSA152" s="31"/>
      <c r="JSB152" s="31"/>
      <c r="JSC152" s="31"/>
      <c r="JSD152" s="31"/>
      <c r="JSE152" s="31"/>
      <c r="JSF152" s="31"/>
      <c r="JSG152" s="31"/>
      <c r="JSH152" s="31"/>
      <c r="JSI152" s="31"/>
      <c r="JSJ152" s="31"/>
      <c r="JSK152" s="31"/>
      <c r="JSL152" s="31"/>
      <c r="JSM152" s="31"/>
      <c r="JSN152" s="31"/>
      <c r="JSO152" s="31"/>
      <c r="JSP152" s="31"/>
      <c r="JSQ152" s="31"/>
      <c r="JSR152" s="31"/>
      <c r="JSS152" s="31"/>
      <c r="JST152" s="31"/>
      <c r="JSU152" s="31"/>
      <c r="JSV152" s="31"/>
      <c r="JSW152" s="31"/>
      <c r="JSX152" s="31"/>
      <c r="JSY152" s="31"/>
      <c r="JSZ152" s="31"/>
      <c r="JTA152" s="31"/>
      <c r="JTB152" s="31"/>
      <c r="JTC152" s="31"/>
      <c r="JTD152" s="31"/>
      <c r="JTE152" s="31"/>
      <c r="JTF152" s="31"/>
      <c r="JTG152" s="31"/>
      <c r="JTH152" s="31"/>
      <c r="JTI152" s="31"/>
      <c r="JTJ152" s="31"/>
      <c r="JTK152" s="31"/>
      <c r="JTL152" s="31"/>
      <c r="JTM152" s="31"/>
      <c r="JTN152" s="31"/>
      <c r="JTO152" s="31"/>
      <c r="JTP152" s="31"/>
      <c r="JTQ152" s="31"/>
      <c r="JTR152" s="31"/>
      <c r="JTS152" s="31"/>
      <c r="JTT152" s="31"/>
      <c r="JTU152" s="31"/>
      <c r="JTV152" s="31"/>
      <c r="JTW152" s="31"/>
      <c r="JTX152" s="31"/>
      <c r="JTY152" s="31"/>
      <c r="JTZ152" s="31"/>
      <c r="JUA152" s="31"/>
      <c r="JUB152" s="31"/>
      <c r="JUC152" s="31"/>
      <c r="JUD152" s="31"/>
      <c r="JUE152" s="31"/>
      <c r="JUF152" s="31"/>
      <c r="JUG152" s="31"/>
      <c r="JUH152" s="31"/>
      <c r="JUI152" s="31"/>
      <c r="JUJ152" s="31"/>
      <c r="JUK152" s="31"/>
      <c r="JUL152" s="31"/>
      <c r="JUM152" s="31"/>
      <c r="JUN152" s="31"/>
      <c r="JUO152" s="31"/>
      <c r="JUP152" s="31"/>
      <c r="JUQ152" s="31"/>
      <c r="JUR152" s="31"/>
      <c r="JUS152" s="31"/>
      <c r="JUT152" s="31"/>
      <c r="JUU152" s="31"/>
      <c r="JUV152" s="31"/>
      <c r="JUW152" s="31"/>
      <c r="JUX152" s="31"/>
      <c r="JUY152" s="31"/>
      <c r="JUZ152" s="31"/>
      <c r="JVA152" s="31"/>
      <c r="JVB152" s="31"/>
      <c r="JVC152" s="31"/>
      <c r="JVD152" s="31"/>
      <c r="JVE152" s="31"/>
      <c r="JVF152" s="31"/>
      <c r="JVG152" s="31"/>
      <c r="JVH152" s="31"/>
      <c r="JVI152" s="31"/>
      <c r="JVJ152" s="31"/>
      <c r="JVK152" s="31"/>
      <c r="JVL152" s="31"/>
      <c r="JVM152" s="31"/>
      <c r="JVN152" s="31"/>
      <c r="JVO152" s="31"/>
      <c r="JVP152" s="31"/>
      <c r="JVQ152" s="31"/>
      <c r="JVR152" s="31"/>
      <c r="JVS152" s="31"/>
      <c r="JVT152" s="31"/>
      <c r="JVU152" s="31"/>
      <c r="JVV152" s="31"/>
      <c r="JVW152" s="31"/>
      <c r="JVX152" s="31"/>
      <c r="JVY152" s="31"/>
      <c r="JVZ152" s="31"/>
      <c r="JWA152" s="31"/>
      <c r="JWB152" s="31"/>
      <c r="JWC152" s="31"/>
      <c r="JWD152" s="31"/>
      <c r="JWE152" s="31"/>
      <c r="JWF152" s="31"/>
      <c r="JWG152" s="31"/>
      <c r="JWH152" s="31"/>
      <c r="JWI152" s="31"/>
      <c r="JWJ152" s="31"/>
      <c r="JWK152" s="31"/>
      <c r="JWL152" s="31"/>
      <c r="JWM152" s="31"/>
      <c r="JWN152" s="31"/>
      <c r="JWO152" s="31"/>
      <c r="JWP152" s="31"/>
      <c r="JWQ152" s="31"/>
      <c r="JWR152" s="31"/>
      <c r="JWS152" s="31"/>
      <c r="JWT152" s="31"/>
      <c r="JWU152" s="31"/>
      <c r="JWV152" s="31"/>
      <c r="JWW152" s="31"/>
      <c r="JWX152" s="31"/>
      <c r="JWY152" s="31"/>
      <c r="JWZ152" s="31"/>
      <c r="JXA152" s="31"/>
      <c r="JXB152" s="31"/>
      <c r="JXC152" s="31"/>
      <c r="JXD152" s="31"/>
      <c r="JXE152" s="31"/>
      <c r="JXF152" s="31"/>
      <c r="JXG152" s="31"/>
      <c r="JXH152" s="31"/>
      <c r="JXI152" s="31"/>
      <c r="JXJ152" s="31"/>
      <c r="JXK152" s="31"/>
      <c r="JXL152" s="31"/>
      <c r="JXM152" s="31"/>
      <c r="JXN152" s="31"/>
      <c r="JXO152" s="31"/>
      <c r="JXP152" s="31"/>
      <c r="JXQ152" s="31"/>
      <c r="JXR152" s="31"/>
      <c r="JXS152" s="31"/>
      <c r="JXT152" s="31"/>
      <c r="JXU152" s="31"/>
      <c r="JXV152" s="31"/>
      <c r="JXW152" s="31"/>
      <c r="JXX152" s="31"/>
      <c r="JXY152" s="31"/>
      <c r="JXZ152" s="31"/>
      <c r="JYA152" s="31"/>
      <c r="JYB152" s="31"/>
      <c r="JYC152" s="31"/>
      <c r="JYD152" s="31"/>
      <c r="JYE152" s="31"/>
      <c r="JYF152" s="31"/>
      <c r="JYG152" s="31"/>
      <c r="JYH152" s="31"/>
      <c r="JYI152" s="31"/>
      <c r="JYJ152" s="31"/>
      <c r="JYK152" s="31"/>
      <c r="JYL152" s="31"/>
      <c r="JYM152" s="31"/>
      <c r="JYN152" s="31"/>
      <c r="JYO152" s="31"/>
      <c r="JYP152" s="31"/>
      <c r="JYQ152" s="31"/>
      <c r="JYR152" s="31"/>
      <c r="JYS152" s="31"/>
      <c r="JYT152" s="31"/>
      <c r="JYU152" s="31"/>
      <c r="JYV152" s="31"/>
      <c r="JYW152" s="31"/>
      <c r="JYX152" s="31"/>
      <c r="JYY152" s="31"/>
      <c r="JYZ152" s="31"/>
      <c r="JZA152" s="31"/>
      <c r="JZB152" s="31"/>
      <c r="JZC152" s="31"/>
      <c r="JZD152" s="31"/>
      <c r="JZE152" s="31"/>
      <c r="JZF152" s="31"/>
      <c r="JZG152" s="31"/>
      <c r="JZH152" s="31"/>
      <c r="JZI152" s="31"/>
      <c r="JZJ152" s="31"/>
      <c r="JZK152" s="31"/>
      <c r="JZL152" s="31"/>
      <c r="JZM152" s="31"/>
      <c r="JZN152" s="31"/>
      <c r="JZO152" s="31"/>
      <c r="JZP152" s="31"/>
      <c r="JZQ152" s="31"/>
      <c r="JZR152" s="31"/>
      <c r="JZS152" s="31"/>
      <c r="JZT152" s="31"/>
      <c r="JZU152" s="31"/>
      <c r="JZV152" s="31"/>
      <c r="JZW152" s="31"/>
      <c r="JZX152" s="31"/>
      <c r="JZY152" s="31"/>
      <c r="JZZ152" s="31"/>
      <c r="KAA152" s="31"/>
      <c r="KAB152" s="31"/>
      <c r="KAC152" s="31"/>
      <c r="KAD152" s="31"/>
      <c r="KAE152" s="31"/>
      <c r="KAF152" s="31"/>
      <c r="KAG152" s="31"/>
      <c r="KAH152" s="31"/>
      <c r="KAI152" s="31"/>
      <c r="KAJ152" s="31"/>
      <c r="KAK152" s="31"/>
      <c r="KAL152" s="31"/>
      <c r="KAM152" s="31"/>
      <c r="KAN152" s="31"/>
      <c r="KAO152" s="31"/>
      <c r="KAP152" s="31"/>
      <c r="KAQ152" s="31"/>
      <c r="KAR152" s="31"/>
      <c r="KAS152" s="31"/>
      <c r="KAT152" s="31"/>
      <c r="KAU152" s="31"/>
      <c r="KAV152" s="31"/>
      <c r="KAW152" s="31"/>
      <c r="KAX152" s="31"/>
      <c r="KAY152" s="31"/>
      <c r="KAZ152" s="31"/>
      <c r="KBA152" s="31"/>
      <c r="KBB152" s="31"/>
      <c r="KBC152" s="31"/>
      <c r="KBD152" s="31"/>
      <c r="KBE152" s="31"/>
      <c r="KBF152" s="31"/>
      <c r="KBG152" s="31"/>
      <c r="KBH152" s="31"/>
      <c r="KBI152" s="31"/>
      <c r="KBJ152" s="31"/>
      <c r="KBK152" s="31"/>
      <c r="KBL152" s="31"/>
      <c r="KBM152" s="31"/>
      <c r="KBN152" s="31"/>
      <c r="KBO152" s="31"/>
      <c r="KBP152" s="31"/>
      <c r="KBQ152" s="31"/>
      <c r="KBR152" s="31"/>
      <c r="KBS152" s="31"/>
      <c r="KBT152" s="31"/>
      <c r="KBU152" s="31"/>
      <c r="KBV152" s="31"/>
      <c r="KBW152" s="31"/>
      <c r="KBX152" s="31"/>
      <c r="KBY152" s="31"/>
      <c r="KBZ152" s="31"/>
      <c r="KCA152" s="31"/>
      <c r="KCB152" s="31"/>
      <c r="KCC152" s="31"/>
      <c r="KCD152" s="31"/>
      <c r="KCE152" s="31"/>
      <c r="KCF152" s="31"/>
      <c r="KCG152" s="31"/>
      <c r="KCH152" s="31"/>
      <c r="KCI152" s="31"/>
      <c r="KCJ152" s="31"/>
      <c r="KCK152" s="31"/>
      <c r="KCL152" s="31"/>
      <c r="KCM152" s="31"/>
      <c r="KCN152" s="31"/>
      <c r="KCO152" s="31"/>
      <c r="KCP152" s="31"/>
      <c r="KCQ152" s="31"/>
      <c r="KCR152" s="31"/>
      <c r="KCS152" s="31"/>
      <c r="KCT152" s="31"/>
      <c r="KCU152" s="31"/>
      <c r="KCV152" s="31"/>
      <c r="KCW152" s="31"/>
      <c r="KCX152" s="31"/>
      <c r="KCY152" s="31"/>
      <c r="KCZ152" s="31"/>
      <c r="KDA152" s="31"/>
      <c r="KDB152" s="31"/>
      <c r="KDC152" s="31"/>
      <c r="KDD152" s="31"/>
      <c r="KDE152" s="31"/>
      <c r="KDF152" s="31"/>
      <c r="KDG152" s="31"/>
      <c r="KDH152" s="31"/>
      <c r="KDI152" s="31"/>
      <c r="KDJ152" s="31"/>
      <c r="KDK152" s="31"/>
      <c r="KDL152" s="31"/>
      <c r="KDM152" s="31"/>
      <c r="KDN152" s="31"/>
      <c r="KDO152" s="31"/>
      <c r="KDP152" s="31"/>
      <c r="KDQ152" s="31"/>
      <c r="KDR152" s="31"/>
      <c r="KDS152" s="31"/>
      <c r="KDT152" s="31"/>
      <c r="KDU152" s="31"/>
      <c r="KDV152" s="31"/>
      <c r="KDW152" s="31"/>
      <c r="KDX152" s="31"/>
      <c r="KDY152" s="31"/>
      <c r="KDZ152" s="31"/>
      <c r="KEA152" s="31"/>
      <c r="KEB152" s="31"/>
      <c r="KEC152" s="31"/>
      <c r="KED152" s="31"/>
      <c r="KEE152" s="31"/>
      <c r="KEF152" s="31"/>
      <c r="KEG152" s="31"/>
      <c r="KEH152" s="31"/>
      <c r="KEI152" s="31"/>
      <c r="KEJ152" s="31"/>
      <c r="KEK152" s="31"/>
      <c r="KEL152" s="31"/>
      <c r="KEM152" s="31"/>
      <c r="KEN152" s="31"/>
      <c r="KEO152" s="31"/>
      <c r="KEP152" s="31"/>
      <c r="KEQ152" s="31"/>
      <c r="KER152" s="31"/>
      <c r="KES152" s="31"/>
      <c r="KET152" s="31"/>
      <c r="KEU152" s="31"/>
      <c r="KEV152" s="31"/>
      <c r="KEW152" s="31"/>
      <c r="KEX152" s="31"/>
      <c r="KEY152" s="31"/>
      <c r="KEZ152" s="31"/>
      <c r="KFA152" s="31"/>
      <c r="KFB152" s="31"/>
      <c r="KFC152" s="31"/>
      <c r="KFD152" s="31"/>
      <c r="KFE152" s="31"/>
      <c r="KFF152" s="31"/>
      <c r="KFG152" s="31"/>
      <c r="KFH152" s="31"/>
      <c r="KFI152" s="31"/>
      <c r="KFJ152" s="31"/>
      <c r="KFK152" s="31"/>
      <c r="KFL152" s="31"/>
      <c r="KFM152" s="31"/>
      <c r="KFN152" s="31"/>
      <c r="KFO152" s="31"/>
      <c r="KFP152" s="31"/>
      <c r="KFQ152" s="31"/>
      <c r="KFR152" s="31"/>
      <c r="KFS152" s="31"/>
      <c r="KFT152" s="31"/>
      <c r="KFU152" s="31"/>
      <c r="KFV152" s="31"/>
      <c r="KFW152" s="31"/>
      <c r="KFX152" s="31"/>
      <c r="KFY152" s="31"/>
      <c r="KFZ152" s="31"/>
      <c r="KGA152" s="31"/>
      <c r="KGB152" s="31"/>
      <c r="KGC152" s="31"/>
      <c r="KGD152" s="31"/>
      <c r="KGE152" s="31"/>
      <c r="KGF152" s="31"/>
      <c r="KGG152" s="31"/>
      <c r="KGH152" s="31"/>
      <c r="KGI152" s="31"/>
      <c r="KGJ152" s="31"/>
      <c r="KGK152" s="31"/>
      <c r="KGL152" s="31"/>
      <c r="KGM152" s="31"/>
      <c r="KGN152" s="31"/>
      <c r="KGO152" s="31"/>
      <c r="KGP152" s="31"/>
      <c r="KGQ152" s="31"/>
      <c r="KGR152" s="31"/>
      <c r="KGS152" s="31"/>
      <c r="KGT152" s="31"/>
      <c r="KGU152" s="31"/>
      <c r="KGV152" s="31"/>
      <c r="KGW152" s="31"/>
      <c r="KGX152" s="31"/>
      <c r="KGY152" s="31"/>
      <c r="KGZ152" s="31"/>
      <c r="KHA152" s="31"/>
      <c r="KHB152" s="31"/>
      <c r="KHC152" s="31"/>
      <c r="KHD152" s="31"/>
      <c r="KHE152" s="31"/>
      <c r="KHF152" s="31"/>
      <c r="KHG152" s="31"/>
      <c r="KHH152" s="31"/>
      <c r="KHI152" s="31"/>
      <c r="KHJ152" s="31"/>
      <c r="KHK152" s="31"/>
      <c r="KHL152" s="31"/>
      <c r="KHM152" s="31"/>
      <c r="KHN152" s="31"/>
      <c r="KHO152" s="31"/>
      <c r="KHP152" s="31"/>
      <c r="KHQ152" s="31"/>
      <c r="KHR152" s="31"/>
      <c r="KHS152" s="31"/>
      <c r="KHT152" s="31"/>
      <c r="KHU152" s="31"/>
      <c r="KHV152" s="31"/>
      <c r="KHW152" s="31"/>
      <c r="KHX152" s="31"/>
      <c r="KHY152" s="31"/>
      <c r="KHZ152" s="31"/>
      <c r="KIA152" s="31"/>
      <c r="KIB152" s="31"/>
      <c r="KIC152" s="31"/>
      <c r="KID152" s="31"/>
      <c r="KIE152" s="31"/>
      <c r="KIF152" s="31"/>
      <c r="KIG152" s="31"/>
      <c r="KIH152" s="31"/>
      <c r="KII152" s="31"/>
      <c r="KIJ152" s="31"/>
      <c r="KIK152" s="31"/>
      <c r="KIL152" s="31"/>
      <c r="KIM152" s="31"/>
      <c r="KIN152" s="31"/>
      <c r="KIO152" s="31"/>
      <c r="KIP152" s="31"/>
      <c r="KIQ152" s="31"/>
      <c r="KIR152" s="31"/>
      <c r="KIS152" s="31"/>
      <c r="KIT152" s="31"/>
      <c r="KIU152" s="31"/>
      <c r="KIV152" s="31"/>
      <c r="KIW152" s="31"/>
      <c r="KIX152" s="31"/>
      <c r="KIY152" s="31"/>
      <c r="KIZ152" s="31"/>
      <c r="KJA152" s="31"/>
      <c r="KJB152" s="31"/>
      <c r="KJC152" s="31"/>
      <c r="KJD152" s="31"/>
      <c r="KJE152" s="31"/>
      <c r="KJF152" s="31"/>
      <c r="KJG152" s="31"/>
      <c r="KJH152" s="31"/>
      <c r="KJI152" s="31"/>
      <c r="KJJ152" s="31"/>
      <c r="KJK152" s="31"/>
      <c r="KJL152" s="31"/>
      <c r="KJM152" s="31"/>
      <c r="KJN152" s="31"/>
      <c r="KJO152" s="31"/>
      <c r="KJP152" s="31"/>
      <c r="KJQ152" s="31"/>
      <c r="KJR152" s="31"/>
      <c r="KJS152" s="31"/>
      <c r="KJT152" s="31"/>
      <c r="KJU152" s="31"/>
      <c r="KJV152" s="31"/>
      <c r="KJW152" s="31"/>
      <c r="KJX152" s="31"/>
      <c r="KJY152" s="31"/>
      <c r="KJZ152" s="31"/>
      <c r="KKA152" s="31"/>
      <c r="KKB152" s="31"/>
      <c r="KKC152" s="31"/>
      <c r="KKD152" s="31"/>
      <c r="KKE152" s="31"/>
      <c r="KKF152" s="31"/>
      <c r="KKG152" s="31"/>
      <c r="KKH152" s="31"/>
      <c r="KKI152" s="31"/>
      <c r="KKJ152" s="31"/>
      <c r="KKK152" s="31"/>
      <c r="KKL152" s="31"/>
      <c r="KKM152" s="31"/>
      <c r="KKN152" s="31"/>
      <c r="KKO152" s="31"/>
      <c r="KKP152" s="31"/>
      <c r="KKQ152" s="31"/>
      <c r="KKR152" s="31"/>
      <c r="KKS152" s="31"/>
      <c r="KKT152" s="31"/>
      <c r="KKU152" s="31"/>
      <c r="KKV152" s="31"/>
      <c r="KKW152" s="31"/>
      <c r="KKX152" s="31"/>
      <c r="KKY152" s="31"/>
      <c r="KKZ152" s="31"/>
      <c r="KLA152" s="31"/>
      <c r="KLB152" s="31"/>
      <c r="KLC152" s="31"/>
      <c r="KLD152" s="31"/>
      <c r="KLE152" s="31"/>
      <c r="KLF152" s="31"/>
      <c r="KLG152" s="31"/>
      <c r="KLH152" s="31"/>
      <c r="KLI152" s="31"/>
      <c r="KLJ152" s="31"/>
      <c r="KLK152" s="31"/>
      <c r="KLL152" s="31"/>
      <c r="KLM152" s="31"/>
      <c r="KLN152" s="31"/>
      <c r="KLO152" s="31"/>
      <c r="KLP152" s="31"/>
      <c r="KLQ152" s="31"/>
      <c r="KLR152" s="31"/>
      <c r="KLS152" s="31"/>
      <c r="KLT152" s="31"/>
      <c r="KLU152" s="31"/>
      <c r="KLV152" s="31"/>
      <c r="KLW152" s="31"/>
      <c r="KLX152" s="31"/>
      <c r="KLY152" s="31"/>
      <c r="KLZ152" s="31"/>
      <c r="KMA152" s="31"/>
      <c r="KMB152" s="31"/>
      <c r="KMC152" s="31"/>
      <c r="KMD152" s="31"/>
      <c r="KME152" s="31"/>
      <c r="KMF152" s="31"/>
      <c r="KMG152" s="31"/>
      <c r="KMH152" s="31"/>
      <c r="KMI152" s="31"/>
      <c r="KMJ152" s="31"/>
      <c r="KMK152" s="31"/>
      <c r="KML152" s="31"/>
      <c r="KMM152" s="31"/>
      <c r="KMN152" s="31"/>
      <c r="KMO152" s="31"/>
      <c r="KMP152" s="31"/>
      <c r="KMQ152" s="31"/>
      <c r="KMR152" s="31"/>
      <c r="KMS152" s="31"/>
      <c r="KMT152" s="31"/>
      <c r="KMU152" s="31"/>
      <c r="KMV152" s="31"/>
      <c r="KMW152" s="31"/>
      <c r="KMX152" s="31"/>
      <c r="KMY152" s="31"/>
      <c r="KMZ152" s="31"/>
      <c r="KNA152" s="31"/>
      <c r="KNB152" s="31"/>
      <c r="KNC152" s="31"/>
      <c r="KND152" s="31"/>
      <c r="KNE152" s="31"/>
      <c r="KNF152" s="31"/>
      <c r="KNG152" s="31"/>
      <c r="KNH152" s="31"/>
      <c r="KNI152" s="31"/>
      <c r="KNJ152" s="31"/>
      <c r="KNK152" s="31"/>
      <c r="KNL152" s="31"/>
      <c r="KNM152" s="31"/>
      <c r="KNN152" s="31"/>
      <c r="KNO152" s="31"/>
      <c r="KNP152" s="31"/>
      <c r="KNQ152" s="31"/>
      <c r="KNR152" s="31"/>
      <c r="KNS152" s="31"/>
      <c r="KNT152" s="31"/>
      <c r="KNU152" s="31"/>
      <c r="KNV152" s="31"/>
      <c r="KNW152" s="31"/>
      <c r="KNX152" s="31"/>
      <c r="KNY152" s="31"/>
      <c r="KNZ152" s="31"/>
      <c r="KOA152" s="31"/>
      <c r="KOB152" s="31"/>
      <c r="KOC152" s="31"/>
      <c r="KOD152" s="31"/>
      <c r="KOE152" s="31"/>
      <c r="KOF152" s="31"/>
      <c r="KOG152" s="31"/>
      <c r="KOH152" s="31"/>
      <c r="KOI152" s="31"/>
      <c r="KOJ152" s="31"/>
      <c r="KOK152" s="31"/>
      <c r="KOL152" s="31"/>
      <c r="KOM152" s="31"/>
      <c r="KON152" s="31"/>
      <c r="KOO152" s="31"/>
      <c r="KOP152" s="31"/>
      <c r="KOQ152" s="31"/>
      <c r="KOR152" s="31"/>
      <c r="KOS152" s="31"/>
      <c r="KOT152" s="31"/>
      <c r="KOU152" s="31"/>
      <c r="KOV152" s="31"/>
      <c r="KOW152" s="31"/>
      <c r="KOX152" s="31"/>
      <c r="KOY152" s="31"/>
      <c r="KOZ152" s="31"/>
      <c r="KPA152" s="31"/>
      <c r="KPB152" s="31"/>
      <c r="KPC152" s="31"/>
      <c r="KPD152" s="31"/>
      <c r="KPE152" s="31"/>
      <c r="KPF152" s="31"/>
      <c r="KPG152" s="31"/>
      <c r="KPH152" s="31"/>
      <c r="KPI152" s="31"/>
      <c r="KPJ152" s="31"/>
      <c r="KPK152" s="31"/>
      <c r="KPL152" s="31"/>
      <c r="KPM152" s="31"/>
      <c r="KPN152" s="31"/>
      <c r="KPO152" s="31"/>
      <c r="KPP152" s="31"/>
      <c r="KPQ152" s="31"/>
      <c r="KPR152" s="31"/>
      <c r="KPS152" s="31"/>
      <c r="KPT152" s="31"/>
      <c r="KPU152" s="31"/>
      <c r="KPV152" s="31"/>
      <c r="KPW152" s="31"/>
      <c r="KPX152" s="31"/>
      <c r="KPY152" s="31"/>
      <c r="KPZ152" s="31"/>
      <c r="KQA152" s="31"/>
      <c r="KQB152" s="31"/>
      <c r="KQC152" s="31"/>
      <c r="KQD152" s="31"/>
      <c r="KQE152" s="31"/>
      <c r="KQF152" s="31"/>
      <c r="KQG152" s="31"/>
      <c r="KQH152" s="31"/>
      <c r="KQI152" s="31"/>
      <c r="KQJ152" s="31"/>
      <c r="KQK152" s="31"/>
      <c r="KQL152" s="31"/>
      <c r="KQM152" s="31"/>
      <c r="KQN152" s="31"/>
      <c r="KQO152" s="31"/>
      <c r="KQP152" s="31"/>
      <c r="KQQ152" s="31"/>
      <c r="KQR152" s="31"/>
      <c r="KQS152" s="31"/>
      <c r="KQT152" s="31"/>
      <c r="KQU152" s="31"/>
      <c r="KQV152" s="31"/>
      <c r="KQW152" s="31"/>
      <c r="KQX152" s="31"/>
      <c r="KQY152" s="31"/>
      <c r="KQZ152" s="31"/>
      <c r="KRA152" s="31"/>
      <c r="KRB152" s="31"/>
      <c r="KRC152" s="31"/>
      <c r="KRD152" s="31"/>
      <c r="KRE152" s="31"/>
      <c r="KRF152" s="31"/>
      <c r="KRG152" s="31"/>
      <c r="KRH152" s="31"/>
      <c r="KRI152" s="31"/>
      <c r="KRJ152" s="31"/>
      <c r="KRK152" s="31"/>
      <c r="KRL152" s="31"/>
      <c r="KRM152" s="31"/>
      <c r="KRN152" s="31"/>
      <c r="KRO152" s="31"/>
      <c r="KRP152" s="31"/>
      <c r="KRQ152" s="31"/>
      <c r="KRR152" s="31"/>
      <c r="KRS152" s="31"/>
      <c r="KRT152" s="31"/>
      <c r="KRU152" s="31"/>
      <c r="KRV152" s="31"/>
      <c r="KRW152" s="31"/>
      <c r="KRX152" s="31"/>
      <c r="KRY152" s="31"/>
      <c r="KRZ152" s="31"/>
      <c r="KSA152" s="31"/>
      <c r="KSB152" s="31"/>
      <c r="KSC152" s="31"/>
      <c r="KSD152" s="31"/>
      <c r="KSE152" s="31"/>
      <c r="KSF152" s="31"/>
      <c r="KSG152" s="31"/>
      <c r="KSH152" s="31"/>
      <c r="KSI152" s="31"/>
      <c r="KSJ152" s="31"/>
      <c r="KSK152" s="31"/>
      <c r="KSL152" s="31"/>
      <c r="KSM152" s="31"/>
      <c r="KSN152" s="31"/>
      <c r="KSO152" s="31"/>
      <c r="KSP152" s="31"/>
      <c r="KSQ152" s="31"/>
      <c r="KSR152" s="31"/>
      <c r="KSS152" s="31"/>
      <c r="KST152" s="31"/>
      <c r="KSU152" s="31"/>
      <c r="KSV152" s="31"/>
      <c r="KSW152" s="31"/>
      <c r="KSX152" s="31"/>
      <c r="KSY152" s="31"/>
      <c r="KSZ152" s="31"/>
      <c r="KTA152" s="31"/>
      <c r="KTB152" s="31"/>
      <c r="KTC152" s="31"/>
      <c r="KTD152" s="31"/>
      <c r="KTE152" s="31"/>
      <c r="KTF152" s="31"/>
      <c r="KTG152" s="31"/>
      <c r="KTH152" s="31"/>
      <c r="KTI152" s="31"/>
      <c r="KTJ152" s="31"/>
      <c r="KTK152" s="31"/>
      <c r="KTL152" s="31"/>
      <c r="KTM152" s="31"/>
      <c r="KTN152" s="31"/>
      <c r="KTO152" s="31"/>
      <c r="KTP152" s="31"/>
      <c r="KTQ152" s="31"/>
      <c r="KTR152" s="31"/>
      <c r="KTS152" s="31"/>
      <c r="KTT152" s="31"/>
      <c r="KTU152" s="31"/>
      <c r="KTV152" s="31"/>
      <c r="KTW152" s="31"/>
      <c r="KTX152" s="31"/>
      <c r="KTY152" s="31"/>
      <c r="KTZ152" s="31"/>
      <c r="KUA152" s="31"/>
      <c r="KUB152" s="31"/>
      <c r="KUC152" s="31"/>
      <c r="KUD152" s="31"/>
      <c r="KUE152" s="31"/>
      <c r="KUF152" s="31"/>
      <c r="KUG152" s="31"/>
      <c r="KUH152" s="31"/>
      <c r="KUI152" s="31"/>
      <c r="KUJ152" s="31"/>
      <c r="KUK152" s="31"/>
      <c r="KUL152" s="31"/>
      <c r="KUM152" s="31"/>
      <c r="KUN152" s="31"/>
      <c r="KUO152" s="31"/>
      <c r="KUP152" s="31"/>
      <c r="KUQ152" s="31"/>
      <c r="KUR152" s="31"/>
      <c r="KUS152" s="31"/>
      <c r="KUT152" s="31"/>
      <c r="KUU152" s="31"/>
      <c r="KUV152" s="31"/>
      <c r="KUW152" s="31"/>
      <c r="KUX152" s="31"/>
      <c r="KUY152" s="31"/>
      <c r="KUZ152" s="31"/>
      <c r="KVA152" s="31"/>
      <c r="KVB152" s="31"/>
      <c r="KVC152" s="31"/>
      <c r="KVD152" s="31"/>
      <c r="KVE152" s="31"/>
      <c r="KVF152" s="31"/>
      <c r="KVG152" s="31"/>
      <c r="KVH152" s="31"/>
      <c r="KVI152" s="31"/>
      <c r="KVJ152" s="31"/>
      <c r="KVK152" s="31"/>
      <c r="KVL152" s="31"/>
      <c r="KVM152" s="31"/>
      <c r="KVN152" s="31"/>
      <c r="KVO152" s="31"/>
      <c r="KVP152" s="31"/>
      <c r="KVQ152" s="31"/>
      <c r="KVR152" s="31"/>
      <c r="KVS152" s="31"/>
      <c r="KVT152" s="31"/>
      <c r="KVU152" s="31"/>
      <c r="KVV152" s="31"/>
      <c r="KVW152" s="31"/>
      <c r="KVX152" s="31"/>
      <c r="KVY152" s="31"/>
      <c r="KVZ152" s="31"/>
      <c r="KWA152" s="31"/>
      <c r="KWB152" s="31"/>
      <c r="KWC152" s="31"/>
      <c r="KWD152" s="31"/>
      <c r="KWE152" s="31"/>
      <c r="KWF152" s="31"/>
      <c r="KWG152" s="31"/>
      <c r="KWH152" s="31"/>
      <c r="KWI152" s="31"/>
      <c r="KWJ152" s="31"/>
      <c r="KWK152" s="31"/>
      <c r="KWL152" s="31"/>
      <c r="KWM152" s="31"/>
      <c r="KWN152" s="31"/>
      <c r="KWO152" s="31"/>
      <c r="KWP152" s="31"/>
      <c r="KWQ152" s="31"/>
      <c r="KWR152" s="31"/>
      <c r="KWS152" s="31"/>
      <c r="KWT152" s="31"/>
      <c r="KWU152" s="31"/>
      <c r="KWV152" s="31"/>
      <c r="KWW152" s="31"/>
      <c r="KWX152" s="31"/>
      <c r="KWY152" s="31"/>
      <c r="KWZ152" s="31"/>
      <c r="KXA152" s="31"/>
      <c r="KXB152" s="31"/>
      <c r="KXC152" s="31"/>
      <c r="KXD152" s="31"/>
      <c r="KXE152" s="31"/>
      <c r="KXF152" s="31"/>
      <c r="KXG152" s="31"/>
      <c r="KXH152" s="31"/>
      <c r="KXI152" s="31"/>
      <c r="KXJ152" s="31"/>
      <c r="KXK152" s="31"/>
      <c r="KXL152" s="31"/>
      <c r="KXM152" s="31"/>
      <c r="KXN152" s="31"/>
      <c r="KXO152" s="31"/>
      <c r="KXP152" s="31"/>
      <c r="KXQ152" s="31"/>
      <c r="KXR152" s="31"/>
      <c r="KXS152" s="31"/>
      <c r="KXT152" s="31"/>
      <c r="KXU152" s="31"/>
      <c r="KXV152" s="31"/>
      <c r="KXW152" s="31"/>
      <c r="KXX152" s="31"/>
      <c r="KXY152" s="31"/>
      <c r="KXZ152" s="31"/>
      <c r="KYA152" s="31"/>
      <c r="KYB152" s="31"/>
      <c r="KYC152" s="31"/>
      <c r="KYD152" s="31"/>
      <c r="KYE152" s="31"/>
      <c r="KYF152" s="31"/>
      <c r="KYG152" s="31"/>
      <c r="KYH152" s="31"/>
      <c r="KYI152" s="31"/>
      <c r="KYJ152" s="31"/>
      <c r="KYK152" s="31"/>
      <c r="KYL152" s="31"/>
      <c r="KYM152" s="31"/>
      <c r="KYN152" s="31"/>
      <c r="KYO152" s="31"/>
      <c r="KYP152" s="31"/>
      <c r="KYQ152" s="31"/>
      <c r="KYR152" s="31"/>
      <c r="KYS152" s="31"/>
      <c r="KYT152" s="31"/>
      <c r="KYU152" s="31"/>
      <c r="KYV152" s="31"/>
      <c r="KYW152" s="31"/>
      <c r="KYX152" s="31"/>
      <c r="KYY152" s="31"/>
      <c r="KYZ152" s="31"/>
      <c r="KZA152" s="31"/>
      <c r="KZB152" s="31"/>
      <c r="KZC152" s="31"/>
      <c r="KZD152" s="31"/>
      <c r="KZE152" s="31"/>
      <c r="KZF152" s="31"/>
      <c r="KZG152" s="31"/>
      <c r="KZH152" s="31"/>
      <c r="KZI152" s="31"/>
      <c r="KZJ152" s="31"/>
      <c r="KZK152" s="31"/>
      <c r="KZL152" s="31"/>
      <c r="KZM152" s="31"/>
      <c r="KZN152" s="31"/>
      <c r="KZO152" s="31"/>
      <c r="KZP152" s="31"/>
      <c r="KZQ152" s="31"/>
      <c r="KZR152" s="31"/>
      <c r="KZS152" s="31"/>
      <c r="KZT152" s="31"/>
      <c r="KZU152" s="31"/>
      <c r="KZV152" s="31"/>
      <c r="KZW152" s="31"/>
      <c r="KZX152" s="31"/>
      <c r="KZY152" s="31"/>
      <c r="KZZ152" s="31"/>
      <c r="LAA152" s="31"/>
      <c r="LAB152" s="31"/>
      <c r="LAC152" s="31"/>
      <c r="LAD152" s="31"/>
      <c r="LAE152" s="31"/>
      <c r="LAF152" s="31"/>
      <c r="LAG152" s="31"/>
      <c r="LAH152" s="31"/>
      <c r="LAI152" s="31"/>
      <c r="LAJ152" s="31"/>
      <c r="LAK152" s="31"/>
      <c r="LAL152" s="31"/>
      <c r="LAM152" s="31"/>
      <c r="LAN152" s="31"/>
      <c r="LAO152" s="31"/>
      <c r="LAP152" s="31"/>
      <c r="LAQ152" s="31"/>
      <c r="LAR152" s="31"/>
      <c r="LAS152" s="31"/>
      <c r="LAT152" s="31"/>
      <c r="LAU152" s="31"/>
      <c r="LAV152" s="31"/>
      <c r="LAW152" s="31"/>
      <c r="LAX152" s="31"/>
      <c r="LAY152" s="31"/>
      <c r="LAZ152" s="31"/>
      <c r="LBA152" s="31"/>
      <c r="LBB152" s="31"/>
      <c r="LBC152" s="31"/>
      <c r="LBD152" s="31"/>
      <c r="LBE152" s="31"/>
      <c r="LBF152" s="31"/>
      <c r="LBG152" s="31"/>
      <c r="LBH152" s="31"/>
      <c r="LBI152" s="31"/>
      <c r="LBJ152" s="31"/>
      <c r="LBK152" s="31"/>
      <c r="LBL152" s="31"/>
      <c r="LBM152" s="31"/>
      <c r="LBN152" s="31"/>
      <c r="LBO152" s="31"/>
      <c r="LBP152" s="31"/>
      <c r="LBQ152" s="31"/>
      <c r="LBR152" s="31"/>
      <c r="LBS152" s="31"/>
      <c r="LBT152" s="31"/>
      <c r="LBU152" s="31"/>
      <c r="LBV152" s="31"/>
      <c r="LBW152" s="31"/>
      <c r="LBX152" s="31"/>
      <c r="LBY152" s="31"/>
      <c r="LBZ152" s="31"/>
      <c r="LCA152" s="31"/>
      <c r="LCB152" s="31"/>
      <c r="LCC152" s="31"/>
      <c r="LCD152" s="31"/>
      <c r="LCE152" s="31"/>
      <c r="LCF152" s="31"/>
      <c r="LCG152" s="31"/>
      <c r="LCH152" s="31"/>
      <c r="LCI152" s="31"/>
      <c r="LCJ152" s="31"/>
      <c r="LCK152" s="31"/>
      <c r="LCL152" s="31"/>
      <c r="LCM152" s="31"/>
      <c r="LCN152" s="31"/>
      <c r="LCO152" s="31"/>
      <c r="LCP152" s="31"/>
      <c r="LCQ152" s="31"/>
      <c r="LCR152" s="31"/>
      <c r="LCS152" s="31"/>
      <c r="LCT152" s="31"/>
      <c r="LCU152" s="31"/>
      <c r="LCV152" s="31"/>
      <c r="LCW152" s="31"/>
      <c r="LCX152" s="31"/>
      <c r="LCY152" s="31"/>
      <c r="LCZ152" s="31"/>
      <c r="LDA152" s="31"/>
      <c r="LDB152" s="31"/>
      <c r="LDC152" s="31"/>
      <c r="LDD152" s="31"/>
      <c r="LDE152" s="31"/>
      <c r="LDF152" s="31"/>
      <c r="LDG152" s="31"/>
      <c r="LDH152" s="31"/>
      <c r="LDI152" s="31"/>
      <c r="LDJ152" s="31"/>
      <c r="LDK152" s="31"/>
      <c r="LDL152" s="31"/>
      <c r="LDM152" s="31"/>
      <c r="LDN152" s="31"/>
      <c r="LDO152" s="31"/>
      <c r="LDP152" s="31"/>
      <c r="LDQ152" s="31"/>
      <c r="LDR152" s="31"/>
      <c r="LDS152" s="31"/>
      <c r="LDT152" s="31"/>
      <c r="LDU152" s="31"/>
      <c r="LDV152" s="31"/>
      <c r="LDW152" s="31"/>
      <c r="LDX152" s="31"/>
      <c r="LDY152" s="31"/>
      <c r="LDZ152" s="31"/>
      <c r="LEA152" s="31"/>
      <c r="LEB152" s="31"/>
      <c r="LEC152" s="31"/>
      <c r="LED152" s="31"/>
      <c r="LEE152" s="31"/>
      <c r="LEF152" s="31"/>
      <c r="LEG152" s="31"/>
      <c r="LEH152" s="31"/>
      <c r="LEI152" s="31"/>
      <c r="LEJ152" s="31"/>
      <c r="LEK152" s="31"/>
      <c r="LEL152" s="31"/>
      <c r="LEM152" s="31"/>
      <c r="LEN152" s="31"/>
      <c r="LEO152" s="31"/>
      <c r="LEP152" s="31"/>
      <c r="LEQ152" s="31"/>
      <c r="LER152" s="31"/>
      <c r="LES152" s="31"/>
      <c r="LET152" s="31"/>
      <c r="LEU152" s="31"/>
      <c r="LEV152" s="31"/>
      <c r="LEW152" s="31"/>
      <c r="LEX152" s="31"/>
      <c r="LEY152" s="31"/>
      <c r="LEZ152" s="31"/>
      <c r="LFA152" s="31"/>
      <c r="LFB152" s="31"/>
      <c r="LFC152" s="31"/>
      <c r="LFD152" s="31"/>
      <c r="LFE152" s="31"/>
      <c r="LFF152" s="31"/>
      <c r="LFG152" s="31"/>
      <c r="LFH152" s="31"/>
      <c r="LFI152" s="31"/>
      <c r="LFJ152" s="31"/>
      <c r="LFK152" s="31"/>
      <c r="LFL152" s="31"/>
      <c r="LFM152" s="31"/>
      <c r="LFN152" s="31"/>
      <c r="LFO152" s="31"/>
      <c r="LFP152" s="31"/>
      <c r="LFQ152" s="31"/>
      <c r="LFR152" s="31"/>
      <c r="LFS152" s="31"/>
      <c r="LFT152" s="31"/>
      <c r="LFU152" s="31"/>
      <c r="LFV152" s="31"/>
      <c r="LFW152" s="31"/>
      <c r="LFX152" s="31"/>
      <c r="LFY152" s="31"/>
      <c r="LFZ152" s="31"/>
      <c r="LGA152" s="31"/>
      <c r="LGB152" s="31"/>
      <c r="LGC152" s="31"/>
      <c r="LGD152" s="31"/>
      <c r="LGE152" s="31"/>
      <c r="LGF152" s="31"/>
      <c r="LGG152" s="31"/>
      <c r="LGH152" s="31"/>
      <c r="LGI152" s="31"/>
      <c r="LGJ152" s="31"/>
      <c r="LGK152" s="31"/>
      <c r="LGL152" s="31"/>
      <c r="LGM152" s="31"/>
      <c r="LGN152" s="31"/>
      <c r="LGO152" s="31"/>
      <c r="LGP152" s="31"/>
      <c r="LGQ152" s="31"/>
      <c r="LGR152" s="31"/>
      <c r="LGS152" s="31"/>
      <c r="LGT152" s="31"/>
      <c r="LGU152" s="31"/>
      <c r="LGV152" s="31"/>
      <c r="LGW152" s="31"/>
      <c r="LGX152" s="31"/>
      <c r="LGY152" s="31"/>
      <c r="LGZ152" s="31"/>
      <c r="LHA152" s="31"/>
      <c r="LHB152" s="31"/>
      <c r="LHC152" s="31"/>
      <c r="LHD152" s="31"/>
      <c r="LHE152" s="31"/>
      <c r="LHF152" s="31"/>
      <c r="LHG152" s="31"/>
      <c r="LHH152" s="31"/>
      <c r="LHI152" s="31"/>
      <c r="LHJ152" s="31"/>
      <c r="LHK152" s="31"/>
      <c r="LHL152" s="31"/>
      <c r="LHM152" s="31"/>
      <c r="LHN152" s="31"/>
      <c r="LHO152" s="31"/>
      <c r="LHP152" s="31"/>
      <c r="LHQ152" s="31"/>
      <c r="LHR152" s="31"/>
      <c r="LHS152" s="31"/>
      <c r="LHT152" s="31"/>
      <c r="LHU152" s="31"/>
      <c r="LHV152" s="31"/>
      <c r="LHW152" s="31"/>
      <c r="LHX152" s="31"/>
      <c r="LHY152" s="31"/>
      <c r="LHZ152" s="31"/>
      <c r="LIA152" s="31"/>
      <c r="LIB152" s="31"/>
      <c r="LIC152" s="31"/>
      <c r="LID152" s="31"/>
      <c r="LIE152" s="31"/>
      <c r="LIF152" s="31"/>
      <c r="LIG152" s="31"/>
      <c r="LIH152" s="31"/>
      <c r="LII152" s="31"/>
      <c r="LIJ152" s="31"/>
      <c r="LIK152" s="31"/>
      <c r="LIL152" s="31"/>
      <c r="LIM152" s="31"/>
      <c r="LIN152" s="31"/>
      <c r="LIO152" s="31"/>
      <c r="LIP152" s="31"/>
      <c r="LIQ152" s="31"/>
      <c r="LIR152" s="31"/>
      <c r="LIS152" s="31"/>
      <c r="LIT152" s="31"/>
      <c r="LIU152" s="31"/>
      <c r="LIV152" s="31"/>
      <c r="LIW152" s="31"/>
      <c r="LIX152" s="31"/>
      <c r="LIY152" s="31"/>
      <c r="LIZ152" s="31"/>
      <c r="LJA152" s="31"/>
      <c r="LJB152" s="31"/>
      <c r="LJC152" s="31"/>
      <c r="LJD152" s="31"/>
      <c r="LJE152" s="31"/>
      <c r="LJF152" s="31"/>
      <c r="LJG152" s="31"/>
      <c r="LJH152" s="31"/>
      <c r="LJI152" s="31"/>
      <c r="LJJ152" s="31"/>
      <c r="LJK152" s="31"/>
      <c r="LJL152" s="31"/>
      <c r="LJM152" s="31"/>
      <c r="LJN152" s="31"/>
      <c r="LJO152" s="31"/>
      <c r="LJP152" s="31"/>
      <c r="LJQ152" s="31"/>
      <c r="LJR152" s="31"/>
      <c r="LJS152" s="31"/>
      <c r="LJT152" s="31"/>
      <c r="LJU152" s="31"/>
      <c r="LJV152" s="31"/>
      <c r="LJW152" s="31"/>
      <c r="LJX152" s="31"/>
      <c r="LJY152" s="31"/>
      <c r="LJZ152" s="31"/>
      <c r="LKA152" s="31"/>
      <c r="LKB152" s="31"/>
      <c r="LKC152" s="31"/>
      <c r="LKD152" s="31"/>
      <c r="LKE152" s="31"/>
      <c r="LKF152" s="31"/>
      <c r="LKG152" s="31"/>
      <c r="LKH152" s="31"/>
      <c r="LKI152" s="31"/>
      <c r="LKJ152" s="31"/>
      <c r="LKK152" s="31"/>
      <c r="LKL152" s="31"/>
      <c r="LKM152" s="31"/>
      <c r="LKN152" s="31"/>
      <c r="LKO152" s="31"/>
      <c r="LKP152" s="31"/>
      <c r="LKQ152" s="31"/>
      <c r="LKR152" s="31"/>
      <c r="LKS152" s="31"/>
      <c r="LKT152" s="31"/>
      <c r="LKU152" s="31"/>
      <c r="LKV152" s="31"/>
      <c r="LKW152" s="31"/>
      <c r="LKX152" s="31"/>
      <c r="LKY152" s="31"/>
      <c r="LKZ152" s="31"/>
      <c r="LLA152" s="31"/>
      <c r="LLB152" s="31"/>
      <c r="LLC152" s="31"/>
      <c r="LLD152" s="31"/>
      <c r="LLE152" s="31"/>
      <c r="LLF152" s="31"/>
      <c r="LLG152" s="31"/>
      <c r="LLH152" s="31"/>
      <c r="LLI152" s="31"/>
      <c r="LLJ152" s="31"/>
      <c r="LLK152" s="31"/>
      <c r="LLL152" s="31"/>
      <c r="LLM152" s="31"/>
      <c r="LLN152" s="31"/>
      <c r="LLO152" s="31"/>
      <c r="LLP152" s="31"/>
      <c r="LLQ152" s="31"/>
      <c r="LLR152" s="31"/>
      <c r="LLS152" s="31"/>
      <c r="LLT152" s="31"/>
      <c r="LLU152" s="31"/>
      <c r="LLV152" s="31"/>
      <c r="LLW152" s="31"/>
      <c r="LLX152" s="31"/>
      <c r="LLY152" s="31"/>
      <c r="LLZ152" s="31"/>
      <c r="LMA152" s="31"/>
      <c r="LMB152" s="31"/>
      <c r="LMC152" s="31"/>
      <c r="LMD152" s="31"/>
      <c r="LME152" s="31"/>
      <c r="LMF152" s="31"/>
      <c r="LMG152" s="31"/>
      <c r="LMH152" s="31"/>
      <c r="LMI152" s="31"/>
      <c r="LMJ152" s="31"/>
      <c r="LMK152" s="31"/>
      <c r="LML152" s="31"/>
      <c r="LMM152" s="31"/>
      <c r="LMN152" s="31"/>
      <c r="LMO152" s="31"/>
      <c r="LMP152" s="31"/>
      <c r="LMQ152" s="31"/>
      <c r="LMR152" s="31"/>
      <c r="LMS152" s="31"/>
      <c r="LMT152" s="31"/>
      <c r="LMU152" s="31"/>
      <c r="LMV152" s="31"/>
      <c r="LMW152" s="31"/>
      <c r="LMX152" s="31"/>
      <c r="LMY152" s="31"/>
      <c r="LMZ152" s="31"/>
      <c r="LNA152" s="31"/>
      <c r="LNB152" s="31"/>
      <c r="LNC152" s="31"/>
      <c r="LND152" s="31"/>
      <c r="LNE152" s="31"/>
      <c r="LNF152" s="31"/>
      <c r="LNG152" s="31"/>
      <c r="LNH152" s="31"/>
      <c r="LNI152" s="31"/>
      <c r="LNJ152" s="31"/>
      <c r="LNK152" s="31"/>
      <c r="LNL152" s="31"/>
      <c r="LNM152" s="31"/>
      <c r="LNN152" s="31"/>
      <c r="LNO152" s="31"/>
      <c r="LNP152" s="31"/>
      <c r="LNQ152" s="31"/>
      <c r="LNR152" s="31"/>
      <c r="LNS152" s="31"/>
      <c r="LNT152" s="31"/>
      <c r="LNU152" s="31"/>
      <c r="LNV152" s="31"/>
      <c r="LNW152" s="31"/>
      <c r="LNX152" s="31"/>
      <c r="LNY152" s="31"/>
      <c r="LNZ152" s="31"/>
      <c r="LOA152" s="31"/>
      <c r="LOB152" s="31"/>
      <c r="LOC152" s="31"/>
      <c r="LOD152" s="31"/>
      <c r="LOE152" s="31"/>
      <c r="LOF152" s="31"/>
      <c r="LOG152" s="31"/>
      <c r="LOH152" s="31"/>
      <c r="LOI152" s="31"/>
      <c r="LOJ152" s="31"/>
      <c r="LOK152" s="31"/>
      <c r="LOL152" s="31"/>
      <c r="LOM152" s="31"/>
      <c r="LON152" s="31"/>
      <c r="LOO152" s="31"/>
      <c r="LOP152" s="31"/>
      <c r="LOQ152" s="31"/>
      <c r="LOR152" s="31"/>
      <c r="LOS152" s="31"/>
      <c r="LOT152" s="31"/>
      <c r="LOU152" s="31"/>
      <c r="LOV152" s="31"/>
      <c r="LOW152" s="31"/>
      <c r="LOX152" s="31"/>
      <c r="LOY152" s="31"/>
      <c r="LOZ152" s="31"/>
      <c r="LPA152" s="31"/>
      <c r="LPB152" s="31"/>
      <c r="LPC152" s="31"/>
      <c r="LPD152" s="31"/>
      <c r="LPE152" s="31"/>
      <c r="LPF152" s="31"/>
      <c r="LPG152" s="31"/>
      <c r="LPH152" s="31"/>
      <c r="LPI152" s="31"/>
      <c r="LPJ152" s="31"/>
      <c r="LPK152" s="31"/>
      <c r="LPL152" s="31"/>
      <c r="LPM152" s="31"/>
      <c r="LPN152" s="31"/>
      <c r="LPO152" s="31"/>
      <c r="LPP152" s="31"/>
      <c r="LPQ152" s="31"/>
      <c r="LPR152" s="31"/>
      <c r="LPS152" s="31"/>
      <c r="LPT152" s="31"/>
      <c r="LPU152" s="31"/>
      <c r="LPV152" s="31"/>
      <c r="LPW152" s="31"/>
      <c r="LPX152" s="31"/>
      <c r="LPY152" s="31"/>
      <c r="LPZ152" s="31"/>
      <c r="LQA152" s="31"/>
      <c r="LQB152" s="31"/>
      <c r="LQC152" s="31"/>
      <c r="LQD152" s="31"/>
      <c r="LQE152" s="31"/>
      <c r="LQF152" s="31"/>
      <c r="LQG152" s="31"/>
      <c r="LQH152" s="31"/>
      <c r="LQI152" s="31"/>
      <c r="LQJ152" s="31"/>
      <c r="LQK152" s="31"/>
      <c r="LQL152" s="31"/>
      <c r="LQM152" s="31"/>
      <c r="LQN152" s="31"/>
      <c r="LQO152" s="31"/>
      <c r="LQP152" s="31"/>
      <c r="LQQ152" s="31"/>
      <c r="LQR152" s="31"/>
      <c r="LQS152" s="31"/>
      <c r="LQT152" s="31"/>
      <c r="LQU152" s="31"/>
      <c r="LQV152" s="31"/>
      <c r="LQW152" s="31"/>
      <c r="LQX152" s="31"/>
      <c r="LQY152" s="31"/>
      <c r="LQZ152" s="31"/>
      <c r="LRA152" s="31"/>
      <c r="LRB152" s="31"/>
      <c r="LRC152" s="31"/>
      <c r="LRD152" s="31"/>
      <c r="LRE152" s="31"/>
      <c r="LRF152" s="31"/>
      <c r="LRG152" s="31"/>
      <c r="LRH152" s="31"/>
      <c r="LRI152" s="31"/>
      <c r="LRJ152" s="31"/>
      <c r="LRK152" s="31"/>
      <c r="LRL152" s="31"/>
      <c r="LRM152" s="31"/>
      <c r="LRN152" s="31"/>
      <c r="LRO152" s="31"/>
      <c r="LRP152" s="31"/>
      <c r="LRQ152" s="31"/>
      <c r="LRR152" s="31"/>
      <c r="LRS152" s="31"/>
      <c r="LRT152" s="31"/>
      <c r="LRU152" s="31"/>
      <c r="LRV152" s="31"/>
      <c r="LRW152" s="31"/>
      <c r="LRX152" s="31"/>
      <c r="LRY152" s="31"/>
      <c r="LRZ152" s="31"/>
      <c r="LSA152" s="31"/>
      <c r="LSB152" s="31"/>
      <c r="LSC152" s="31"/>
      <c r="LSD152" s="31"/>
      <c r="LSE152" s="31"/>
      <c r="LSF152" s="31"/>
      <c r="LSG152" s="31"/>
      <c r="LSH152" s="31"/>
      <c r="LSI152" s="31"/>
      <c r="LSJ152" s="31"/>
      <c r="LSK152" s="31"/>
      <c r="LSL152" s="31"/>
      <c r="LSM152" s="31"/>
      <c r="LSN152" s="31"/>
      <c r="LSO152" s="31"/>
      <c r="LSP152" s="31"/>
      <c r="LSQ152" s="31"/>
      <c r="LSR152" s="31"/>
      <c r="LSS152" s="31"/>
      <c r="LST152" s="31"/>
      <c r="LSU152" s="31"/>
      <c r="LSV152" s="31"/>
      <c r="LSW152" s="31"/>
      <c r="LSX152" s="31"/>
      <c r="LSY152" s="31"/>
      <c r="LSZ152" s="31"/>
      <c r="LTA152" s="31"/>
      <c r="LTB152" s="31"/>
      <c r="LTC152" s="31"/>
      <c r="LTD152" s="31"/>
      <c r="LTE152" s="31"/>
      <c r="LTF152" s="31"/>
      <c r="LTG152" s="31"/>
      <c r="LTH152" s="31"/>
      <c r="LTI152" s="31"/>
      <c r="LTJ152" s="31"/>
      <c r="LTK152" s="31"/>
      <c r="LTL152" s="31"/>
      <c r="LTM152" s="31"/>
      <c r="LTN152" s="31"/>
      <c r="LTO152" s="31"/>
      <c r="LTP152" s="31"/>
      <c r="LTQ152" s="31"/>
      <c r="LTR152" s="31"/>
      <c r="LTS152" s="31"/>
      <c r="LTT152" s="31"/>
      <c r="LTU152" s="31"/>
      <c r="LTV152" s="31"/>
      <c r="LTW152" s="31"/>
      <c r="LTX152" s="31"/>
      <c r="LTY152" s="31"/>
      <c r="LTZ152" s="31"/>
      <c r="LUA152" s="31"/>
      <c r="LUB152" s="31"/>
      <c r="LUC152" s="31"/>
      <c r="LUD152" s="31"/>
      <c r="LUE152" s="31"/>
      <c r="LUF152" s="31"/>
      <c r="LUG152" s="31"/>
      <c r="LUH152" s="31"/>
      <c r="LUI152" s="31"/>
      <c r="LUJ152" s="31"/>
      <c r="LUK152" s="31"/>
      <c r="LUL152" s="31"/>
      <c r="LUM152" s="31"/>
      <c r="LUN152" s="31"/>
      <c r="LUO152" s="31"/>
      <c r="LUP152" s="31"/>
      <c r="LUQ152" s="31"/>
      <c r="LUR152" s="31"/>
      <c r="LUS152" s="31"/>
      <c r="LUT152" s="31"/>
      <c r="LUU152" s="31"/>
      <c r="LUV152" s="31"/>
      <c r="LUW152" s="31"/>
      <c r="LUX152" s="31"/>
      <c r="LUY152" s="31"/>
      <c r="LUZ152" s="31"/>
      <c r="LVA152" s="31"/>
      <c r="LVB152" s="31"/>
      <c r="LVC152" s="31"/>
      <c r="LVD152" s="31"/>
      <c r="LVE152" s="31"/>
      <c r="LVF152" s="31"/>
      <c r="LVG152" s="31"/>
      <c r="LVH152" s="31"/>
      <c r="LVI152" s="31"/>
      <c r="LVJ152" s="31"/>
      <c r="LVK152" s="31"/>
      <c r="LVL152" s="31"/>
      <c r="LVM152" s="31"/>
      <c r="LVN152" s="31"/>
      <c r="LVO152" s="31"/>
      <c r="LVP152" s="31"/>
      <c r="LVQ152" s="31"/>
      <c r="LVR152" s="31"/>
      <c r="LVS152" s="31"/>
      <c r="LVT152" s="31"/>
      <c r="LVU152" s="31"/>
      <c r="LVV152" s="31"/>
      <c r="LVW152" s="31"/>
      <c r="LVX152" s="31"/>
      <c r="LVY152" s="31"/>
      <c r="LVZ152" s="31"/>
      <c r="LWA152" s="31"/>
      <c r="LWB152" s="31"/>
      <c r="LWC152" s="31"/>
      <c r="LWD152" s="31"/>
      <c r="LWE152" s="31"/>
      <c r="LWF152" s="31"/>
      <c r="LWG152" s="31"/>
      <c r="LWH152" s="31"/>
      <c r="LWI152" s="31"/>
      <c r="LWJ152" s="31"/>
      <c r="LWK152" s="31"/>
      <c r="LWL152" s="31"/>
      <c r="LWM152" s="31"/>
      <c r="LWN152" s="31"/>
      <c r="LWO152" s="31"/>
      <c r="LWP152" s="31"/>
      <c r="LWQ152" s="31"/>
      <c r="LWR152" s="31"/>
      <c r="LWS152" s="31"/>
      <c r="LWT152" s="31"/>
      <c r="LWU152" s="31"/>
      <c r="LWV152" s="31"/>
      <c r="LWW152" s="31"/>
      <c r="LWX152" s="31"/>
      <c r="LWY152" s="31"/>
      <c r="LWZ152" s="31"/>
      <c r="LXA152" s="31"/>
      <c r="LXB152" s="31"/>
      <c r="LXC152" s="31"/>
      <c r="LXD152" s="31"/>
      <c r="LXE152" s="31"/>
      <c r="LXF152" s="31"/>
      <c r="LXG152" s="31"/>
      <c r="LXH152" s="31"/>
      <c r="LXI152" s="31"/>
      <c r="LXJ152" s="31"/>
      <c r="LXK152" s="31"/>
      <c r="LXL152" s="31"/>
      <c r="LXM152" s="31"/>
      <c r="LXN152" s="31"/>
      <c r="LXO152" s="31"/>
      <c r="LXP152" s="31"/>
      <c r="LXQ152" s="31"/>
      <c r="LXR152" s="31"/>
      <c r="LXS152" s="31"/>
      <c r="LXT152" s="31"/>
      <c r="LXU152" s="31"/>
      <c r="LXV152" s="31"/>
      <c r="LXW152" s="31"/>
      <c r="LXX152" s="31"/>
      <c r="LXY152" s="31"/>
      <c r="LXZ152" s="31"/>
      <c r="LYA152" s="31"/>
      <c r="LYB152" s="31"/>
      <c r="LYC152" s="31"/>
      <c r="LYD152" s="31"/>
      <c r="LYE152" s="31"/>
      <c r="LYF152" s="31"/>
      <c r="LYG152" s="31"/>
      <c r="LYH152" s="31"/>
      <c r="LYI152" s="31"/>
      <c r="LYJ152" s="31"/>
      <c r="LYK152" s="31"/>
      <c r="LYL152" s="31"/>
      <c r="LYM152" s="31"/>
      <c r="LYN152" s="31"/>
      <c r="LYO152" s="31"/>
      <c r="LYP152" s="31"/>
      <c r="LYQ152" s="31"/>
      <c r="LYR152" s="31"/>
      <c r="LYS152" s="31"/>
      <c r="LYT152" s="31"/>
      <c r="LYU152" s="31"/>
      <c r="LYV152" s="31"/>
      <c r="LYW152" s="31"/>
      <c r="LYX152" s="31"/>
      <c r="LYY152" s="31"/>
      <c r="LYZ152" s="31"/>
      <c r="LZA152" s="31"/>
      <c r="LZB152" s="31"/>
      <c r="LZC152" s="31"/>
      <c r="LZD152" s="31"/>
      <c r="LZE152" s="31"/>
      <c r="LZF152" s="31"/>
      <c r="LZG152" s="31"/>
      <c r="LZH152" s="31"/>
      <c r="LZI152" s="31"/>
      <c r="LZJ152" s="31"/>
      <c r="LZK152" s="31"/>
      <c r="LZL152" s="31"/>
      <c r="LZM152" s="31"/>
      <c r="LZN152" s="31"/>
      <c r="LZO152" s="31"/>
      <c r="LZP152" s="31"/>
      <c r="LZQ152" s="31"/>
      <c r="LZR152" s="31"/>
      <c r="LZS152" s="31"/>
      <c r="LZT152" s="31"/>
      <c r="LZU152" s="31"/>
      <c r="LZV152" s="31"/>
      <c r="LZW152" s="31"/>
      <c r="LZX152" s="31"/>
      <c r="LZY152" s="31"/>
      <c r="LZZ152" s="31"/>
      <c r="MAA152" s="31"/>
      <c r="MAB152" s="31"/>
      <c r="MAC152" s="31"/>
      <c r="MAD152" s="31"/>
      <c r="MAE152" s="31"/>
      <c r="MAF152" s="31"/>
      <c r="MAG152" s="31"/>
      <c r="MAH152" s="31"/>
      <c r="MAI152" s="31"/>
      <c r="MAJ152" s="31"/>
      <c r="MAK152" s="31"/>
      <c r="MAL152" s="31"/>
      <c r="MAM152" s="31"/>
      <c r="MAN152" s="31"/>
      <c r="MAO152" s="31"/>
      <c r="MAP152" s="31"/>
      <c r="MAQ152" s="31"/>
      <c r="MAR152" s="31"/>
      <c r="MAS152" s="31"/>
      <c r="MAT152" s="31"/>
      <c r="MAU152" s="31"/>
      <c r="MAV152" s="31"/>
      <c r="MAW152" s="31"/>
      <c r="MAX152" s="31"/>
      <c r="MAY152" s="31"/>
      <c r="MAZ152" s="31"/>
      <c r="MBA152" s="31"/>
      <c r="MBB152" s="31"/>
      <c r="MBC152" s="31"/>
      <c r="MBD152" s="31"/>
      <c r="MBE152" s="31"/>
      <c r="MBF152" s="31"/>
      <c r="MBG152" s="31"/>
      <c r="MBH152" s="31"/>
      <c r="MBI152" s="31"/>
      <c r="MBJ152" s="31"/>
      <c r="MBK152" s="31"/>
      <c r="MBL152" s="31"/>
      <c r="MBM152" s="31"/>
      <c r="MBN152" s="31"/>
      <c r="MBO152" s="31"/>
      <c r="MBP152" s="31"/>
      <c r="MBQ152" s="31"/>
      <c r="MBR152" s="31"/>
      <c r="MBS152" s="31"/>
      <c r="MBT152" s="31"/>
      <c r="MBU152" s="31"/>
      <c r="MBV152" s="31"/>
      <c r="MBW152" s="31"/>
      <c r="MBX152" s="31"/>
      <c r="MBY152" s="31"/>
      <c r="MBZ152" s="31"/>
      <c r="MCA152" s="31"/>
      <c r="MCB152" s="31"/>
      <c r="MCC152" s="31"/>
      <c r="MCD152" s="31"/>
      <c r="MCE152" s="31"/>
      <c r="MCF152" s="31"/>
      <c r="MCG152" s="31"/>
      <c r="MCH152" s="31"/>
      <c r="MCI152" s="31"/>
      <c r="MCJ152" s="31"/>
      <c r="MCK152" s="31"/>
      <c r="MCL152" s="31"/>
      <c r="MCM152" s="31"/>
      <c r="MCN152" s="31"/>
      <c r="MCO152" s="31"/>
      <c r="MCP152" s="31"/>
      <c r="MCQ152" s="31"/>
      <c r="MCR152" s="31"/>
      <c r="MCS152" s="31"/>
      <c r="MCT152" s="31"/>
      <c r="MCU152" s="31"/>
      <c r="MCV152" s="31"/>
      <c r="MCW152" s="31"/>
      <c r="MCX152" s="31"/>
      <c r="MCY152" s="31"/>
      <c r="MCZ152" s="31"/>
      <c r="MDA152" s="31"/>
      <c r="MDB152" s="31"/>
      <c r="MDC152" s="31"/>
      <c r="MDD152" s="31"/>
      <c r="MDE152" s="31"/>
      <c r="MDF152" s="31"/>
      <c r="MDG152" s="31"/>
      <c r="MDH152" s="31"/>
      <c r="MDI152" s="31"/>
      <c r="MDJ152" s="31"/>
      <c r="MDK152" s="31"/>
      <c r="MDL152" s="31"/>
      <c r="MDM152" s="31"/>
      <c r="MDN152" s="31"/>
      <c r="MDO152" s="31"/>
      <c r="MDP152" s="31"/>
      <c r="MDQ152" s="31"/>
      <c r="MDR152" s="31"/>
      <c r="MDS152" s="31"/>
      <c r="MDT152" s="31"/>
      <c r="MDU152" s="31"/>
      <c r="MDV152" s="31"/>
      <c r="MDW152" s="31"/>
      <c r="MDX152" s="31"/>
      <c r="MDY152" s="31"/>
      <c r="MDZ152" s="31"/>
      <c r="MEA152" s="31"/>
      <c r="MEB152" s="31"/>
      <c r="MEC152" s="31"/>
      <c r="MED152" s="31"/>
      <c r="MEE152" s="31"/>
      <c r="MEF152" s="31"/>
      <c r="MEG152" s="31"/>
      <c r="MEH152" s="31"/>
      <c r="MEI152" s="31"/>
      <c r="MEJ152" s="31"/>
      <c r="MEK152" s="31"/>
      <c r="MEL152" s="31"/>
      <c r="MEM152" s="31"/>
      <c r="MEN152" s="31"/>
      <c r="MEO152" s="31"/>
      <c r="MEP152" s="31"/>
      <c r="MEQ152" s="31"/>
      <c r="MER152" s="31"/>
      <c r="MES152" s="31"/>
      <c r="MET152" s="31"/>
      <c r="MEU152" s="31"/>
      <c r="MEV152" s="31"/>
      <c r="MEW152" s="31"/>
      <c r="MEX152" s="31"/>
      <c r="MEY152" s="31"/>
      <c r="MEZ152" s="31"/>
      <c r="MFA152" s="31"/>
      <c r="MFB152" s="31"/>
      <c r="MFC152" s="31"/>
      <c r="MFD152" s="31"/>
      <c r="MFE152" s="31"/>
      <c r="MFF152" s="31"/>
      <c r="MFG152" s="31"/>
      <c r="MFH152" s="31"/>
      <c r="MFI152" s="31"/>
      <c r="MFJ152" s="31"/>
      <c r="MFK152" s="31"/>
      <c r="MFL152" s="31"/>
      <c r="MFM152" s="31"/>
      <c r="MFN152" s="31"/>
      <c r="MFO152" s="31"/>
      <c r="MFP152" s="31"/>
      <c r="MFQ152" s="31"/>
      <c r="MFR152" s="31"/>
      <c r="MFS152" s="31"/>
      <c r="MFT152" s="31"/>
      <c r="MFU152" s="31"/>
      <c r="MFV152" s="31"/>
      <c r="MFW152" s="31"/>
      <c r="MFX152" s="31"/>
      <c r="MFY152" s="31"/>
      <c r="MFZ152" s="31"/>
      <c r="MGA152" s="31"/>
      <c r="MGB152" s="31"/>
      <c r="MGC152" s="31"/>
      <c r="MGD152" s="31"/>
      <c r="MGE152" s="31"/>
      <c r="MGF152" s="31"/>
      <c r="MGG152" s="31"/>
      <c r="MGH152" s="31"/>
      <c r="MGI152" s="31"/>
      <c r="MGJ152" s="31"/>
      <c r="MGK152" s="31"/>
      <c r="MGL152" s="31"/>
      <c r="MGM152" s="31"/>
      <c r="MGN152" s="31"/>
      <c r="MGO152" s="31"/>
      <c r="MGP152" s="31"/>
      <c r="MGQ152" s="31"/>
      <c r="MGR152" s="31"/>
      <c r="MGS152" s="31"/>
      <c r="MGT152" s="31"/>
      <c r="MGU152" s="31"/>
      <c r="MGV152" s="31"/>
      <c r="MGW152" s="31"/>
      <c r="MGX152" s="31"/>
      <c r="MGY152" s="31"/>
      <c r="MGZ152" s="31"/>
      <c r="MHA152" s="31"/>
      <c r="MHB152" s="31"/>
      <c r="MHC152" s="31"/>
      <c r="MHD152" s="31"/>
      <c r="MHE152" s="31"/>
      <c r="MHF152" s="31"/>
      <c r="MHG152" s="31"/>
      <c r="MHH152" s="31"/>
      <c r="MHI152" s="31"/>
      <c r="MHJ152" s="31"/>
      <c r="MHK152" s="31"/>
      <c r="MHL152" s="31"/>
      <c r="MHM152" s="31"/>
      <c r="MHN152" s="31"/>
      <c r="MHO152" s="31"/>
      <c r="MHP152" s="31"/>
      <c r="MHQ152" s="31"/>
      <c r="MHR152" s="31"/>
      <c r="MHS152" s="31"/>
      <c r="MHT152" s="31"/>
      <c r="MHU152" s="31"/>
      <c r="MHV152" s="31"/>
      <c r="MHW152" s="31"/>
      <c r="MHX152" s="31"/>
      <c r="MHY152" s="31"/>
      <c r="MHZ152" s="31"/>
      <c r="MIA152" s="31"/>
      <c r="MIB152" s="31"/>
      <c r="MIC152" s="31"/>
      <c r="MID152" s="31"/>
      <c r="MIE152" s="31"/>
      <c r="MIF152" s="31"/>
      <c r="MIG152" s="31"/>
      <c r="MIH152" s="31"/>
      <c r="MII152" s="31"/>
      <c r="MIJ152" s="31"/>
      <c r="MIK152" s="31"/>
      <c r="MIL152" s="31"/>
      <c r="MIM152" s="31"/>
      <c r="MIN152" s="31"/>
      <c r="MIO152" s="31"/>
      <c r="MIP152" s="31"/>
      <c r="MIQ152" s="31"/>
      <c r="MIR152" s="31"/>
      <c r="MIS152" s="31"/>
      <c r="MIT152" s="31"/>
      <c r="MIU152" s="31"/>
      <c r="MIV152" s="31"/>
      <c r="MIW152" s="31"/>
      <c r="MIX152" s="31"/>
      <c r="MIY152" s="31"/>
      <c r="MIZ152" s="31"/>
      <c r="MJA152" s="31"/>
      <c r="MJB152" s="31"/>
      <c r="MJC152" s="31"/>
      <c r="MJD152" s="31"/>
      <c r="MJE152" s="31"/>
      <c r="MJF152" s="31"/>
      <c r="MJG152" s="31"/>
      <c r="MJH152" s="31"/>
      <c r="MJI152" s="31"/>
      <c r="MJJ152" s="31"/>
      <c r="MJK152" s="31"/>
      <c r="MJL152" s="31"/>
      <c r="MJM152" s="31"/>
      <c r="MJN152" s="31"/>
      <c r="MJO152" s="31"/>
      <c r="MJP152" s="31"/>
      <c r="MJQ152" s="31"/>
      <c r="MJR152" s="31"/>
      <c r="MJS152" s="31"/>
      <c r="MJT152" s="31"/>
      <c r="MJU152" s="31"/>
      <c r="MJV152" s="31"/>
      <c r="MJW152" s="31"/>
      <c r="MJX152" s="31"/>
      <c r="MJY152" s="31"/>
      <c r="MJZ152" s="31"/>
      <c r="MKA152" s="31"/>
      <c r="MKB152" s="31"/>
      <c r="MKC152" s="31"/>
      <c r="MKD152" s="31"/>
      <c r="MKE152" s="31"/>
      <c r="MKF152" s="31"/>
      <c r="MKG152" s="31"/>
      <c r="MKH152" s="31"/>
      <c r="MKI152" s="31"/>
      <c r="MKJ152" s="31"/>
      <c r="MKK152" s="31"/>
      <c r="MKL152" s="31"/>
      <c r="MKM152" s="31"/>
      <c r="MKN152" s="31"/>
      <c r="MKO152" s="31"/>
      <c r="MKP152" s="31"/>
      <c r="MKQ152" s="31"/>
      <c r="MKR152" s="31"/>
      <c r="MKS152" s="31"/>
      <c r="MKT152" s="31"/>
      <c r="MKU152" s="31"/>
      <c r="MKV152" s="31"/>
      <c r="MKW152" s="31"/>
      <c r="MKX152" s="31"/>
      <c r="MKY152" s="31"/>
      <c r="MKZ152" s="31"/>
      <c r="MLA152" s="31"/>
      <c r="MLB152" s="31"/>
      <c r="MLC152" s="31"/>
      <c r="MLD152" s="31"/>
      <c r="MLE152" s="31"/>
      <c r="MLF152" s="31"/>
      <c r="MLG152" s="31"/>
      <c r="MLH152" s="31"/>
      <c r="MLI152" s="31"/>
      <c r="MLJ152" s="31"/>
      <c r="MLK152" s="31"/>
      <c r="MLL152" s="31"/>
      <c r="MLM152" s="31"/>
      <c r="MLN152" s="31"/>
      <c r="MLO152" s="31"/>
      <c r="MLP152" s="31"/>
      <c r="MLQ152" s="31"/>
      <c r="MLR152" s="31"/>
      <c r="MLS152" s="31"/>
      <c r="MLT152" s="31"/>
      <c r="MLU152" s="31"/>
      <c r="MLV152" s="31"/>
      <c r="MLW152" s="31"/>
      <c r="MLX152" s="31"/>
      <c r="MLY152" s="31"/>
      <c r="MLZ152" s="31"/>
      <c r="MMA152" s="31"/>
      <c r="MMB152" s="31"/>
      <c r="MMC152" s="31"/>
      <c r="MMD152" s="31"/>
      <c r="MME152" s="31"/>
      <c r="MMF152" s="31"/>
      <c r="MMG152" s="31"/>
      <c r="MMH152" s="31"/>
      <c r="MMI152" s="31"/>
      <c r="MMJ152" s="31"/>
      <c r="MMK152" s="31"/>
      <c r="MML152" s="31"/>
      <c r="MMM152" s="31"/>
      <c r="MMN152" s="31"/>
      <c r="MMO152" s="31"/>
      <c r="MMP152" s="31"/>
      <c r="MMQ152" s="31"/>
      <c r="MMR152" s="31"/>
      <c r="MMS152" s="31"/>
      <c r="MMT152" s="31"/>
      <c r="MMU152" s="31"/>
      <c r="MMV152" s="31"/>
      <c r="MMW152" s="31"/>
      <c r="MMX152" s="31"/>
      <c r="MMY152" s="31"/>
      <c r="MMZ152" s="31"/>
      <c r="MNA152" s="31"/>
      <c r="MNB152" s="31"/>
      <c r="MNC152" s="31"/>
      <c r="MND152" s="31"/>
      <c r="MNE152" s="31"/>
      <c r="MNF152" s="31"/>
      <c r="MNG152" s="31"/>
      <c r="MNH152" s="31"/>
      <c r="MNI152" s="31"/>
      <c r="MNJ152" s="31"/>
      <c r="MNK152" s="31"/>
      <c r="MNL152" s="31"/>
      <c r="MNM152" s="31"/>
      <c r="MNN152" s="31"/>
      <c r="MNO152" s="31"/>
      <c r="MNP152" s="31"/>
      <c r="MNQ152" s="31"/>
      <c r="MNR152" s="31"/>
      <c r="MNS152" s="31"/>
      <c r="MNT152" s="31"/>
      <c r="MNU152" s="31"/>
      <c r="MNV152" s="31"/>
      <c r="MNW152" s="31"/>
      <c r="MNX152" s="31"/>
      <c r="MNY152" s="31"/>
      <c r="MNZ152" s="31"/>
      <c r="MOA152" s="31"/>
      <c r="MOB152" s="31"/>
      <c r="MOC152" s="31"/>
      <c r="MOD152" s="31"/>
      <c r="MOE152" s="31"/>
      <c r="MOF152" s="31"/>
      <c r="MOG152" s="31"/>
      <c r="MOH152" s="31"/>
      <c r="MOI152" s="31"/>
      <c r="MOJ152" s="31"/>
      <c r="MOK152" s="31"/>
      <c r="MOL152" s="31"/>
      <c r="MOM152" s="31"/>
      <c r="MON152" s="31"/>
      <c r="MOO152" s="31"/>
      <c r="MOP152" s="31"/>
      <c r="MOQ152" s="31"/>
      <c r="MOR152" s="31"/>
      <c r="MOS152" s="31"/>
      <c r="MOT152" s="31"/>
      <c r="MOU152" s="31"/>
      <c r="MOV152" s="31"/>
      <c r="MOW152" s="31"/>
      <c r="MOX152" s="31"/>
      <c r="MOY152" s="31"/>
      <c r="MOZ152" s="31"/>
      <c r="MPA152" s="31"/>
      <c r="MPB152" s="31"/>
      <c r="MPC152" s="31"/>
      <c r="MPD152" s="31"/>
      <c r="MPE152" s="31"/>
      <c r="MPF152" s="31"/>
      <c r="MPG152" s="31"/>
      <c r="MPH152" s="31"/>
      <c r="MPI152" s="31"/>
      <c r="MPJ152" s="31"/>
      <c r="MPK152" s="31"/>
      <c r="MPL152" s="31"/>
      <c r="MPM152" s="31"/>
      <c r="MPN152" s="31"/>
      <c r="MPO152" s="31"/>
      <c r="MPP152" s="31"/>
      <c r="MPQ152" s="31"/>
      <c r="MPR152" s="31"/>
      <c r="MPS152" s="31"/>
      <c r="MPT152" s="31"/>
      <c r="MPU152" s="31"/>
      <c r="MPV152" s="31"/>
      <c r="MPW152" s="31"/>
      <c r="MPX152" s="31"/>
      <c r="MPY152" s="31"/>
      <c r="MPZ152" s="31"/>
      <c r="MQA152" s="31"/>
      <c r="MQB152" s="31"/>
      <c r="MQC152" s="31"/>
      <c r="MQD152" s="31"/>
      <c r="MQE152" s="31"/>
      <c r="MQF152" s="31"/>
      <c r="MQG152" s="31"/>
      <c r="MQH152" s="31"/>
      <c r="MQI152" s="31"/>
      <c r="MQJ152" s="31"/>
      <c r="MQK152" s="31"/>
      <c r="MQL152" s="31"/>
      <c r="MQM152" s="31"/>
      <c r="MQN152" s="31"/>
      <c r="MQO152" s="31"/>
      <c r="MQP152" s="31"/>
      <c r="MQQ152" s="31"/>
      <c r="MQR152" s="31"/>
      <c r="MQS152" s="31"/>
      <c r="MQT152" s="31"/>
      <c r="MQU152" s="31"/>
      <c r="MQV152" s="31"/>
      <c r="MQW152" s="31"/>
      <c r="MQX152" s="31"/>
      <c r="MQY152" s="31"/>
      <c r="MQZ152" s="31"/>
      <c r="MRA152" s="31"/>
      <c r="MRB152" s="31"/>
      <c r="MRC152" s="31"/>
      <c r="MRD152" s="31"/>
      <c r="MRE152" s="31"/>
      <c r="MRF152" s="31"/>
      <c r="MRG152" s="31"/>
      <c r="MRH152" s="31"/>
      <c r="MRI152" s="31"/>
      <c r="MRJ152" s="31"/>
      <c r="MRK152" s="31"/>
      <c r="MRL152" s="31"/>
      <c r="MRM152" s="31"/>
      <c r="MRN152" s="31"/>
      <c r="MRO152" s="31"/>
      <c r="MRP152" s="31"/>
      <c r="MRQ152" s="31"/>
      <c r="MRR152" s="31"/>
      <c r="MRS152" s="31"/>
      <c r="MRT152" s="31"/>
      <c r="MRU152" s="31"/>
      <c r="MRV152" s="31"/>
      <c r="MRW152" s="31"/>
      <c r="MRX152" s="31"/>
      <c r="MRY152" s="31"/>
      <c r="MRZ152" s="31"/>
      <c r="MSA152" s="31"/>
      <c r="MSB152" s="31"/>
      <c r="MSC152" s="31"/>
      <c r="MSD152" s="31"/>
      <c r="MSE152" s="31"/>
      <c r="MSF152" s="31"/>
      <c r="MSG152" s="31"/>
      <c r="MSH152" s="31"/>
      <c r="MSI152" s="31"/>
      <c r="MSJ152" s="31"/>
      <c r="MSK152" s="31"/>
      <c r="MSL152" s="31"/>
      <c r="MSM152" s="31"/>
      <c r="MSN152" s="31"/>
      <c r="MSO152" s="31"/>
      <c r="MSP152" s="31"/>
      <c r="MSQ152" s="31"/>
      <c r="MSR152" s="31"/>
      <c r="MSS152" s="31"/>
      <c r="MST152" s="31"/>
      <c r="MSU152" s="31"/>
      <c r="MSV152" s="31"/>
      <c r="MSW152" s="31"/>
      <c r="MSX152" s="31"/>
      <c r="MSY152" s="31"/>
      <c r="MSZ152" s="31"/>
      <c r="MTA152" s="31"/>
      <c r="MTB152" s="31"/>
      <c r="MTC152" s="31"/>
      <c r="MTD152" s="31"/>
      <c r="MTE152" s="31"/>
      <c r="MTF152" s="31"/>
      <c r="MTG152" s="31"/>
      <c r="MTH152" s="31"/>
      <c r="MTI152" s="31"/>
      <c r="MTJ152" s="31"/>
      <c r="MTK152" s="31"/>
      <c r="MTL152" s="31"/>
      <c r="MTM152" s="31"/>
      <c r="MTN152" s="31"/>
      <c r="MTO152" s="31"/>
      <c r="MTP152" s="31"/>
      <c r="MTQ152" s="31"/>
      <c r="MTR152" s="31"/>
      <c r="MTS152" s="31"/>
      <c r="MTT152" s="31"/>
      <c r="MTU152" s="31"/>
      <c r="MTV152" s="31"/>
      <c r="MTW152" s="31"/>
      <c r="MTX152" s="31"/>
      <c r="MTY152" s="31"/>
      <c r="MTZ152" s="31"/>
      <c r="MUA152" s="31"/>
      <c r="MUB152" s="31"/>
      <c r="MUC152" s="31"/>
      <c r="MUD152" s="31"/>
      <c r="MUE152" s="31"/>
      <c r="MUF152" s="31"/>
      <c r="MUG152" s="31"/>
      <c r="MUH152" s="31"/>
      <c r="MUI152" s="31"/>
      <c r="MUJ152" s="31"/>
      <c r="MUK152" s="31"/>
      <c r="MUL152" s="31"/>
      <c r="MUM152" s="31"/>
      <c r="MUN152" s="31"/>
      <c r="MUO152" s="31"/>
      <c r="MUP152" s="31"/>
      <c r="MUQ152" s="31"/>
      <c r="MUR152" s="31"/>
      <c r="MUS152" s="31"/>
      <c r="MUT152" s="31"/>
      <c r="MUU152" s="31"/>
      <c r="MUV152" s="31"/>
      <c r="MUW152" s="31"/>
      <c r="MUX152" s="31"/>
      <c r="MUY152" s="31"/>
      <c r="MUZ152" s="31"/>
      <c r="MVA152" s="31"/>
      <c r="MVB152" s="31"/>
      <c r="MVC152" s="31"/>
      <c r="MVD152" s="31"/>
      <c r="MVE152" s="31"/>
      <c r="MVF152" s="31"/>
      <c r="MVG152" s="31"/>
      <c r="MVH152" s="31"/>
      <c r="MVI152" s="31"/>
      <c r="MVJ152" s="31"/>
      <c r="MVK152" s="31"/>
      <c r="MVL152" s="31"/>
      <c r="MVM152" s="31"/>
      <c r="MVN152" s="31"/>
      <c r="MVO152" s="31"/>
      <c r="MVP152" s="31"/>
      <c r="MVQ152" s="31"/>
      <c r="MVR152" s="31"/>
      <c r="MVS152" s="31"/>
      <c r="MVT152" s="31"/>
      <c r="MVU152" s="31"/>
      <c r="MVV152" s="31"/>
      <c r="MVW152" s="31"/>
      <c r="MVX152" s="31"/>
      <c r="MVY152" s="31"/>
      <c r="MVZ152" s="31"/>
      <c r="MWA152" s="31"/>
      <c r="MWB152" s="31"/>
      <c r="MWC152" s="31"/>
      <c r="MWD152" s="31"/>
      <c r="MWE152" s="31"/>
      <c r="MWF152" s="31"/>
      <c r="MWG152" s="31"/>
      <c r="MWH152" s="31"/>
      <c r="MWI152" s="31"/>
      <c r="MWJ152" s="31"/>
      <c r="MWK152" s="31"/>
      <c r="MWL152" s="31"/>
      <c r="MWM152" s="31"/>
      <c r="MWN152" s="31"/>
      <c r="MWO152" s="31"/>
      <c r="MWP152" s="31"/>
      <c r="MWQ152" s="31"/>
      <c r="MWR152" s="31"/>
      <c r="MWS152" s="31"/>
      <c r="MWT152" s="31"/>
      <c r="MWU152" s="31"/>
      <c r="MWV152" s="31"/>
      <c r="MWW152" s="31"/>
      <c r="MWX152" s="31"/>
      <c r="MWY152" s="31"/>
      <c r="MWZ152" s="31"/>
      <c r="MXA152" s="31"/>
      <c r="MXB152" s="31"/>
      <c r="MXC152" s="31"/>
      <c r="MXD152" s="31"/>
      <c r="MXE152" s="31"/>
      <c r="MXF152" s="31"/>
      <c r="MXG152" s="31"/>
      <c r="MXH152" s="31"/>
      <c r="MXI152" s="31"/>
      <c r="MXJ152" s="31"/>
      <c r="MXK152" s="31"/>
      <c r="MXL152" s="31"/>
      <c r="MXM152" s="31"/>
      <c r="MXN152" s="31"/>
      <c r="MXO152" s="31"/>
      <c r="MXP152" s="31"/>
      <c r="MXQ152" s="31"/>
      <c r="MXR152" s="31"/>
      <c r="MXS152" s="31"/>
      <c r="MXT152" s="31"/>
      <c r="MXU152" s="31"/>
      <c r="MXV152" s="31"/>
      <c r="MXW152" s="31"/>
      <c r="MXX152" s="31"/>
      <c r="MXY152" s="31"/>
      <c r="MXZ152" s="31"/>
      <c r="MYA152" s="31"/>
      <c r="MYB152" s="31"/>
      <c r="MYC152" s="31"/>
      <c r="MYD152" s="31"/>
      <c r="MYE152" s="31"/>
      <c r="MYF152" s="31"/>
      <c r="MYG152" s="31"/>
      <c r="MYH152" s="31"/>
      <c r="MYI152" s="31"/>
      <c r="MYJ152" s="31"/>
      <c r="MYK152" s="31"/>
      <c r="MYL152" s="31"/>
      <c r="MYM152" s="31"/>
      <c r="MYN152" s="31"/>
      <c r="MYO152" s="31"/>
      <c r="MYP152" s="31"/>
      <c r="MYQ152" s="31"/>
      <c r="MYR152" s="31"/>
      <c r="MYS152" s="31"/>
      <c r="MYT152" s="31"/>
      <c r="MYU152" s="31"/>
      <c r="MYV152" s="31"/>
      <c r="MYW152" s="31"/>
      <c r="MYX152" s="31"/>
      <c r="MYY152" s="31"/>
      <c r="MYZ152" s="31"/>
      <c r="MZA152" s="31"/>
      <c r="MZB152" s="31"/>
      <c r="MZC152" s="31"/>
      <c r="MZD152" s="31"/>
      <c r="MZE152" s="31"/>
      <c r="MZF152" s="31"/>
      <c r="MZG152" s="31"/>
      <c r="MZH152" s="31"/>
      <c r="MZI152" s="31"/>
      <c r="MZJ152" s="31"/>
      <c r="MZK152" s="31"/>
      <c r="MZL152" s="31"/>
      <c r="MZM152" s="31"/>
      <c r="MZN152" s="31"/>
      <c r="MZO152" s="31"/>
      <c r="MZP152" s="31"/>
      <c r="MZQ152" s="31"/>
      <c r="MZR152" s="31"/>
      <c r="MZS152" s="31"/>
      <c r="MZT152" s="31"/>
      <c r="MZU152" s="31"/>
      <c r="MZV152" s="31"/>
      <c r="MZW152" s="31"/>
      <c r="MZX152" s="31"/>
      <c r="MZY152" s="31"/>
      <c r="MZZ152" s="31"/>
      <c r="NAA152" s="31"/>
      <c r="NAB152" s="31"/>
      <c r="NAC152" s="31"/>
      <c r="NAD152" s="31"/>
      <c r="NAE152" s="31"/>
      <c r="NAF152" s="31"/>
      <c r="NAG152" s="31"/>
      <c r="NAH152" s="31"/>
      <c r="NAI152" s="31"/>
      <c r="NAJ152" s="31"/>
      <c r="NAK152" s="31"/>
      <c r="NAL152" s="31"/>
      <c r="NAM152" s="31"/>
      <c r="NAN152" s="31"/>
      <c r="NAO152" s="31"/>
      <c r="NAP152" s="31"/>
      <c r="NAQ152" s="31"/>
      <c r="NAR152" s="31"/>
      <c r="NAS152" s="31"/>
      <c r="NAT152" s="31"/>
      <c r="NAU152" s="31"/>
      <c r="NAV152" s="31"/>
      <c r="NAW152" s="31"/>
      <c r="NAX152" s="31"/>
      <c r="NAY152" s="31"/>
      <c r="NAZ152" s="31"/>
      <c r="NBA152" s="31"/>
      <c r="NBB152" s="31"/>
      <c r="NBC152" s="31"/>
      <c r="NBD152" s="31"/>
      <c r="NBE152" s="31"/>
      <c r="NBF152" s="31"/>
      <c r="NBG152" s="31"/>
      <c r="NBH152" s="31"/>
      <c r="NBI152" s="31"/>
      <c r="NBJ152" s="31"/>
      <c r="NBK152" s="31"/>
      <c r="NBL152" s="31"/>
      <c r="NBM152" s="31"/>
      <c r="NBN152" s="31"/>
      <c r="NBO152" s="31"/>
      <c r="NBP152" s="31"/>
      <c r="NBQ152" s="31"/>
      <c r="NBR152" s="31"/>
      <c r="NBS152" s="31"/>
      <c r="NBT152" s="31"/>
      <c r="NBU152" s="31"/>
      <c r="NBV152" s="31"/>
      <c r="NBW152" s="31"/>
      <c r="NBX152" s="31"/>
      <c r="NBY152" s="31"/>
      <c r="NBZ152" s="31"/>
      <c r="NCA152" s="31"/>
      <c r="NCB152" s="31"/>
      <c r="NCC152" s="31"/>
      <c r="NCD152" s="31"/>
      <c r="NCE152" s="31"/>
      <c r="NCF152" s="31"/>
      <c r="NCG152" s="31"/>
      <c r="NCH152" s="31"/>
      <c r="NCI152" s="31"/>
      <c r="NCJ152" s="31"/>
      <c r="NCK152" s="31"/>
      <c r="NCL152" s="31"/>
      <c r="NCM152" s="31"/>
      <c r="NCN152" s="31"/>
      <c r="NCO152" s="31"/>
      <c r="NCP152" s="31"/>
      <c r="NCQ152" s="31"/>
      <c r="NCR152" s="31"/>
      <c r="NCS152" s="31"/>
      <c r="NCT152" s="31"/>
      <c r="NCU152" s="31"/>
      <c r="NCV152" s="31"/>
      <c r="NCW152" s="31"/>
      <c r="NCX152" s="31"/>
      <c r="NCY152" s="31"/>
      <c r="NCZ152" s="31"/>
      <c r="NDA152" s="31"/>
      <c r="NDB152" s="31"/>
      <c r="NDC152" s="31"/>
      <c r="NDD152" s="31"/>
      <c r="NDE152" s="31"/>
      <c r="NDF152" s="31"/>
      <c r="NDG152" s="31"/>
      <c r="NDH152" s="31"/>
      <c r="NDI152" s="31"/>
      <c r="NDJ152" s="31"/>
      <c r="NDK152" s="31"/>
      <c r="NDL152" s="31"/>
      <c r="NDM152" s="31"/>
      <c r="NDN152" s="31"/>
      <c r="NDO152" s="31"/>
      <c r="NDP152" s="31"/>
      <c r="NDQ152" s="31"/>
      <c r="NDR152" s="31"/>
      <c r="NDS152" s="31"/>
      <c r="NDT152" s="31"/>
      <c r="NDU152" s="31"/>
      <c r="NDV152" s="31"/>
      <c r="NDW152" s="31"/>
      <c r="NDX152" s="31"/>
      <c r="NDY152" s="31"/>
      <c r="NDZ152" s="31"/>
      <c r="NEA152" s="31"/>
      <c r="NEB152" s="31"/>
      <c r="NEC152" s="31"/>
      <c r="NED152" s="31"/>
      <c r="NEE152" s="31"/>
      <c r="NEF152" s="31"/>
      <c r="NEG152" s="31"/>
      <c r="NEH152" s="31"/>
      <c r="NEI152" s="31"/>
      <c r="NEJ152" s="31"/>
      <c r="NEK152" s="31"/>
      <c r="NEL152" s="31"/>
      <c r="NEM152" s="31"/>
      <c r="NEN152" s="31"/>
      <c r="NEO152" s="31"/>
      <c r="NEP152" s="31"/>
      <c r="NEQ152" s="31"/>
      <c r="NER152" s="31"/>
      <c r="NES152" s="31"/>
      <c r="NET152" s="31"/>
      <c r="NEU152" s="31"/>
      <c r="NEV152" s="31"/>
      <c r="NEW152" s="31"/>
      <c r="NEX152" s="31"/>
      <c r="NEY152" s="31"/>
      <c r="NEZ152" s="31"/>
      <c r="NFA152" s="31"/>
      <c r="NFB152" s="31"/>
      <c r="NFC152" s="31"/>
      <c r="NFD152" s="31"/>
      <c r="NFE152" s="31"/>
      <c r="NFF152" s="31"/>
      <c r="NFG152" s="31"/>
      <c r="NFH152" s="31"/>
      <c r="NFI152" s="31"/>
      <c r="NFJ152" s="31"/>
      <c r="NFK152" s="31"/>
      <c r="NFL152" s="31"/>
      <c r="NFM152" s="31"/>
      <c r="NFN152" s="31"/>
      <c r="NFO152" s="31"/>
      <c r="NFP152" s="31"/>
      <c r="NFQ152" s="31"/>
      <c r="NFR152" s="31"/>
      <c r="NFS152" s="31"/>
      <c r="NFT152" s="31"/>
      <c r="NFU152" s="31"/>
      <c r="NFV152" s="31"/>
      <c r="NFW152" s="31"/>
      <c r="NFX152" s="31"/>
      <c r="NFY152" s="31"/>
      <c r="NFZ152" s="31"/>
      <c r="NGA152" s="31"/>
      <c r="NGB152" s="31"/>
      <c r="NGC152" s="31"/>
      <c r="NGD152" s="31"/>
      <c r="NGE152" s="31"/>
      <c r="NGF152" s="31"/>
      <c r="NGG152" s="31"/>
      <c r="NGH152" s="31"/>
      <c r="NGI152" s="31"/>
      <c r="NGJ152" s="31"/>
      <c r="NGK152" s="31"/>
      <c r="NGL152" s="31"/>
      <c r="NGM152" s="31"/>
      <c r="NGN152" s="31"/>
      <c r="NGO152" s="31"/>
      <c r="NGP152" s="31"/>
      <c r="NGQ152" s="31"/>
      <c r="NGR152" s="31"/>
      <c r="NGS152" s="31"/>
      <c r="NGT152" s="31"/>
      <c r="NGU152" s="31"/>
      <c r="NGV152" s="31"/>
      <c r="NGW152" s="31"/>
      <c r="NGX152" s="31"/>
      <c r="NGY152" s="31"/>
      <c r="NGZ152" s="31"/>
      <c r="NHA152" s="31"/>
      <c r="NHB152" s="31"/>
      <c r="NHC152" s="31"/>
      <c r="NHD152" s="31"/>
      <c r="NHE152" s="31"/>
      <c r="NHF152" s="31"/>
      <c r="NHG152" s="31"/>
      <c r="NHH152" s="31"/>
      <c r="NHI152" s="31"/>
      <c r="NHJ152" s="31"/>
      <c r="NHK152" s="31"/>
      <c r="NHL152" s="31"/>
      <c r="NHM152" s="31"/>
      <c r="NHN152" s="31"/>
      <c r="NHO152" s="31"/>
      <c r="NHP152" s="31"/>
      <c r="NHQ152" s="31"/>
      <c r="NHR152" s="31"/>
      <c r="NHS152" s="31"/>
      <c r="NHT152" s="31"/>
      <c r="NHU152" s="31"/>
      <c r="NHV152" s="31"/>
      <c r="NHW152" s="31"/>
      <c r="NHX152" s="31"/>
      <c r="NHY152" s="31"/>
      <c r="NHZ152" s="31"/>
      <c r="NIA152" s="31"/>
      <c r="NIB152" s="31"/>
      <c r="NIC152" s="31"/>
      <c r="NID152" s="31"/>
      <c r="NIE152" s="31"/>
      <c r="NIF152" s="31"/>
      <c r="NIG152" s="31"/>
      <c r="NIH152" s="31"/>
      <c r="NII152" s="31"/>
      <c r="NIJ152" s="31"/>
      <c r="NIK152" s="31"/>
      <c r="NIL152" s="31"/>
      <c r="NIM152" s="31"/>
      <c r="NIN152" s="31"/>
      <c r="NIO152" s="31"/>
      <c r="NIP152" s="31"/>
      <c r="NIQ152" s="31"/>
      <c r="NIR152" s="31"/>
      <c r="NIS152" s="31"/>
      <c r="NIT152" s="31"/>
      <c r="NIU152" s="31"/>
      <c r="NIV152" s="31"/>
      <c r="NIW152" s="31"/>
      <c r="NIX152" s="31"/>
      <c r="NIY152" s="31"/>
      <c r="NIZ152" s="31"/>
      <c r="NJA152" s="31"/>
      <c r="NJB152" s="31"/>
      <c r="NJC152" s="31"/>
      <c r="NJD152" s="31"/>
      <c r="NJE152" s="31"/>
      <c r="NJF152" s="31"/>
      <c r="NJG152" s="31"/>
      <c r="NJH152" s="31"/>
      <c r="NJI152" s="31"/>
      <c r="NJJ152" s="31"/>
      <c r="NJK152" s="31"/>
      <c r="NJL152" s="31"/>
      <c r="NJM152" s="31"/>
      <c r="NJN152" s="31"/>
      <c r="NJO152" s="31"/>
      <c r="NJP152" s="31"/>
      <c r="NJQ152" s="31"/>
      <c r="NJR152" s="31"/>
      <c r="NJS152" s="31"/>
      <c r="NJT152" s="31"/>
      <c r="NJU152" s="31"/>
      <c r="NJV152" s="31"/>
      <c r="NJW152" s="31"/>
      <c r="NJX152" s="31"/>
      <c r="NJY152" s="31"/>
      <c r="NJZ152" s="31"/>
      <c r="NKA152" s="31"/>
      <c r="NKB152" s="31"/>
      <c r="NKC152" s="31"/>
      <c r="NKD152" s="31"/>
      <c r="NKE152" s="31"/>
      <c r="NKF152" s="31"/>
      <c r="NKG152" s="31"/>
      <c r="NKH152" s="31"/>
      <c r="NKI152" s="31"/>
      <c r="NKJ152" s="31"/>
      <c r="NKK152" s="31"/>
      <c r="NKL152" s="31"/>
      <c r="NKM152" s="31"/>
      <c r="NKN152" s="31"/>
      <c r="NKO152" s="31"/>
      <c r="NKP152" s="31"/>
      <c r="NKQ152" s="31"/>
      <c r="NKR152" s="31"/>
      <c r="NKS152" s="31"/>
      <c r="NKT152" s="31"/>
      <c r="NKU152" s="31"/>
      <c r="NKV152" s="31"/>
      <c r="NKW152" s="31"/>
      <c r="NKX152" s="31"/>
      <c r="NKY152" s="31"/>
      <c r="NKZ152" s="31"/>
      <c r="NLA152" s="31"/>
      <c r="NLB152" s="31"/>
      <c r="NLC152" s="31"/>
      <c r="NLD152" s="31"/>
      <c r="NLE152" s="31"/>
      <c r="NLF152" s="31"/>
      <c r="NLG152" s="31"/>
      <c r="NLH152" s="31"/>
      <c r="NLI152" s="31"/>
      <c r="NLJ152" s="31"/>
      <c r="NLK152" s="31"/>
      <c r="NLL152" s="31"/>
      <c r="NLM152" s="31"/>
      <c r="NLN152" s="31"/>
      <c r="NLO152" s="31"/>
      <c r="NLP152" s="31"/>
      <c r="NLQ152" s="31"/>
      <c r="NLR152" s="31"/>
      <c r="NLS152" s="31"/>
      <c r="NLT152" s="31"/>
      <c r="NLU152" s="31"/>
      <c r="NLV152" s="31"/>
      <c r="NLW152" s="31"/>
      <c r="NLX152" s="31"/>
      <c r="NLY152" s="31"/>
      <c r="NLZ152" s="31"/>
      <c r="NMA152" s="31"/>
      <c r="NMB152" s="31"/>
      <c r="NMC152" s="31"/>
      <c r="NMD152" s="31"/>
      <c r="NME152" s="31"/>
      <c r="NMF152" s="31"/>
      <c r="NMG152" s="31"/>
      <c r="NMH152" s="31"/>
      <c r="NMI152" s="31"/>
      <c r="NMJ152" s="31"/>
      <c r="NMK152" s="31"/>
      <c r="NML152" s="31"/>
      <c r="NMM152" s="31"/>
      <c r="NMN152" s="31"/>
      <c r="NMO152" s="31"/>
      <c r="NMP152" s="31"/>
      <c r="NMQ152" s="31"/>
      <c r="NMR152" s="31"/>
      <c r="NMS152" s="31"/>
      <c r="NMT152" s="31"/>
      <c r="NMU152" s="31"/>
      <c r="NMV152" s="31"/>
      <c r="NMW152" s="31"/>
      <c r="NMX152" s="31"/>
      <c r="NMY152" s="31"/>
      <c r="NMZ152" s="31"/>
      <c r="NNA152" s="31"/>
      <c r="NNB152" s="31"/>
      <c r="NNC152" s="31"/>
      <c r="NND152" s="31"/>
      <c r="NNE152" s="31"/>
      <c r="NNF152" s="31"/>
      <c r="NNG152" s="31"/>
      <c r="NNH152" s="31"/>
      <c r="NNI152" s="31"/>
      <c r="NNJ152" s="31"/>
      <c r="NNK152" s="31"/>
      <c r="NNL152" s="31"/>
      <c r="NNM152" s="31"/>
      <c r="NNN152" s="31"/>
      <c r="NNO152" s="31"/>
      <c r="NNP152" s="31"/>
      <c r="NNQ152" s="31"/>
      <c r="NNR152" s="31"/>
      <c r="NNS152" s="31"/>
      <c r="NNT152" s="31"/>
      <c r="NNU152" s="31"/>
      <c r="NNV152" s="31"/>
      <c r="NNW152" s="31"/>
      <c r="NNX152" s="31"/>
      <c r="NNY152" s="31"/>
      <c r="NNZ152" s="31"/>
      <c r="NOA152" s="31"/>
      <c r="NOB152" s="31"/>
      <c r="NOC152" s="31"/>
      <c r="NOD152" s="31"/>
      <c r="NOE152" s="31"/>
      <c r="NOF152" s="31"/>
      <c r="NOG152" s="31"/>
      <c r="NOH152" s="31"/>
      <c r="NOI152" s="31"/>
      <c r="NOJ152" s="31"/>
      <c r="NOK152" s="31"/>
      <c r="NOL152" s="31"/>
      <c r="NOM152" s="31"/>
      <c r="NON152" s="31"/>
      <c r="NOO152" s="31"/>
      <c r="NOP152" s="31"/>
      <c r="NOQ152" s="31"/>
      <c r="NOR152" s="31"/>
      <c r="NOS152" s="31"/>
      <c r="NOT152" s="31"/>
      <c r="NOU152" s="31"/>
      <c r="NOV152" s="31"/>
      <c r="NOW152" s="31"/>
      <c r="NOX152" s="31"/>
      <c r="NOY152" s="31"/>
      <c r="NOZ152" s="31"/>
      <c r="NPA152" s="31"/>
      <c r="NPB152" s="31"/>
      <c r="NPC152" s="31"/>
      <c r="NPD152" s="31"/>
      <c r="NPE152" s="31"/>
      <c r="NPF152" s="31"/>
      <c r="NPG152" s="31"/>
      <c r="NPH152" s="31"/>
      <c r="NPI152" s="31"/>
      <c r="NPJ152" s="31"/>
      <c r="NPK152" s="31"/>
      <c r="NPL152" s="31"/>
      <c r="NPM152" s="31"/>
      <c r="NPN152" s="31"/>
      <c r="NPO152" s="31"/>
      <c r="NPP152" s="31"/>
      <c r="NPQ152" s="31"/>
      <c r="NPR152" s="31"/>
      <c r="NPS152" s="31"/>
      <c r="NPT152" s="31"/>
      <c r="NPU152" s="31"/>
      <c r="NPV152" s="31"/>
      <c r="NPW152" s="31"/>
      <c r="NPX152" s="31"/>
      <c r="NPY152" s="31"/>
      <c r="NPZ152" s="31"/>
      <c r="NQA152" s="31"/>
      <c r="NQB152" s="31"/>
      <c r="NQC152" s="31"/>
      <c r="NQD152" s="31"/>
      <c r="NQE152" s="31"/>
      <c r="NQF152" s="31"/>
      <c r="NQG152" s="31"/>
      <c r="NQH152" s="31"/>
      <c r="NQI152" s="31"/>
      <c r="NQJ152" s="31"/>
      <c r="NQK152" s="31"/>
      <c r="NQL152" s="31"/>
      <c r="NQM152" s="31"/>
      <c r="NQN152" s="31"/>
      <c r="NQO152" s="31"/>
      <c r="NQP152" s="31"/>
      <c r="NQQ152" s="31"/>
      <c r="NQR152" s="31"/>
      <c r="NQS152" s="31"/>
      <c r="NQT152" s="31"/>
      <c r="NQU152" s="31"/>
      <c r="NQV152" s="31"/>
      <c r="NQW152" s="31"/>
      <c r="NQX152" s="31"/>
      <c r="NQY152" s="31"/>
      <c r="NQZ152" s="31"/>
      <c r="NRA152" s="31"/>
      <c r="NRB152" s="31"/>
      <c r="NRC152" s="31"/>
      <c r="NRD152" s="31"/>
      <c r="NRE152" s="31"/>
      <c r="NRF152" s="31"/>
      <c r="NRG152" s="31"/>
      <c r="NRH152" s="31"/>
      <c r="NRI152" s="31"/>
      <c r="NRJ152" s="31"/>
      <c r="NRK152" s="31"/>
      <c r="NRL152" s="31"/>
      <c r="NRM152" s="31"/>
      <c r="NRN152" s="31"/>
      <c r="NRO152" s="31"/>
      <c r="NRP152" s="31"/>
      <c r="NRQ152" s="31"/>
      <c r="NRR152" s="31"/>
      <c r="NRS152" s="31"/>
      <c r="NRT152" s="31"/>
      <c r="NRU152" s="31"/>
      <c r="NRV152" s="31"/>
      <c r="NRW152" s="31"/>
      <c r="NRX152" s="31"/>
      <c r="NRY152" s="31"/>
      <c r="NRZ152" s="31"/>
      <c r="NSA152" s="31"/>
      <c r="NSB152" s="31"/>
      <c r="NSC152" s="31"/>
      <c r="NSD152" s="31"/>
      <c r="NSE152" s="31"/>
      <c r="NSF152" s="31"/>
      <c r="NSG152" s="31"/>
      <c r="NSH152" s="31"/>
      <c r="NSI152" s="31"/>
      <c r="NSJ152" s="31"/>
      <c r="NSK152" s="31"/>
      <c r="NSL152" s="31"/>
      <c r="NSM152" s="31"/>
      <c r="NSN152" s="31"/>
      <c r="NSO152" s="31"/>
      <c r="NSP152" s="31"/>
      <c r="NSQ152" s="31"/>
      <c r="NSR152" s="31"/>
      <c r="NSS152" s="31"/>
      <c r="NST152" s="31"/>
      <c r="NSU152" s="31"/>
      <c r="NSV152" s="31"/>
      <c r="NSW152" s="31"/>
      <c r="NSX152" s="31"/>
      <c r="NSY152" s="31"/>
      <c r="NSZ152" s="31"/>
      <c r="NTA152" s="31"/>
      <c r="NTB152" s="31"/>
      <c r="NTC152" s="31"/>
      <c r="NTD152" s="31"/>
      <c r="NTE152" s="31"/>
      <c r="NTF152" s="31"/>
      <c r="NTG152" s="31"/>
      <c r="NTH152" s="31"/>
      <c r="NTI152" s="31"/>
      <c r="NTJ152" s="31"/>
      <c r="NTK152" s="31"/>
      <c r="NTL152" s="31"/>
      <c r="NTM152" s="31"/>
      <c r="NTN152" s="31"/>
      <c r="NTO152" s="31"/>
      <c r="NTP152" s="31"/>
      <c r="NTQ152" s="31"/>
      <c r="NTR152" s="31"/>
      <c r="NTS152" s="31"/>
      <c r="NTT152" s="31"/>
      <c r="NTU152" s="31"/>
      <c r="NTV152" s="31"/>
      <c r="NTW152" s="31"/>
      <c r="NTX152" s="31"/>
      <c r="NTY152" s="31"/>
      <c r="NTZ152" s="31"/>
      <c r="NUA152" s="31"/>
      <c r="NUB152" s="31"/>
      <c r="NUC152" s="31"/>
      <c r="NUD152" s="31"/>
      <c r="NUE152" s="31"/>
      <c r="NUF152" s="31"/>
      <c r="NUG152" s="31"/>
      <c r="NUH152" s="31"/>
      <c r="NUI152" s="31"/>
      <c r="NUJ152" s="31"/>
      <c r="NUK152" s="31"/>
      <c r="NUL152" s="31"/>
      <c r="NUM152" s="31"/>
      <c r="NUN152" s="31"/>
      <c r="NUO152" s="31"/>
      <c r="NUP152" s="31"/>
      <c r="NUQ152" s="31"/>
      <c r="NUR152" s="31"/>
      <c r="NUS152" s="31"/>
      <c r="NUT152" s="31"/>
      <c r="NUU152" s="31"/>
      <c r="NUV152" s="31"/>
      <c r="NUW152" s="31"/>
      <c r="NUX152" s="31"/>
      <c r="NUY152" s="31"/>
      <c r="NUZ152" s="31"/>
      <c r="NVA152" s="31"/>
      <c r="NVB152" s="31"/>
      <c r="NVC152" s="31"/>
      <c r="NVD152" s="31"/>
      <c r="NVE152" s="31"/>
      <c r="NVF152" s="31"/>
      <c r="NVG152" s="31"/>
      <c r="NVH152" s="31"/>
      <c r="NVI152" s="31"/>
      <c r="NVJ152" s="31"/>
      <c r="NVK152" s="31"/>
      <c r="NVL152" s="31"/>
      <c r="NVM152" s="31"/>
      <c r="NVN152" s="31"/>
      <c r="NVO152" s="31"/>
      <c r="NVP152" s="31"/>
      <c r="NVQ152" s="31"/>
      <c r="NVR152" s="31"/>
      <c r="NVS152" s="31"/>
      <c r="NVT152" s="31"/>
      <c r="NVU152" s="31"/>
      <c r="NVV152" s="31"/>
      <c r="NVW152" s="31"/>
      <c r="NVX152" s="31"/>
      <c r="NVY152" s="31"/>
      <c r="NVZ152" s="31"/>
      <c r="NWA152" s="31"/>
      <c r="NWB152" s="31"/>
      <c r="NWC152" s="31"/>
      <c r="NWD152" s="31"/>
      <c r="NWE152" s="31"/>
      <c r="NWF152" s="31"/>
      <c r="NWG152" s="31"/>
      <c r="NWH152" s="31"/>
      <c r="NWI152" s="31"/>
      <c r="NWJ152" s="31"/>
      <c r="NWK152" s="31"/>
      <c r="NWL152" s="31"/>
      <c r="NWM152" s="31"/>
      <c r="NWN152" s="31"/>
      <c r="NWO152" s="31"/>
      <c r="NWP152" s="31"/>
      <c r="NWQ152" s="31"/>
      <c r="NWR152" s="31"/>
      <c r="NWS152" s="31"/>
      <c r="NWT152" s="31"/>
      <c r="NWU152" s="31"/>
      <c r="NWV152" s="31"/>
      <c r="NWW152" s="31"/>
      <c r="NWX152" s="31"/>
      <c r="NWY152" s="31"/>
      <c r="NWZ152" s="31"/>
      <c r="NXA152" s="31"/>
      <c r="NXB152" s="31"/>
      <c r="NXC152" s="31"/>
      <c r="NXD152" s="31"/>
      <c r="NXE152" s="31"/>
      <c r="NXF152" s="31"/>
      <c r="NXG152" s="31"/>
      <c r="NXH152" s="31"/>
      <c r="NXI152" s="31"/>
      <c r="NXJ152" s="31"/>
      <c r="NXK152" s="31"/>
      <c r="NXL152" s="31"/>
      <c r="NXM152" s="31"/>
      <c r="NXN152" s="31"/>
      <c r="NXO152" s="31"/>
      <c r="NXP152" s="31"/>
      <c r="NXQ152" s="31"/>
      <c r="NXR152" s="31"/>
      <c r="NXS152" s="31"/>
      <c r="NXT152" s="31"/>
      <c r="NXU152" s="31"/>
      <c r="NXV152" s="31"/>
      <c r="NXW152" s="31"/>
      <c r="NXX152" s="31"/>
      <c r="NXY152" s="31"/>
      <c r="NXZ152" s="31"/>
      <c r="NYA152" s="31"/>
      <c r="NYB152" s="31"/>
      <c r="NYC152" s="31"/>
      <c r="NYD152" s="31"/>
      <c r="NYE152" s="31"/>
      <c r="NYF152" s="31"/>
      <c r="NYG152" s="31"/>
      <c r="NYH152" s="31"/>
      <c r="NYI152" s="31"/>
      <c r="NYJ152" s="31"/>
      <c r="NYK152" s="31"/>
      <c r="NYL152" s="31"/>
      <c r="NYM152" s="31"/>
      <c r="NYN152" s="31"/>
      <c r="NYO152" s="31"/>
      <c r="NYP152" s="31"/>
      <c r="NYQ152" s="31"/>
      <c r="NYR152" s="31"/>
      <c r="NYS152" s="31"/>
      <c r="NYT152" s="31"/>
      <c r="NYU152" s="31"/>
      <c r="NYV152" s="31"/>
      <c r="NYW152" s="31"/>
      <c r="NYX152" s="31"/>
      <c r="NYY152" s="31"/>
      <c r="NYZ152" s="31"/>
      <c r="NZA152" s="31"/>
      <c r="NZB152" s="31"/>
      <c r="NZC152" s="31"/>
      <c r="NZD152" s="31"/>
      <c r="NZE152" s="31"/>
      <c r="NZF152" s="31"/>
      <c r="NZG152" s="31"/>
      <c r="NZH152" s="31"/>
      <c r="NZI152" s="31"/>
      <c r="NZJ152" s="31"/>
      <c r="NZK152" s="31"/>
      <c r="NZL152" s="31"/>
      <c r="NZM152" s="31"/>
      <c r="NZN152" s="31"/>
      <c r="NZO152" s="31"/>
      <c r="NZP152" s="31"/>
      <c r="NZQ152" s="31"/>
      <c r="NZR152" s="31"/>
      <c r="NZS152" s="31"/>
      <c r="NZT152" s="31"/>
      <c r="NZU152" s="31"/>
      <c r="NZV152" s="31"/>
      <c r="NZW152" s="31"/>
      <c r="NZX152" s="31"/>
      <c r="NZY152" s="31"/>
      <c r="NZZ152" s="31"/>
      <c r="OAA152" s="31"/>
      <c r="OAB152" s="31"/>
      <c r="OAC152" s="31"/>
      <c r="OAD152" s="31"/>
      <c r="OAE152" s="31"/>
      <c r="OAF152" s="31"/>
      <c r="OAG152" s="31"/>
      <c r="OAH152" s="31"/>
      <c r="OAI152" s="31"/>
      <c r="OAJ152" s="31"/>
      <c r="OAK152" s="31"/>
      <c r="OAL152" s="31"/>
      <c r="OAM152" s="31"/>
      <c r="OAN152" s="31"/>
      <c r="OAO152" s="31"/>
      <c r="OAP152" s="31"/>
      <c r="OAQ152" s="31"/>
      <c r="OAR152" s="31"/>
      <c r="OAS152" s="31"/>
      <c r="OAT152" s="31"/>
      <c r="OAU152" s="31"/>
      <c r="OAV152" s="31"/>
      <c r="OAW152" s="31"/>
      <c r="OAX152" s="31"/>
      <c r="OAY152" s="31"/>
      <c r="OAZ152" s="31"/>
      <c r="OBA152" s="31"/>
      <c r="OBB152" s="31"/>
      <c r="OBC152" s="31"/>
      <c r="OBD152" s="31"/>
      <c r="OBE152" s="31"/>
      <c r="OBF152" s="31"/>
      <c r="OBG152" s="31"/>
      <c r="OBH152" s="31"/>
      <c r="OBI152" s="31"/>
      <c r="OBJ152" s="31"/>
      <c r="OBK152" s="31"/>
      <c r="OBL152" s="31"/>
      <c r="OBM152" s="31"/>
      <c r="OBN152" s="31"/>
      <c r="OBO152" s="31"/>
      <c r="OBP152" s="31"/>
      <c r="OBQ152" s="31"/>
      <c r="OBR152" s="31"/>
      <c r="OBS152" s="31"/>
      <c r="OBT152" s="31"/>
      <c r="OBU152" s="31"/>
      <c r="OBV152" s="31"/>
      <c r="OBW152" s="31"/>
      <c r="OBX152" s="31"/>
      <c r="OBY152" s="31"/>
      <c r="OBZ152" s="31"/>
      <c r="OCA152" s="31"/>
      <c r="OCB152" s="31"/>
      <c r="OCC152" s="31"/>
      <c r="OCD152" s="31"/>
      <c r="OCE152" s="31"/>
      <c r="OCF152" s="31"/>
      <c r="OCG152" s="31"/>
      <c r="OCH152" s="31"/>
      <c r="OCI152" s="31"/>
      <c r="OCJ152" s="31"/>
      <c r="OCK152" s="31"/>
      <c r="OCL152" s="31"/>
      <c r="OCM152" s="31"/>
      <c r="OCN152" s="31"/>
      <c r="OCO152" s="31"/>
      <c r="OCP152" s="31"/>
      <c r="OCQ152" s="31"/>
      <c r="OCR152" s="31"/>
      <c r="OCS152" s="31"/>
      <c r="OCT152" s="31"/>
      <c r="OCU152" s="31"/>
      <c r="OCV152" s="31"/>
      <c r="OCW152" s="31"/>
      <c r="OCX152" s="31"/>
      <c r="OCY152" s="31"/>
      <c r="OCZ152" s="31"/>
      <c r="ODA152" s="31"/>
      <c r="ODB152" s="31"/>
      <c r="ODC152" s="31"/>
      <c r="ODD152" s="31"/>
      <c r="ODE152" s="31"/>
      <c r="ODF152" s="31"/>
      <c r="ODG152" s="31"/>
      <c r="ODH152" s="31"/>
      <c r="ODI152" s="31"/>
      <c r="ODJ152" s="31"/>
      <c r="ODK152" s="31"/>
      <c r="ODL152" s="31"/>
      <c r="ODM152" s="31"/>
      <c r="ODN152" s="31"/>
      <c r="ODO152" s="31"/>
      <c r="ODP152" s="31"/>
      <c r="ODQ152" s="31"/>
      <c r="ODR152" s="31"/>
      <c r="ODS152" s="31"/>
      <c r="ODT152" s="31"/>
      <c r="ODU152" s="31"/>
      <c r="ODV152" s="31"/>
      <c r="ODW152" s="31"/>
      <c r="ODX152" s="31"/>
      <c r="ODY152" s="31"/>
      <c r="ODZ152" s="31"/>
      <c r="OEA152" s="31"/>
      <c r="OEB152" s="31"/>
      <c r="OEC152" s="31"/>
      <c r="OED152" s="31"/>
      <c r="OEE152" s="31"/>
      <c r="OEF152" s="31"/>
      <c r="OEG152" s="31"/>
      <c r="OEH152" s="31"/>
      <c r="OEI152" s="31"/>
      <c r="OEJ152" s="31"/>
      <c r="OEK152" s="31"/>
      <c r="OEL152" s="31"/>
      <c r="OEM152" s="31"/>
      <c r="OEN152" s="31"/>
      <c r="OEO152" s="31"/>
      <c r="OEP152" s="31"/>
      <c r="OEQ152" s="31"/>
      <c r="OER152" s="31"/>
      <c r="OES152" s="31"/>
      <c r="OET152" s="31"/>
      <c r="OEU152" s="31"/>
      <c r="OEV152" s="31"/>
      <c r="OEW152" s="31"/>
      <c r="OEX152" s="31"/>
      <c r="OEY152" s="31"/>
      <c r="OEZ152" s="31"/>
      <c r="OFA152" s="31"/>
      <c r="OFB152" s="31"/>
      <c r="OFC152" s="31"/>
      <c r="OFD152" s="31"/>
      <c r="OFE152" s="31"/>
      <c r="OFF152" s="31"/>
      <c r="OFG152" s="31"/>
      <c r="OFH152" s="31"/>
      <c r="OFI152" s="31"/>
      <c r="OFJ152" s="31"/>
      <c r="OFK152" s="31"/>
      <c r="OFL152" s="31"/>
      <c r="OFM152" s="31"/>
      <c r="OFN152" s="31"/>
      <c r="OFO152" s="31"/>
      <c r="OFP152" s="31"/>
      <c r="OFQ152" s="31"/>
      <c r="OFR152" s="31"/>
      <c r="OFS152" s="31"/>
      <c r="OFT152" s="31"/>
      <c r="OFU152" s="31"/>
      <c r="OFV152" s="31"/>
      <c r="OFW152" s="31"/>
      <c r="OFX152" s="31"/>
      <c r="OFY152" s="31"/>
      <c r="OFZ152" s="31"/>
      <c r="OGA152" s="31"/>
      <c r="OGB152" s="31"/>
      <c r="OGC152" s="31"/>
      <c r="OGD152" s="31"/>
      <c r="OGE152" s="31"/>
      <c r="OGF152" s="31"/>
      <c r="OGG152" s="31"/>
      <c r="OGH152" s="31"/>
      <c r="OGI152" s="31"/>
      <c r="OGJ152" s="31"/>
      <c r="OGK152" s="31"/>
      <c r="OGL152" s="31"/>
      <c r="OGM152" s="31"/>
      <c r="OGN152" s="31"/>
      <c r="OGO152" s="31"/>
      <c r="OGP152" s="31"/>
      <c r="OGQ152" s="31"/>
      <c r="OGR152" s="31"/>
      <c r="OGS152" s="31"/>
      <c r="OGT152" s="31"/>
      <c r="OGU152" s="31"/>
      <c r="OGV152" s="31"/>
      <c r="OGW152" s="31"/>
      <c r="OGX152" s="31"/>
      <c r="OGY152" s="31"/>
      <c r="OGZ152" s="31"/>
      <c r="OHA152" s="31"/>
      <c r="OHB152" s="31"/>
      <c r="OHC152" s="31"/>
      <c r="OHD152" s="31"/>
      <c r="OHE152" s="31"/>
      <c r="OHF152" s="31"/>
      <c r="OHG152" s="31"/>
      <c r="OHH152" s="31"/>
      <c r="OHI152" s="31"/>
      <c r="OHJ152" s="31"/>
      <c r="OHK152" s="31"/>
      <c r="OHL152" s="31"/>
      <c r="OHM152" s="31"/>
      <c r="OHN152" s="31"/>
      <c r="OHO152" s="31"/>
      <c r="OHP152" s="31"/>
      <c r="OHQ152" s="31"/>
      <c r="OHR152" s="31"/>
      <c r="OHS152" s="31"/>
      <c r="OHT152" s="31"/>
      <c r="OHU152" s="31"/>
      <c r="OHV152" s="31"/>
      <c r="OHW152" s="31"/>
      <c r="OHX152" s="31"/>
      <c r="OHY152" s="31"/>
      <c r="OHZ152" s="31"/>
      <c r="OIA152" s="31"/>
      <c r="OIB152" s="31"/>
      <c r="OIC152" s="31"/>
      <c r="OID152" s="31"/>
      <c r="OIE152" s="31"/>
      <c r="OIF152" s="31"/>
      <c r="OIG152" s="31"/>
      <c r="OIH152" s="31"/>
      <c r="OII152" s="31"/>
      <c r="OIJ152" s="31"/>
      <c r="OIK152" s="31"/>
      <c r="OIL152" s="31"/>
      <c r="OIM152" s="31"/>
      <c r="OIN152" s="31"/>
      <c r="OIO152" s="31"/>
      <c r="OIP152" s="31"/>
      <c r="OIQ152" s="31"/>
      <c r="OIR152" s="31"/>
      <c r="OIS152" s="31"/>
      <c r="OIT152" s="31"/>
      <c r="OIU152" s="31"/>
      <c r="OIV152" s="31"/>
      <c r="OIW152" s="31"/>
      <c r="OIX152" s="31"/>
      <c r="OIY152" s="31"/>
      <c r="OIZ152" s="31"/>
      <c r="OJA152" s="31"/>
      <c r="OJB152" s="31"/>
      <c r="OJC152" s="31"/>
      <c r="OJD152" s="31"/>
      <c r="OJE152" s="31"/>
      <c r="OJF152" s="31"/>
      <c r="OJG152" s="31"/>
      <c r="OJH152" s="31"/>
      <c r="OJI152" s="31"/>
      <c r="OJJ152" s="31"/>
      <c r="OJK152" s="31"/>
      <c r="OJL152" s="31"/>
      <c r="OJM152" s="31"/>
      <c r="OJN152" s="31"/>
      <c r="OJO152" s="31"/>
      <c r="OJP152" s="31"/>
      <c r="OJQ152" s="31"/>
      <c r="OJR152" s="31"/>
      <c r="OJS152" s="31"/>
      <c r="OJT152" s="31"/>
      <c r="OJU152" s="31"/>
      <c r="OJV152" s="31"/>
      <c r="OJW152" s="31"/>
      <c r="OJX152" s="31"/>
      <c r="OJY152" s="31"/>
      <c r="OJZ152" s="31"/>
      <c r="OKA152" s="31"/>
      <c r="OKB152" s="31"/>
      <c r="OKC152" s="31"/>
      <c r="OKD152" s="31"/>
      <c r="OKE152" s="31"/>
      <c r="OKF152" s="31"/>
      <c r="OKG152" s="31"/>
      <c r="OKH152" s="31"/>
      <c r="OKI152" s="31"/>
      <c r="OKJ152" s="31"/>
      <c r="OKK152" s="31"/>
      <c r="OKL152" s="31"/>
      <c r="OKM152" s="31"/>
      <c r="OKN152" s="31"/>
      <c r="OKO152" s="31"/>
      <c r="OKP152" s="31"/>
      <c r="OKQ152" s="31"/>
      <c r="OKR152" s="31"/>
      <c r="OKS152" s="31"/>
      <c r="OKT152" s="31"/>
      <c r="OKU152" s="31"/>
      <c r="OKV152" s="31"/>
      <c r="OKW152" s="31"/>
      <c r="OKX152" s="31"/>
      <c r="OKY152" s="31"/>
      <c r="OKZ152" s="31"/>
      <c r="OLA152" s="31"/>
      <c r="OLB152" s="31"/>
      <c r="OLC152" s="31"/>
      <c r="OLD152" s="31"/>
      <c r="OLE152" s="31"/>
      <c r="OLF152" s="31"/>
      <c r="OLG152" s="31"/>
      <c r="OLH152" s="31"/>
      <c r="OLI152" s="31"/>
      <c r="OLJ152" s="31"/>
      <c r="OLK152" s="31"/>
      <c r="OLL152" s="31"/>
      <c r="OLM152" s="31"/>
      <c r="OLN152" s="31"/>
      <c r="OLO152" s="31"/>
      <c r="OLP152" s="31"/>
      <c r="OLQ152" s="31"/>
      <c r="OLR152" s="31"/>
      <c r="OLS152" s="31"/>
      <c r="OLT152" s="31"/>
      <c r="OLU152" s="31"/>
      <c r="OLV152" s="31"/>
      <c r="OLW152" s="31"/>
      <c r="OLX152" s="31"/>
      <c r="OLY152" s="31"/>
      <c r="OLZ152" s="31"/>
      <c r="OMA152" s="31"/>
      <c r="OMB152" s="31"/>
      <c r="OMC152" s="31"/>
      <c r="OMD152" s="31"/>
      <c r="OME152" s="31"/>
      <c r="OMF152" s="31"/>
      <c r="OMG152" s="31"/>
      <c r="OMH152" s="31"/>
      <c r="OMI152" s="31"/>
      <c r="OMJ152" s="31"/>
      <c r="OMK152" s="31"/>
      <c r="OML152" s="31"/>
      <c r="OMM152" s="31"/>
      <c r="OMN152" s="31"/>
      <c r="OMO152" s="31"/>
      <c r="OMP152" s="31"/>
      <c r="OMQ152" s="31"/>
      <c r="OMR152" s="31"/>
      <c r="OMS152" s="31"/>
      <c r="OMT152" s="31"/>
      <c r="OMU152" s="31"/>
      <c r="OMV152" s="31"/>
      <c r="OMW152" s="31"/>
      <c r="OMX152" s="31"/>
      <c r="OMY152" s="31"/>
      <c r="OMZ152" s="31"/>
      <c r="ONA152" s="31"/>
      <c r="ONB152" s="31"/>
      <c r="ONC152" s="31"/>
      <c r="OND152" s="31"/>
      <c r="ONE152" s="31"/>
      <c r="ONF152" s="31"/>
      <c r="ONG152" s="31"/>
      <c r="ONH152" s="31"/>
      <c r="ONI152" s="31"/>
      <c r="ONJ152" s="31"/>
      <c r="ONK152" s="31"/>
      <c r="ONL152" s="31"/>
      <c r="ONM152" s="31"/>
      <c r="ONN152" s="31"/>
      <c r="ONO152" s="31"/>
      <c r="ONP152" s="31"/>
      <c r="ONQ152" s="31"/>
      <c r="ONR152" s="31"/>
      <c r="ONS152" s="31"/>
      <c r="ONT152" s="31"/>
      <c r="ONU152" s="31"/>
      <c r="ONV152" s="31"/>
      <c r="ONW152" s="31"/>
      <c r="ONX152" s="31"/>
      <c r="ONY152" s="31"/>
      <c r="ONZ152" s="31"/>
      <c r="OOA152" s="31"/>
      <c r="OOB152" s="31"/>
      <c r="OOC152" s="31"/>
      <c r="OOD152" s="31"/>
      <c r="OOE152" s="31"/>
      <c r="OOF152" s="31"/>
      <c r="OOG152" s="31"/>
      <c r="OOH152" s="31"/>
      <c r="OOI152" s="31"/>
      <c r="OOJ152" s="31"/>
      <c r="OOK152" s="31"/>
      <c r="OOL152" s="31"/>
      <c r="OOM152" s="31"/>
      <c r="OON152" s="31"/>
      <c r="OOO152" s="31"/>
      <c r="OOP152" s="31"/>
      <c r="OOQ152" s="31"/>
      <c r="OOR152" s="31"/>
      <c r="OOS152" s="31"/>
      <c r="OOT152" s="31"/>
      <c r="OOU152" s="31"/>
      <c r="OOV152" s="31"/>
      <c r="OOW152" s="31"/>
      <c r="OOX152" s="31"/>
      <c r="OOY152" s="31"/>
      <c r="OOZ152" s="31"/>
      <c r="OPA152" s="31"/>
      <c r="OPB152" s="31"/>
      <c r="OPC152" s="31"/>
      <c r="OPD152" s="31"/>
      <c r="OPE152" s="31"/>
      <c r="OPF152" s="31"/>
      <c r="OPG152" s="31"/>
      <c r="OPH152" s="31"/>
      <c r="OPI152" s="31"/>
      <c r="OPJ152" s="31"/>
      <c r="OPK152" s="31"/>
      <c r="OPL152" s="31"/>
      <c r="OPM152" s="31"/>
      <c r="OPN152" s="31"/>
      <c r="OPO152" s="31"/>
      <c r="OPP152" s="31"/>
      <c r="OPQ152" s="31"/>
      <c r="OPR152" s="31"/>
      <c r="OPS152" s="31"/>
      <c r="OPT152" s="31"/>
      <c r="OPU152" s="31"/>
      <c r="OPV152" s="31"/>
      <c r="OPW152" s="31"/>
      <c r="OPX152" s="31"/>
      <c r="OPY152" s="31"/>
      <c r="OPZ152" s="31"/>
      <c r="OQA152" s="31"/>
      <c r="OQB152" s="31"/>
      <c r="OQC152" s="31"/>
      <c r="OQD152" s="31"/>
      <c r="OQE152" s="31"/>
      <c r="OQF152" s="31"/>
      <c r="OQG152" s="31"/>
      <c r="OQH152" s="31"/>
      <c r="OQI152" s="31"/>
      <c r="OQJ152" s="31"/>
      <c r="OQK152" s="31"/>
      <c r="OQL152" s="31"/>
      <c r="OQM152" s="31"/>
      <c r="OQN152" s="31"/>
      <c r="OQO152" s="31"/>
      <c r="OQP152" s="31"/>
      <c r="OQQ152" s="31"/>
      <c r="OQR152" s="31"/>
      <c r="OQS152" s="31"/>
      <c r="OQT152" s="31"/>
      <c r="OQU152" s="31"/>
      <c r="OQV152" s="31"/>
      <c r="OQW152" s="31"/>
      <c r="OQX152" s="31"/>
      <c r="OQY152" s="31"/>
      <c r="OQZ152" s="31"/>
      <c r="ORA152" s="31"/>
      <c r="ORB152" s="31"/>
      <c r="ORC152" s="31"/>
      <c r="ORD152" s="31"/>
      <c r="ORE152" s="31"/>
      <c r="ORF152" s="31"/>
      <c r="ORG152" s="31"/>
      <c r="ORH152" s="31"/>
      <c r="ORI152" s="31"/>
      <c r="ORJ152" s="31"/>
      <c r="ORK152" s="31"/>
      <c r="ORL152" s="31"/>
      <c r="ORM152" s="31"/>
      <c r="ORN152" s="31"/>
      <c r="ORO152" s="31"/>
      <c r="ORP152" s="31"/>
      <c r="ORQ152" s="31"/>
      <c r="ORR152" s="31"/>
      <c r="ORS152" s="31"/>
      <c r="ORT152" s="31"/>
      <c r="ORU152" s="31"/>
      <c r="ORV152" s="31"/>
      <c r="ORW152" s="31"/>
      <c r="ORX152" s="31"/>
      <c r="ORY152" s="31"/>
      <c r="ORZ152" s="31"/>
      <c r="OSA152" s="31"/>
      <c r="OSB152" s="31"/>
      <c r="OSC152" s="31"/>
      <c r="OSD152" s="31"/>
      <c r="OSE152" s="31"/>
      <c r="OSF152" s="31"/>
      <c r="OSG152" s="31"/>
      <c r="OSH152" s="31"/>
      <c r="OSI152" s="31"/>
      <c r="OSJ152" s="31"/>
      <c r="OSK152" s="31"/>
      <c r="OSL152" s="31"/>
      <c r="OSM152" s="31"/>
      <c r="OSN152" s="31"/>
      <c r="OSO152" s="31"/>
      <c r="OSP152" s="31"/>
      <c r="OSQ152" s="31"/>
      <c r="OSR152" s="31"/>
      <c r="OSS152" s="31"/>
      <c r="OST152" s="31"/>
      <c r="OSU152" s="31"/>
      <c r="OSV152" s="31"/>
      <c r="OSW152" s="31"/>
      <c r="OSX152" s="31"/>
      <c r="OSY152" s="31"/>
      <c r="OSZ152" s="31"/>
      <c r="OTA152" s="31"/>
      <c r="OTB152" s="31"/>
      <c r="OTC152" s="31"/>
      <c r="OTD152" s="31"/>
      <c r="OTE152" s="31"/>
      <c r="OTF152" s="31"/>
      <c r="OTG152" s="31"/>
      <c r="OTH152" s="31"/>
      <c r="OTI152" s="31"/>
      <c r="OTJ152" s="31"/>
      <c r="OTK152" s="31"/>
      <c r="OTL152" s="31"/>
      <c r="OTM152" s="31"/>
      <c r="OTN152" s="31"/>
      <c r="OTO152" s="31"/>
      <c r="OTP152" s="31"/>
      <c r="OTQ152" s="31"/>
      <c r="OTR152" s="31"/>
      <c r="OTS152" s="31"/>
      <c r="OTT152" s="31"/>
      <c r="OTU152" s="31"/>
      <c r="OTV152" s="31"/>
      <c r="OTW152" s="31"/>
      <c r="OTX152" s="31"/>
      <c r="OTY152" s="31"/>
      <c r="OTZ152" s="31"/>
      <c r="OUA152" s="31"/>
      <c r="OUB152" s="31"/>
      <c r="OUC152" s="31"/>
      <c r="OUD152" s="31"/>
      <c r="OUE152" s="31"/>
      <c r="OUF152" s="31"/>
      <c r="OUG152" s="31"/>
      <c r="OUH152" s="31"/>
      <c r="OUI152" s="31"/>
      <c r="OUJ152" s="31"/>
      <c r="OUK152" s="31"/>
      <c r="OUL152" s="31"/>
      <c r="OUM152" s="31"/>
      <c r="OUN152" s="31"/>
      <c r="OUO152" s="31"/>
      <c r="OUP152" s="31"/>
      <c r="OUQ152" s="31"/>
      <c r="OUR152" s="31"/>
      <c r="OUS152" s="31"/>
      <c r="OUT152" s="31"/>
      <c r="OUU152" s="31"/>
      <c r="OUV152" s="31"/>
      <c r="OUW152" s="31"/>
      <c r="OUX152" s="31"/>
      <c r="OUY152" s="31"/>
      <c r="OUZ152" s="31"/>
      <c r="OVA152" s="31"/>
      <c r="OVB152" s="31"/>
      <c r="OVC152" s="31"/>
      <c r="OVD152" s="31"/>
      <c r="OVE152" s="31"/>
      <c r="OVF152" s="31"/>
      <c r="OVG152" s="31"/>
      <c r="OVH152" s="31"/>
      <c r="OVI152" s="31"/>
      <c r="OVJ152" s="31"/>
      <c r="OVK152" s="31"/>
      <c r="OVL152" s="31"/>
      <c r="OVM152" s="31"/>
      <c r="OVN152" s="31"/>
      <c r="OVO152" s="31"/>
      <c r="OVP152" s="31"/>
      <c r="OVQ152" s="31"/>
      <c r="OVR152" s="31"/>
      <c r="OVS152" s="31"/>
      <c r="OVT152" s="31"/>
      <c r="OVU152" s="31"/>
      <c r="OVV152" s="31"/>
      <c r="OVW152" s="31"/>
      <c r="OVX152" s="31"/>
      <c r="OVY152" s="31"/>
      <c r="OVZ152" s="31"/>
      <c r="OWA152" s="31"/>
      <c r="OWB152" s="31"/>
      <c r="OWC152" s="31"/>
      <c r="OWD152" s="31"/>
      <c r="OWE152" s="31"/>
      <c r="OWF152" s="31"/>
      <c r="OWG152" s="31"/>
      <c r="OWH152" s="31"/>
      <c r="OWI152" s="31"/>
      <c r="OWJ152" s="31"/>
      <c r="OWK152" s="31"/>
      <c r="OWL152" s="31"/>
      <c r="OWM152" s="31"/>
      <c r="OWN152" s="31"/>
      <c r="OWO152" s="31"/>
      <c r="OWP152" s="31"/>
      <c r="OWQ152" s="31"/>
      <c r="OWR152" s="31"/>
      <c r="OWS152" s="31"/>
      <c r="OWT152" s="31"/>
      <c r="OWU152" s="31"/>
      <c r="OWV152" s="31"/>
      <c r="OWW152" s="31"/>
      <c r="OWX152" s="31"/>
      <c r="OWY152" s="31"/>
      <c r="OWZ152" s="31"/>
      <c r="OXA152" s="31"/>
      <c r="OXB152" s="31"/>
      <c r="OXC152" s="31"/>
      <c r="OXD152" s="31"/>
      <c r="OXE152" s="31"/>
      <c r="OXF152" s="31"/>
      <c r="OXG152" s="31"/>
      <c r="OXH152" s="31"/>
      <c r="OXI152" s="31"/>
      <c r="OXJ152" s="31"/>
      <c r="OXK152" s="31"/>
      <c r="OXL152" s="31"/>
      <c r="OXM152" s="31"/>
      <c r="OXN152" s="31"/>
      <c r="OXO152" s="31"/>
      <c r="OXP152" s="31"/>
      <c r="OXQ152" s="31"/>
      <c r="OXR152" s="31"/>
      <c r="OXS152" s="31"/>
      <c r="OXT152" s="31"/>
      <c r="OXU152" s="31"/>
      <c r="OXV152" s="31"/>
      <c r="OXW152" s="31"/>
      <c r="OXX152" s="31"/>
      <c r="OXY152" s="31"/>
      <c r="OXZ152" s="31"/>
      <c r="OYA152" s="31"/>
      <c r="OYB152" s="31"/>
      <c r="OYC152" s="31"/>
      <c r="OYD152" s="31"/>
      <c r="OYE152" s="31"/>
      <c r="OYF152" s="31"/>
      <c r="OYG152" s="31"/>
      <c r="OYH152" s="31"/>
      <c r="OYI152" s="31"/>
      <c r="OYJ152" s="31"/>
      <c r="OYK152" s="31"/>
      <c r="OYL152" s="31"/>
      <c r="OYM152" s="31"/>
      <c r="OYN152" s="31"/>
      <c r="OYO152" s="31"/>
      <c r="OYP152" s="31"/>
      <c r="OYQ152" s="31"/>
      <c r="OYR152" s="31"/>
      <c r="OYS152" s="31"/>
      <c r="OYT152" s="31"/>
      <c r="OYU152" s="31"/>
      <c r="OYV152" s="31"/>
      <c r="OYW152" s="31"/>
      <c r="OYX152" s="31"/>
      <c r="OYY152" s="31"/>
      <c r="OYZ152" s="31"/>
      <c r="OZA152" s="31"/>
      <c r="OZB152" s="31"/>
      <c r="OZC152" s="31"/>
      <c r="OZD152" s="31"/>
      <c r="OZE152" s="31"/>
      <c r="OZF152" s="31"/>
      <c r="OZG152" s="31"/>
      <c r="OZH152" s="31"/>
      <c r="OZI152" s="31"/>
      <c r="OZJ152" s="31"/>
      <c r="OZK152" s="31"/>
      <c r="OZL152" s="31"/>
      <c r="OZM152" s="31"/>
      <c r="OZN152" s="31"/>
      <c r="OZO152" s="31"/>
      <c r="OZP152" s="31"/>
      <c r="OZQ152" s="31"/>
      <c r="OZR152" s="31"/>
      <c r="OZS152" s="31"/>
      <c r="OZT152" s="31"/>
      <c r="OZU152" s="31"/>
      <c r="OZV152" s="31"/>
      <c r="OZW152" s="31"/>
      <c r="OZX152" s="31"/>
      <c r="OZY152" s="31"/>
      <c r="OZZ152" s="31"/>
      <c r="PAA152" s="31"/>
      <c r="PAB152" s="31"/>
      <c r="PAC152" s="31"/>
      <c r="PAD152" s="31"/>
      <c r="PAE152" s="31"/>
      <c r="PAF152" s="31"/>
      <c r="PAG152" s="31"/>
      <c r="PAH152" s="31"/>
      <c r="PAI152" s="31"/>
      <c r="PAJ152" s="31"/>
      <c r="PAK152" s="31"/>
      <c r="PAL152" s="31"/>
      <c r="PAM152" s="31"/>
      <c r="PAN152" s="31"/>
      <c r="PAO152" s="31"/>
      <c r="PAP152" s="31"/>
      <c r="PAQ152" s="31"/>
      <c r="PAR152" s="31"/>
      <c r="PAS152" s="31"/>
      <c r="PAT152" s="31"/>
      <c r="PAU152" s="31"/>
      <c r="PAV152" s="31"/>
      <c r="PAW152" s="31"/>
      <c r="PAX152" s="31"/>
      <c r="PAY152" s="31"/>
      <c r="PAZ152" s="31"/>
      <c r="PBA152" s="31"/>
      <c r="PBB152" s="31"/>
      <c r="PBC152" s="31"/>
      <c r="PBD152" s="31"/>
      <c r="PBE152" s="31"/>
      <c r="PBF152" s="31"/>
      <c r="PBG152" s="31"/>
      <c r="PBH152" s="31"/>
      <c r="PBI152" s="31"/>
      <c r="PBJ152" s="31"/>
      <c r="PBK152" s="31"/>
      <c r="PBL152" s="31"/>
      <c r="PBM152" s="31"/>
      <c r="PBN152" s="31"/>
      <c r="PBO152" s="31"/>
      <c r="PBP152" s="31"/>
      <c r="PBQ152" s="31"/>
      <c r="PBR152" s="31"/>
      <c r="PBS152" s="31"/>
      <c r="PBT152" s="31"/>
      <c r="PBU152" s="31"/>
      <c r="PBV152" s="31"/>
      <c r="PBW152" s="31"/>
      <c r="PBX152" s="31"/>
      <c r="PBY152" s="31"/>
      <c r="PBZ152" s="31"/>
      <c r="PCA152" s="31"/>
      <c r="PCB152" s="31"/>
      <c r="PCC152" s="31"/>
      <c r="PCD152" s="31"/>
      <c r="PCE152" s="31"/>
      <c r="PCF152" s="31"/>
      <c r="PCG152" s="31"/>
      <c r="PCH152" s="31"/>
      <c r="PCI152" s="31"/>
      <c r="PCJ152" s="31"/>
      <c r="PCK152" s="31"/>
      <c r="PCL152" s="31"/>
      <c r="PCM152" s="31"/>
      <c r="PCN152" s="31"/>
      <c r="PCO152" s="31"/>
      <c r="PCP152" s="31"/>
      <c r="PCQ152" s="31"/>
      <c r="PCR152" s="31"/>
      <c r="PCS152" s="31"/>
      <c r="PCT152" s="31"/>
      <c r="PCU152" s="31"/>
      <c r="PCV152" s="31"/>
      <c r="PCW152" s="31"/>
      <c r="PCX152" s="31"/>
      <c r="PCY152" s="31"/>
      <c r="PCZ152" s="31"/>
      <c r="PDA152" s="31"/>
      <c r="PDB152" s="31"/>
      <c r="PDC152" s="31"/>
      <c r="PDD152" s="31"/>
      <c r="PDE152" s="31"/>
      <c r="PDF152" s="31"/>
      <c r="PDG152" s="31"/>
      <c r="PDH152" s="31"/>
      <c r="PDI152" s="31"/>
      <c r="PDJ152" s="31"/>
      <c r="PDK152" s="31"/>
      <c r="PDL152" s="31"/>
      <c r="PDM152" s="31"/>
      <c r="PDN152" s="31"/>
      <c r="PDO152" s="31"/>
      <c r="PDP152" s="31"/>
      <c r="PDQ152" s="31"/>
      <c r="PDR152" s="31"/>
      <c r="PDS152" s="31"/>
      <c r="PDT152" s="31"/>
      <c r="PDU152" s="31"/>
      <c r="PDV152" s="31"/>
      <c r="PDW152" s="31"/>
      <c r="PDX152" s="31"/>
      <c r="PDY152" s="31"/>
      <c r="PDZ152" s="31"/>
      <c r="PEA152" s="31"/>
      <c r="PEB152" s="31"/>
      <c r="PEC152" s="31"/>
      <c r="PED152" s="31"/>
      <c r="PEE152" s="31"/>
      <c r="PEF152" s="31"/>
      <c r="PEG152" s="31"/>
      <c r="PEH152" s="31"/>
      <c r="PEI152" s="31"/>
      <c r="PEJ152" s="31"/>
      <c r="PEK152" s="31"/>
      <c r="PEL152" s="31"/>
      <c r="PEM152" s="31"/>
      <c r="PEN152" s="31"/>
      <c r="PEO152" s="31"/>
      <c r="PEP152" s="31"/>
      <c r="PEQ152" s="31"/>
      <c r="PER152" s="31"/>
      <c r="PES152" s="31"/>
      <c r="PET152" s="31"/>
      <c r="PEU152" s="31"/>
      <c r="PEV152" s="31"/>
      <c r="PEW152" s="31"/>
      <c r="PEX152" s="31"/>
      <c r="PEY152" s="31"/>
      <c r="PEZ152" s="31"/>
      <c r="PFA152" s="31"/>
      <c r="PFB152" s="31"/>
      <c r="PFC152" s="31"/>
      <c r="PFD152" s="31"/>
      <c r="PFE152" s="31"/>
      <c r="PFF152" s="31"/>
      <c r="PFG152" s="31"/>
      <c r="PFH152" s="31"/>
      <c r="PFI152" s="31"/>
      <c r="PFJ152" s="31"/>
      <c r="PFK152" s="31"/>
      <c r="PFL152" s="31"/>
      <c r="PFM152" s="31"/>
      <c r="PFN152" s="31"/>
      <c r="PFO152" s="31"/>
      <c r="PFP152" s="31"/>
      <c r="PFQ152" s="31"/>
      <c r="PFR152" s="31"/>
      <c r="PFS152" s="31"/>
      <c r="PFT152" s="31"/>
      <c r="PFU152" s="31"/>
      <c r="PFV152" s="31"/>
      <c r="PFW152" s="31"/>
      <c r="PFX152" s="31"/>
      <c r="PFY152" s="31"/>
      <c r="PFZ152" s="31"/>
      <c r="PGA152" s="31"/>
      <c r="PGB152" s="31"/>
      <c r="PGC152" s="31"/>
      <c r="PGD152" s="31"/>
      <c r="PGE152" s="31"/>
      <c r="PGF152" s="31"/>
      <c r="PGG152" s="31"/>
      <c r="PGH152" s="31"/>
      <c r="PGI152" s="31"/>
      <c r="PGJ152" s="31"/>
      <c r="PGK152" s="31"/>
      <c r="PGL152" s="31"/>
      <c r="PGM152" s="31"/>
      <c r="PGN152" s="31"/>
      <c r="PGO152" s="31"/>
      <c r="PGP152" s="31"/>
      <c r="PGQ152" s="31"/>
      <c r="PGR152" s="31"/>
      <c r="PGS152" s="31"/>
      <c r="PGT152" s="31"/>
      <c r="PGU152" s="31"/>
      <c r="PGV152" s="31"/>
      <c r="PGW152" s="31"/>
      <c r="PGX152" s="31"/>
      <c r="PGY152" s="31"/>
      <c r="PGZ152" s="31"/>
      <c r="PHA152" s="31"/>
      <c r="PHB152" s="31"/>
      <c r="PHC152" s="31"/>
      <c r="PHD152" s="31"/>
      <c r="PHE152" s="31"/>
      <c r="PHF152" s="31"/>
      <c r="PHG152" s="31"/>
      <c r="PHH152" s="31"/>
      <c r="PHI152" s="31"/>
      <c r="PHJ152" s="31"/>
      <c r="PHK152" s="31"/>
      <c r="PHL152" s="31"/>
      <c r="PHM152" s="31"/>
      <c r="PHN152" s="31"/>
      <c r="PHO152" s="31"/>
      <c r="PHP152" s="31"/>
      <c r="PHQ152" s="31"/>
      <c r="PHR152" s="31"/>
      <c r="PHS152" s="31"/>
      <c r="PHT152" s="31"/>
      <c r="PHU152" s="31"/>
      <c r="PHV152" s="31"/>
      <c r="PHW152" s="31"/>
      <c r="PHX152" s="31"/>
      <c r="PHY152" s="31"/>
      <c r="PHZ152" s="31"/>
      <c r="PIA152" s="31"/>
      <c r="PIB152" s="31"/>
      <c r="PIC152" s="31"/>
      <c r="PID152" s="31"/>
      <c r="PIE152" s="31"/>
      <c r="PIF152" s="31"/>
      <c r="PIG152" s="31"/>
      <c r="PIH152" s="31"/>
      <c r="PII152" s="31"/>
      <c r="PIJ152" s="31"/>
      <c r="PIK152" s="31"/>
      <c r="PIL152" s="31"/>
      <c r="PIM152" s="31"/>
      <c r="PIN152" s="31"/>
      <c r="PIO152" s="31"/>
      <c r="PIP152" s="31"/>
      <c r="PIQ152" s="31"/>
      <c r="PIR152" s="31"/>
      <c r="PIS152" s="31"/>
      <c r="PIT152" s="31"/>
      <c r="PIU152" s="31"/>
      <c r="PIV152" s="31"/>
      <c r="PIW152" s="31"/>
      <c r="PIX152" s="31"/>
      <c r="PIY152" s="31"/>
      <c r="PIZ152" s="31"/>
      <c r="PJA152" s="31"/>
      <c r="PJB152" s="31"/>
      <c r="PJC152" s="31"/>
      <c r="PJD152" s="31"/>
      <c r="PJE152" s="31"/>
      <c r="PJF152" s="31"/>
      <c r="PJG152" s="31"/>
      <c r="PJH152" s="31"/>
      <c r="PJI152" s="31"/>
      <c r="PJJ152" s="31"/>
      <c r="PJK152" s="31"/>
      <c r="PJL152" s="31"/>
      <c r="PJM152" s="31"/>
      <c r="PJN152" s="31"/>
      <c r="PJO152" s="31"/>
      <c r="PJP152" s="31"/>
      <c r="PJQ152" s="31"/>
      <c r="PJR152" s="31"/>
      <c r="PJS152" s="31"/>
      <c r="PJT152" s="31"/>
      <c r="PJU152" s="31"/>
      <c r="PJV152" s="31"/>
      <c r="PJW152" s="31"/>
      <c r="PJX152" s="31"/>
      <c r="PJY152" s="31"/>
      <c r="PJZ152" s="31"/>
      <c r="PKA152" s="31"/>
      <c r="PKB152" s="31"/>
      <c r="PKC152" s="31"/>
      <c r="PKD152" s="31"/>
      <c r="PKE152" s="31"/>
      <c r="PKF152" s="31"/>
      <c r="PKG152" s="31"/>
      <c r="PKH152" s="31"/>
      <c r="PKI152" s="31"/>
      <c r="PKJ152" s="31"/>
      <c r="PKK152" s="31"/>
      <c r="PKL152" s="31"/>
      <c r="PKM152" s="31"/>
      <c r="PKN152" s="31"/>
      <c r="PKO152" s="31"/>
      <c r="PKP152" s="31"/>
      <c r="PKQ152" s="31"/>
      <c r="PKR152" s="31"/>
      <c r="PKS152" s="31"/>
      <c r="PKT152" s="31"/>
      <c r="PKU152" s="31"/>
      <c r="PKV152" s="31"/>
      <c r="PKW152" s="31"/>
      <c r="PKX152" s="31"/>
      <c r="PKY152" s="31"/>
      <c r="PKZ152" s="31"/>
      <c r="PLA152" s="31"/>
      <c r="PLB152" s="31"/>
      <c r="PLC152" s="31"/>
      <c r="PLD152" s="31"/>
      <c r="PLE152" s="31"/>
      <c r="PLF152" s="31"/>
      <c r="PLG152" s="31"/>
      <c r="PLH152" s="31"/>
      <c r="PLI152" s="31"/>
      <c r="PLJ152" s="31"/>
      <c r="PLK152" s="31"/>
      <c r="PLL152" s="31"/>
      <c r="PLM152" s="31"/>
      <c r="PLN152" s="31"/>
      <c r="PLO152" s="31"/>
      <c r="PLP152" s="31"/>
      <c r="PLQ152" s="31"/>
      <c r="PLR152" s="31"/>
      <c r="PLS152" s="31"/>
      <c r="PLT152" s="31"/>
      <c r="PLU152" s="31"/>
      <c r="PLV152" s="31"/>
      <c r="PLW152" s="31"/>
      <c r="PLX152" s="31"/>
      <c r="PLY152" s="31"/>
      <c r="PLZ152" s="31"/>
      <c r="PMA152" s="31"/>
      <c r="PMB152" s="31"/>
      <c r="PMC152" s="31"/>
      <c r="PMD152" s="31"/>
      <c r="PME152" s="31"/>
      <c r="PMF152" s="31"/>
      <c r="PMG152" s="31"/>
      <c r="PMH152" s="31"/>
      <c r="PMI152" s="31"/>
      <c r="PMJ152" s="31"/>
      <c r="PMK152" s="31"/>
      <c r="PML152" s="31"/>
      <c r="PMM152" s="31"/>
      <c r="PMN152" s="31"/>
      <c r="PMO152" s="31"/>
      <c r="PMP152" s="31"/>
      <c r="PMQ152" s="31"/>
      <c r="PMR152" s="31"/>
      <c r="PMS152" s="31"/>
      <c r="PMT152" s="31"/>
      <c r="PMU152" s="31"/>
      <c r="PMV152" s="31"/>
      <c r="PMW152" s="31"/>
      <c r="PMX152" s="31"/>
      <c r="PMY152" s="31"/>
      <c r="PMZ152" s="31"/>
      <c r="PNA152" s="31"/>
      <c r="PNB152" s="31"/>
      <c r="PNC152" s="31"/>
      <c r="PND152" s="31"/>
      <c r="PNE152" s="31"/>
      <c r="PNF152" s="31"/>
      <c r="PNG152" s="31"/>
      <c r="PNH152" s="31"/>
      <c r="PNI152" s="31"/>
      <c r="PNJ152" s="31"/>
      <c r="PNK152" s="31"/>
      <c r="PNL152" s="31"/>
      <c r="PNM152" s="31"/>
      <c r="PNN152" s="31"/>
      <c r="PNO152" s="31"/>
      <c r="PNP152" s="31"/>
      <c r="PNQ152" s="31"/>
      <c r="PNR152" s="31"/>
      <c r="PNS152" s="31"/>
      <c r="PNT152" s="31"/>
      <c r="PNU152" s="31"/>
      <c r="PNV152" s="31"/>
      <c r="PNW152" s="31"/>
      <c r="PNX152" s="31"/>
      <c r="PNY152" s="31"/>
      <c r="PNZ152" s="31"/>
      <c r="POA152" s="31"/>
      <c r="POB152" s="31"/>
      <c r="POC152" s="31"/>
      <c r="POD152" s="31"/>
      <c r="POE152" s="31"/>
      <c r="POF152" s="31"/>
      <c r="POG152" s="31"/>
      <c r="POH152" s="31"/>
      <c r="POI152" s="31"/>
      <c r="POJ152" s="31"/>
      <c r="POK152" s="31"/>
      <c r="POL152" s="31"/>
      <c r="POM152" s="31"/>
      <c r="PON152" s="31"/>
      <c r="POO152" s="31"/>
      <c r="POP152" s="31"/>
      <c r="POQ152" s="31"/>
      <c r="POR152" s="31"/>
      <c r="POS152" s="31"/>
      <c r="POT152" s="31"/>
      <c r="POU152" s="31"/>
      <c r="POV152" s="31"/>
      <c r="POW152" s="31"/>
      <c r="POX152" s="31"/>
      <c r="POY152" s="31"/>
      <c r="POZ152" s="31"/>
      <c r="PPA152" s="31"/>
      <c r="PPB152" s="31"/>
      <c r="PPC152" s="31"/>
      <c r="PPD152" s="31"/>
      <c r="PPE152" s="31"/>
      <c r="PPF152" s="31"/>
      <c r="PPG152" s="31"/>
      <c r="PPH152" s="31"/>
      <c r="PPI152" s="31"/>
      <c r="PPJ152" s="31"/>
      <c r="PPK152" s="31"/>
      <c r="PPL152" s="31"/>
      <c r="PPM152" s="31"/>
      <c r="PPN152" s="31"/>
      <c r="PPO152" s="31"/>
      <c r="PPP152" s="31"/>
      <c r="PPQ152" s="31"/>
      <c r="PPR152" s="31"/>
      <c r="PPS152" s="31"/>
      <c r="PPT152" s="31"/>
      <c r="PPU152" s="31"/>
      <c r="PPV152" s="31"/>
      <c r="PPW152" s="31"/>
      <c r="PPX152" s="31"/>
      <c r="PPY152" s="31"/>
      <c r="PPZ152" s="31"/>
      <c r="PQA152" s="31"/>
      <c r="PQB152" s="31"/>
      <c r="PQC152" s="31"/>
      <c r="PQD152" s="31"/>
      <c r="PQE152" s="31"/>
      <c r="PQF152" s="31"/>
      <c r="PQG152" s="31"/>
      <c r="PQH152" s="31"/>
      <c r="PQI152" s="31"/>
      <c r="PQJ152" s="31"/>
      <c r="PQK152" s="31"/>
      <c r="PQL152" s="31"/>
      <c r="PQM152" s="31"/>
      <c r="PQN152" s="31"/>
      <c r="PQO152" s="31"/>
      <c r="PQP152" s="31"/>
      <c r="PQQ152" s="31"/>
      <c r="PQR152" s="31"/>
      <c r="PQS152" s="31"/>
      <c r="PQT152" s="31"/>
      <c r="PQU152" s="31"/>
      <c r="PQV152" s="31"/>
      <c r="PQW152" s="31"/>
      <c r="PQX152" s="31"/>
      <c r="PQY152" s="31"/>
      <c r="PQZ152" s="31"/>
      <c r="PRA152" s="31"/>
      <c r="PRB152" s="31"/>
      <c r="PRC152" s="31"/>
      <c r="PRD152" s="31"/>
      <c r="PRE152" s="31"/>
      <c r="PRF152" s="31"/>
      <c r="PRG152" s="31"/>
      <c r="PRH152" s="31"/>
      <c r="PRI152" s="31"/>
      <c r="PRJ152" s="31"/>
      <c r="PRK152" s="31"/>
      <c r="PRL152" s="31"/>
      <c r="PRM152" s="31"/>
      <c r="PRN152" s="31"/>
      <c r="PRO152" s="31"/>
      <c r="PRP152" s="31"/>
      <c r="PRQ152" s="31"/>
      <c r="PRR152" s="31"/>
      <c r="PRS152" s="31"/>
      <c r="PRT152" s="31"/>
      <c r="PRU152" s="31"/>
      <c r="PRV152" s="31"/>
      <c r="PRW152" s="31"/>
      <c r="PRX152" s="31"/>
      <c r="PRY152" s="31"/>
      <c r="PRZ152" s="31"/>
      <c r="PSA152" s="31"/>
      <c r="PSB152" s="31"/>
      <c r="PSC152" s="31"/>
      <c r="PSD152" s="31"/>
      <c r="PSE152" s="31"/>
      <c r="PSF152" s="31"/>
      <c r="PSG152" s="31"/>
      <c r="PSH152" s="31"/>
      <c r="PSI152" s="31"/>
      <c r="PSJ152" s="31"/>
      <c r="PSK152" s="31"/>
      <c r="PSL152" s="31"/>
      <c r="PSM152" s="31"/>
      <c r="PSN152" s="31"/>
      <c r="PSO152" s="31"/>
      <c r="PSP152" s="31"/>
      <c r="PSQ152" s="31"/>
      <c r="PSR152" s="31"/>
      <c r="PSS152" s="31"/>
      <c r="PST152" s="31"/>
      <c r="PSU152" s="31"/>
      <c r="PSV152" s="31"/>
      <c r="PSW152" s="31"/>
      <c r="PSX152" s="31"/>
      <c r="PSY152" s="31"/>
      <c r="PSZ152" s="31"/>
      <c r="PTA152" s="31"/>
      <c r="PTB152" s="31"/>
      <c r="PTC152" s="31"/>
      <c r="PTD152" s="31"/>
      <c r="PTE152" s="31"/>
      <c r="PTF152" s="31"/>
      <c r="PTG152" s="31"/>
      <c r="PTH152" s="31"/>
      <c r="PTI152" s="31"/>
      <c r="PTJ152" s="31"/>
      <c r="PTK152" s="31"/>
      <c r="PTL152" s="31"/>
      <c r="PTM152" s="31"/>
      <c r="PTN152" s="31"/>
      <c r="PTO152" s="31"/>
      <c r="PTP152" s="31"/>
      <c r="PTQ152" s="31"/>
      <c r="PTR152" s="31"/>
      <c r="PTS152" s="31"/>
      <c r="PTT152" s="31"/>
      <c r="PTU152" s="31"/>
      <c r="PTV152" s="31"/>
      <c r="PTW152" s="31"/>
      <c r="PTX152" s="31"/>
      <c r="PTY152" s="31"/>
      <c r="PTZ152" s="31"/>
      <c r="PUA152" s="31"/>
      <c r="PUB152" s="31"/>
      <c r="PUC152" s="31"/>
      <c r="PUD152" s="31"/>
      <c r="PUE152" s="31"/>
      <c r="PUF152" s="31"/>
      <c r="PUG152" s="31"/>
      <c r="PUH152" s="31"/>
      <c r="PUI152" s="31"/>
      <c r="PUJ152" s="31"/>
      <c r="PUK152" s="31"/>
      <c r="PUL152" s="31"/>
      <c r="PUM152" s="31"/>
      <c r="PUN152" s="31"/>
      <c r="PUO152" s="31"/>
      <c r="PUP152" s="31"/>
      <c r="PUQ152" s="31"/>
      <c r="PUR152" s="31"/>
      <c r="PUS152" s="31"/>
      <c r="PUT152" s="31"/>
      <c r="PUU152" s="31"/>
      <c r="PUV152" s="31"/>
      <c r="PUW152" s="31"/>
      <c r="PUX152" s="31"/>
      <c r="PUY152" s="31"/>
      <c r="PUZ152" s="31"/>
      <c r="PVA152" s="31"/>
      <c r="PVB152" s="31"/>
      <c r="PVC152" s="31"/>
      <c r="PVD152" s="31"/>
      <c r="PVE152" s="31"/>
      <c r="PVF152" s="31"/>
      <c r="PVG152" s="31"/>
      <c r="PVH152" s="31"/>
      <c r="PVI152" s="31"/>
      <c r="PVJ152" s="31"/>
      <c r="PVK152" s="31"/>
      <c r="PVL152" s="31"/>
      <c r="PVM152" s="31"/>
      <c r="PVN152" s="31"/>
      <c r="PVO152" s="31"/>
      <c r="PVP152" s="31"/>
      <c r="PVQ152" s="31"/>
      <c r="PVR152" s="31"/>
      <c r="PVS152" s="31"/>
      <c r="PVT152" s="31"/>
      <c r="PVU152" s="31"/>
      <c r="PVV152" s="31"/>
      <c r="PVW152" s="31"/>
      <c r="PVX152" s="31"/>
      <c r="PVY152" s="31"/>
      <c r="PVZ152" s="31"/>
      <c r="PWA152" s="31"/>
      <c r="PWB152" s="31"/>
      <c r="PWC152" s="31"/>
      <c r="PWD152" s="31"/>
      <c r="PWE152" s="31"/>
      <c r="PWF152" s="31"/>
      <c r="PWG152" s="31"/>
      <c r="PWH152" s="31"/>
      <c r="PWI152" s="31"/>
      <c r="PWJ152" s="31"/>
      <c r="PWK152" s="31"/>
      <c r="PWL152" s="31"/>
      <c r="PWM152" s="31"/>
      <c r="PWN152" s="31"/>
      <c r="PWO152" s="31"/>
      <c r="PWP152" s="31"/>
      <c r="PWQ152" s="31"/>
      <c r="PWR152" s="31"/>
      <c r="PWS152" s="31"/>
      <c r="PWT152" s="31"/>
      <c r="PWU152" s="31"/>
      <c r="PWV152" s="31"/>
      <c r="PWW152" s="31"/>
      <c r="PWX152" s="31"/>
      <c r="PWY152" s="31"/>
      <c r="PWZ152" s="31"/>
      <c r="PXA152" s="31"/>
      <c r="PXB152" s="31"/>
      <c r="PXC152" s="31"/>
      <c r="PXD152" s="31"/>
      <c r="PXE152" s="31"/>
      <c r="PXF152" s="31"/>
      <c r="PXG152" s="31"/>
      <c r="PXH152" s="31"/>
      <c r="PXI152" s="31"/>
      <c r="PXJ152" s="31"/>
      <c r="PXK152" s="31"/>
      <c r="PXL152" s="31"/>
      <c r="PXM152" s="31"/>
      <c r="PXN152" s="31"/>
      <c r="PXO152" s="31"/>
      <c r="PXP152" s="31"/>
      <c r="PXQ152" s="31"/>
      <c r="PXR152" s="31"/>
      <c r="PXS152" s="31"/>
      <c r="PXT152" s="31"/>
      <c r="PXU152" s="31"/>
      <c r="PXV152" s="31"/>
      <c r="PXW152" s="31"/>
      <c r="PXX152" s="31"/>
      <c r="PXY152" s="31"/>
      <c r="PXZ152" s="31"/>
      <c r="PYA152" s="31"/>
      <c r="PYB152" s="31"/>
      <c r="PYC152" s="31"/>
      <c r="PYD152" s="31"/>
      <c r="PYE152" s="31"/>
      <c r="PYF152" s="31"/>
      <c r="PYG152" s="31"/>
      <c r="PYH152" s="31"/>
      <c r="PYI152" s="31"/>
      <c r="PYJ152" s="31"/>
      <c r="PYK152" s="31"/>
      <c r="PYL152" s="31"/>
      <c r="PYM152" s="31"/>
      <c r="PYN152" s="31"/>
      <c r="PYO152" s="31"/>
      <c r="PYP152" s="31"/>
      <c r="PYQ152" s="31"/>
      <c r="PYR152" s="31"/>
      <c r="PYS152" s="31"/>
      <c r="PYT152" s="31"/>
      <c r="PYU152" s="31"/>
      <c r="PYV152" s="31"/>
      <c r="PYW152" s="31"/>
      <c r="PYX152" s="31"/>
      <c r="PYY152" s="31"/>
      <c r="PYZ152" s="31"/>
      <c r="PZA152" s="31"/>
      <c r="PZB152" s="31"/>
      <c r="PZC152" s="31"/>
      <c r="PZD152" s="31"/>
      <c r="PZE152" s="31"/>
      <c r="PZF152" s="31"/>
      <c r="PZG152" s="31"/>
      <c r="PZH152" s="31"/>
      <c r="PZI152" s="31"/>
      <c r="PZJ152" s="31"/>
      <c r="PZK152" s="31"/>
      <c r="PZL152" s="31"/>
      <c r="PZM152" s="31"/>
      <c r="PZN152" s="31"/>
      <c r="PZO152" s="31"/>
      <c r="PZP152" s="31"/>
      <c r="PZQ152" s="31"/>
      <c r="PZR152" s="31"/>
      <c r="PZS152" s="31"/>
      <c r="PZT152" s="31"/>
      <c r="PZU152" s="31"/>
      <c r="PZV152" s="31"/>
      <c r="PZW152" s="31"/>
      <c r="PZX152" s="31"/>
      <c r="PZY152" s="31"/>
      <c r="PZZ152" s="31"/>
      <c r="QAA152" s="31"/>
      <c r="QAB152" s="31"/>
      <c r="QAC152" s="31"/>
      <c r="QAD152" s="31"/>
      <c r="QAE152" s="31"/>
      <c r="QAF152" s="31"/>
      <c r="QAG152" s="31"/>
      <c r="QAH152" s="31"/>
      <c r="QAI152" s="31"/>
      <c r="QAJ152" s="31"/>
      <c r="QAK152" s="31"/>
      <c r="QAL152" s="31"/>
      <c r="QAM152" s="31"/>
      <c r="QAN152" s="31"/>
      <c r="QAO152" s="31"/>
      <c r="QAP152" s="31"/>
      <c r="QAQ152" s="31"/>
      <c r="QAR152" s="31"/>
      <c r="QAS152" s="31"/>
      <c r="QAT152" s="31"/>
      <c r="QAU152" s="31"/>
      <c r="QAV152" s="31"/>
      <c r="QAW152" s="31"/>
      <c r="QAX152" s="31"/>
      <c r="QAY152" s="31"/>
      <c r="QAZ152" s="31"/>
      <c r="QBA152" s="31"/>
      <c r="QBB152" s="31"/>
      <c r="QBC152" s="31"/>
      <c r="QBD152" s="31"/>
      <c r="QBE152" s="31"/>
      <c r="QBF152" s="31"/>
      <c r="QBG152" s="31"/>
      <c r="QBH152" s="31"/>
      <c r="QBI152" s="31"/>
      <c r="QBJ152" s="31"/>
      <c r="QBK152" s="31"/>
      <c r="QBL152" s="31"/>
      <c r="QBM152" s="31"/>
      <c r="QBN152" s="31"/>
      <c r="QBO152" s="31"/>
      <c r="QBP152" s="31"/>
      <c r="QBQ152" s="31"/>
      <c r="QBR152" s="31"/>
      <c r="QBS152" s="31"/>
      <c r="QBT152" s="31"/>
      <c r="QBU152" s="31"/>
      <c r="QBV152" s="31"/>
      <c r="QBW152" s="31"/>
      <c r="QBX152" s="31"/>
      <c r="QBY152" s="31"/>
      <c r="QBZ152" s="31"/>
      <c r="QCA152" s="31"/>
      <c r="QCB152" s="31"/>
      <c r="QCC152" s="31"/>
      <c r="QCD152" s="31"/>
      <c r="QCE152" s="31"/>
      <c r="QCF152" s="31"/>
      <c r="QCG152" s="31"/>
      <c r="QCH152" s="31"/>
      <c r="QCI152" s="31"/>
      <c r="QCJ152" s="31"/>
      <c r="QCK152" s="31"/>
      <c r="QCL152" s="31"/>
      <c r="QCM152" s="31"/>
      <c r="QCN152" s="31"/>
      <c r="QCO152" s="31"/>
      <c r="QCP152" s="31"/>
      <c r="QCQ152" s="31"/>
      <c r="QCR152" s="31"/>
      <c r="QCS152" s="31"/>
      <c r="QCT152" s="31"/>
      <c r="QCU152" s="31"/>
      <c r="QCV152" s="31"/>
      <c r="QCW152" s="31"/>
      <c r="QCX152" s="31"/>
      <c r="QCY152" s="31"/>
      <c r="QCZ152" s="31"/>
      <c r="QDA152" s="31"/>
      <c r="QDB152" s="31"/>
      <c r="QDC152" s="31"/>
      <c r="QDD152" s="31"/>
      <c r="QDE152" s="31"/>
      <c r="QDF152" s="31"/>
      <c r="QDG152" s="31"/>
      <c r="QDH152" s="31"/>
      <c r="QDI152" s="31"/>
      <c r="QDJ152" s="31"/>
      <c r="QDK152" s="31"/>
      <c r="QDL152" s="31"/>
      <c r="QDM152" s="31"/>
      <c r="QDN152" s="31"/>
      <c r="QDO152" s="31"/>
      <c r="QDP152" s="31"/>
      <c r="QDQ152" s="31"/>
      <c r="QDR152" s="31"/>
      <c r="QDS152" s="31"/>
      <c r="QDT152" s="31"/>
      <c r="QDU152" s="31"/>
      <c r="QDV152" s="31"/>
      <c r="QDW152" s="31"/>
      <c r="QDX152" s="31"/>
      <c r="QDY152" s="31"/>
      <c r="QDZ152" s="31"/>
      <c r="QEA152" s="31"/>
      <c r="QEB152" s="31"/>
      <c r="QEC152" s="31"/>
      <c r="QED152" s="31"/>
      <c r="QEE152" s="31"/>
      <c r="QEF152" s="31"/>
      <c r="QEG152" s="31"/>
      <c r="QEH152" s="31"/>
      <c r="QEI152" s="31"/>
      <c r="QEJ152" s="31"/>
      <c r="QEK152" s="31"/>
      <c r="QEL152" s="31"/>
      <c r="QEM152" s="31"/>
      <c r="QEN152" s="31"/>
      <c r="QEO152" s="31"/>
      <c r="QEP152" s="31"/>
      <c r="QEQ152" s="31"/>
      <c r="QER152" s="31"/>
      <c r="QES152" s="31"/>
      <c r="QET152" s="31"/>
      <c r="QEU152" s="31"/>
      <c r="QEV152" s="31"/>
      <c r="QEW152" s="31"/>
      <c r="QEX152" s="31"/>
      <c r="QEY152" s="31"/>
      <c r="QEZ152" s="31"/>
      <c r="QFA152" s="31"/>
      <c r="QFB152" s="31"/>
      <c r="QFC152" s="31"/>
      <c r="QFD152" s="31"/>
      <c r="QFE152" s="31"/>
      <c r="QFF152" s="31"/>
      <c r="QFG152" s="31"/>
      <c r="QFH152" s="31"/>
      <c r="QFI152" s="31"/>
      <c r="QFJ152" s="31"/>
      <c r="QFK152" s="31"/>
      <c r="QFL152" s="31"/>
      <c r="QFM152" s="31"/>
      <c r="QFN152" s="31"/>
      <c r="QFO152" s="31"/>
      <c r="QFP152" s="31"/>
      <c r="QFQ152" s="31"/>
      <c r="QFR152" s="31"/>
      <c r="QFS152" s="31"/>
      <c r="QFT152" s="31"/>
      <c r="QFU152" s="31"/>
      <c r="QFV152" s="31"/>
      <c r="QFW152" s="31"/>
      <c r="QFX152" s="31"/>
      <c r="QFY152" s="31"/>
      <c r="QFZ152" s="31"/>
      <c r="QGA152" s="31"/>
      <c r="QGB152" s="31"/>
      <c r="QGC152" s="31"/>
      <c r="QGD152" s="31"/>
      <c r="QGE152" s="31"/>
      <c r="QGF152" s="31"/>
      <c r="QGG152" s="31"/>
      <c r="QGH152" s="31"/>
      <c r="QGI152" s="31"/>
      <c r="QGJ152" s="31"/>
      <c r="QGK152" s="31"/>
      <c r="QGL152" s="31"/>
      <c r="QGM152" s="31"/>
      <c r="QGN152" s="31"/>
      <c r="QGO152" s="31"/>
      <c r="QGP152" s="31"/>
      <c r="QGQ152" s="31"/>
      <c r="QGR152" s="31"/>
      <c r="QGS152" s="31"/>
      <c r="QGT152" s="31"/>
      <c r="QGU152" s="31"/>
      <c r="QGV152" s="31"/>
      <c r="QGW152" s="31"/>
      <c r="QGX152" s="31"/>
      <c r="QGY152" s="31"/>
      <c r="QGZ152" s="31"/>
      <c r="QHA152" s="31"/>
      <c r="QHB152" s="31"/>
      <c r="QHC152" s="31"/>
      <c r="QHD152" s="31"/>
      <c r="QHE152" s="31"/>
      <c r="QHF152" s="31"/>
      <c r="QHG152" s="31"/>
      <c r="QHH152" s="31"/>
      <c r="QHI152" s="31"/>
      <c r="QHJ152" s="31"/>
      <c r="QHK152" s="31"/>
      <c r="QHL152" s="31"/>
      <c r="QHM152" s="31"/>
      <c r="QHN152" s="31"/>
      <c r="QHO152" s="31"/>
      <c r="QHP152" s="31"/>
      <c r="QHQ152" s="31"/>
      <c r="QHR152" s="31"/>
      <c r="QHS152" s="31"/>
      <c r="QHT152" s="31"/>
      <c r="QHU152" s="31"/>
      <c r="QHV152" s="31"/>
      <c r="QHW152" s="31"/>
      <c r="QHX152" s="31"/>
      <c r="QHY152" s="31"/>
      <c r="QHZ152" s="31"/>
      <c r="QIA152" s="31"/>
      <c r="QIB152" s="31"/>
      <c r="QIC152" s="31"/>
      <c r="QID152" s="31"/>
      <c r="QIE152" s="31"/>
      <c r="QIF152" s="31"/>
      <c r="QIG152" s="31"/>
      <c r="QIH152" s="31"/>
      <c r="QII152" s="31"/>
      <c r="QIJ152" s="31"/>
      <c r="QIK152" s="31"/>
      <c r="QIL152" s="31"/>
      <c r="QIM152" s="31"/>
      <c r="QIN152" s="31"/>
      <c r="QIO152" s="31"/>
      <c r="QIP152" s="31"/>
      <c r="QIQ152" s="31"/>
      <c r="QIR152" s="31"/>
      <c r="QIS152" s="31"/>
      <c r="QIT152" s="31"/>
      <c r="QIU152" s="31"/>
      <c r="QIV152" s="31"/>
      <c r="QIW152" s="31"/>
      <c r="QIX152" s="31"/>
      <c r="QIY152" s="31"/>
      <c r="QIZ152" s="31"/>
      <c r="QJA152" s="31"/>
      <c r="QJB152" s="31"/>
      <c r="QJC152" s="31"/>
      <c r="QJD152" s="31"/>
      <c r="QJE152" s="31"/>
      <c r="QJF152" s="31"/>
      <c r="QJG152" s="31"/>
      <c r="QJH152" s="31"/>
      <c r="QJI152" s="31"/>
      <c r="QJJ152" s="31"/>
      <c r="QJK152" s="31"/>
      <c r="QJL152" s="31"/>
      <c r="QJM152" s="31"/>
      <c r="QJN152" s="31"/>
      <c r="QJO152" s="31"/>
      <c r="QJP152" s="31"/>
      <c r="QJQ152" s="31"/>
      <c r="QJR152" s="31"/>
      <c r="QJS152" s="31"/>
      <c r="QJT152" s="31"/>
      <c r="QJU152" s="31"/>
      <c r="QJV152" s="31"/>
      <c r="QJW152" s="31"/>
      <c r="QJX152" s="31"/>
      <c r="QJY152" s="31"/>
      <c r="QJZ152" s="31"/>
      <c r="QKA152" s="31"/>
      <c r="QKB152" s="31"/>
      <c r="QKC152" s="31"/>
      <c r="QKD152" s="31"/>
      <c r="QKE152" s="31"/>
      <c r="QKF152" s="31"/>
      <c r="QKG152" s="31"/>
      <c r="QKH152" s="31"/>
      <c r="QKI152" s="31"/>
      <c r="QKJ152" s="31"/>
      <c r="QKK152" s="31"/>
      <c r="QKL152" s="31"/>
      <c r="QKM152" s="31"/>
      <c r="QKN152" s="31"/>
      <c r="QKO152" s="31"/>
      <c r="QKP152" s="31"/>
      <c r="QKQ152" s="31"/>
      <c r="QKR152" s="31"/>
      <c r="QKS152" s="31"/>
      <c r="QKT152" s="31"/>
      <c r="QKU152" s="31"/>
      <c r="QKV152" s="31"/>
      <c r="QKW152" s="31"/>
      <c r="QKX152" s="31"/>
      <c r="QKY152" s="31"/>
      <c r="QKZ152" s="31"/>
      <c r="QLA152" s="31"/>
      <c r="QLB152" s="31"/>
      <c r="QLC152" s="31"/>
      <c r="QLD152" s="31"/>
      <c r="QLE152" s="31"/>
      <c r="QLF152" s="31"/>
      <c r="QLG152" s="31"/>
      <c r="QLH152" s="31"/>
      <c r="QLI152" s="31"/>
      <c r="QLJ152" s="31"/>
      <c r="QLK152" s="31"/>
      <c r="QLL152" s="31"/>
      <c r="QLM152" s="31"/>
      <c r="QLN152" s="31"/>
      <c r="QLO152" s="31"/>
      <c r="QLP152" s="31"/>
      <c r="QLQ152" s="31"/>
      <c r="QLR152" s="31"/>
      <c r="QLS152" s="31"/>
      <c r="QLT152" s="31"/>
      <c r="QLU152" s="31"/>
      <c r="QLV152" s="31"/>
      <c r="QLW152" s="31"/>
      <c r="QLX152" s="31"/>
      <c r="QLY152" s="31"/>
      <c r="QLZ152" s="31"/>
      <c r="QMA152" s="31"/>
      <c r="QMB152" s="31"/>
      <c r="QMC152" s="31"/>
      <c r="QMD152" s="31"/>
      <c r="QME152" s="31"/>
      <c r="QMF152" s="31"/>
      <c r="QMG152" s="31"/>
      <c r="QMH152" s="31"/>
      <c r="QMI152" s="31"/>
      <c r="QMJ152" s="31"/>
      <c r="QMK152" s="31"/>
      <c r="QML152" s="31"/>
      <c r="QMM152" s="31"/>
      <c r="QMN152" s="31"/>
      <c r="QMO152" s="31"/>
      <c r="QMP152" s="31"/>
      <c r="QMQ152" s="31"/>
      <c r="QMR152" s="31"/>
      <c r="QMS152" s="31"/>
      <c r="QMT152" s="31"/>
      <c r="QMU152" s="31"/>
      <c r="QMV152" s="31"/>
      <c r="QMW152" s="31"/>
      <c r="QMX152" s="31"/>
      <c r="QMY152" s="31"/>
      <c r="QMZ152" s="31"/>
      <c r="QNA152" s="31"/>
      <c r="QNB152" s="31"/>
      <c r="QNC152" s="31"/>
      <c r="QND152" s="31"/>
      <c r="QNE152" s="31"/>
      <c r="QNF152" s="31"/>
      <c r="QNG152" s="31"/>
      <c r="QNH152" s="31"/>
      <c r="QNI152" s="31"/>
      <c r="QNJ152" s="31"/>
      <c r="QNK152" s="31"/>
      <c r="QNL152" s="31"/>
      <c r="QNM152" s="31"/>
      <c r="QNN152" s="31"/>
      <c r="QNO152" s="31"/>
      <c r="QNP152" s="31"/>
      <c r="QNQ152" s="31"/>
      <c r="QNR152" s="31"/>
      <c r="QNS152" s="31"/>
      <c r="QNT152" s="31"/>
      <c r="QNU152" s="31"/>
      <c r="QNV152" s="31"/>
      <c r="QNW152" s="31"/>
      <c r="QNX152" s="31"/>
      <c r="QNY152" s="31"/>
      <c r="QNZ152" s="31"/>
      <c r="QOA152" s="31"/>
      <c r="QOB152" s="31"/>
      <c r="QOC152" s="31"/>
      <c r="QOD152" s="31"/>
      <c r="QOE152" s="31"/>
      <c r="QOF152" s="31"/>
      <c r="QOG152" s="31"/>
      <c r="QOH152" s="31"/>
      <c r="QOI152" s="31"/>
      <c r="QOJ152" s="31"/>
      <c r="QOK152" s="31"/>
      <c r="QOL152" s="31"/>
      <c r="QOM152" s="31"/>
      <c r="QON152" s="31"/>
      <c r="QOO152" s="31"/>
      <c r="QOP152" s="31"/>
      <c r="QOQ152" s="31"/>
      <c r="QOR152" s="31"/>
      <c r="QOS152" s="31"/>
      <c r="QOT152" s="31"/>
      <c r="QOU152" s="31"/>
      <c r="QOV152" s="31"/>
      <c r="QOW152" s="31"/>
      <c r="QOX152" s="31"/>
      <c r="QOY152" s="31"/>
      <c r="QOZ152" s="31"/>
      <c r="QPA152" s="31"/>
      <c r="QPB152" s="31"/>
      <c r="QPC152" s="31"/>
      <c r="QPD152" s="31"/>
      <c r="QPE152" s="31"/>
      <c r="QPF152" s="31"/>
      <c r="QPG152" s="31"/>
      <c r="QPH152" s="31"/>
      <c r="QPI152" s="31"/>
      <c r="QPJ152" s="31"/>
      <c r="QPK152" s="31"/>
      <c r="QPL152" s="31"/>
      <c r="QPM152" s="31"/>
      <c r="QPN152" s="31"/>
      <c r="QPO152" s="31"/>
      <c r="QPP152" s="31"/>
      <c r="QPQ152" s="31"/>
      <c r="QPR152" s="31"/>
      <c r="QPS152" s="31"/>
      <c r="QPT152" s="31"/>
      <c r="QPU152" s="31"/>
      <c r="QPV152" s="31"/>
      <c r="QPW152" s="31"/>
      <c r="QPX152" s="31"/>
      <c r="QPY152" s="31"/>
      <c r="QPZ152" s="31"/>
      <c r="QQA152" s="31"/>
      <c r="QQB152" s="31"/>
      <c r="QQC152" s="31"/>
      <c r="QQD152" s="31"/>
      <c r="QQE152" s="31"/>
      <c r="QQF152" s="31"/>
      <c r="QQG152" s="31"/>
      <c r="QQH152" s="31"/>
      <c r="QQI152" s="31"/>
      <c r="QQJ152" s="31"/>
      <c r="QQK152" s="31"/>
      <c r="QQL152" s="31"/>
      <c r="QQM152" s="31"/>
      <c r="QQN152" s="31"/>
      <c r="QQO152" s="31"/>
      <c r="QQP152" s="31"/>
      <c r="QQQ152" s="31"/>
      <c r="QQR152" s="31"/>
      <c r="QQS152" s="31"/>
      <c r="QQT152" s="31"/>
      <c r="QQU152" s="31"/>
      <c r="QQV152" s="31"/>
      <c r="QQW152" s="31"/>
      <c r="QQX152" s="31"/>
      <c r="QQY152" s="31"/>
      <c r="QQZ152" s="31"/>
      <c r="QRA152" s="31"/>
      <c r="QRB152" s="31"/>
      <c r="QRC152" s="31"/>
      <c r="QRD152" s="31"/>
      <c r="QRE152" s="31"/>
      <c r="QRF152" s="31"/>
      <c r="QRG152" s="31"/>
      <c r="QRH152" s="31"/>
      <c r="QRI152" s="31"/>
      <c r="QRJ152" s="31"/>
      <c r="QRK152" s="31"/>
      <c r="QRL152" s="31"/>
      <c r="QRM152" s="31"/>
      <c r="QRN152" s="31"/>
      <c r="QRO152" s="31"/>
      <c r="QRP152" s="31"/>
      <c r="QRQ152" s="31"/>
      <c r="QRR152" s="31"/>
      <c r="QRS152" s="31"/>
      <c r="QRT152" s="31"/>
      <c r="QRU152" s="31"/>
      <c r="QRV152" s="31"/>
      <c r="QRW152" s="31"/>
      <c r="QRX152" s="31"/>
      <c r="QRY152" s="31"/>
      <c r="QRZ152" s="31"/>
      <c r="QSA152" s="31"/>
      <c r="QSB152" s="31"/>
      <c r="QSC152" s="31"/>
      <c r="QSD152" s="31"/>
      <c r="QSE152" s="31"/>
      <c r="QSF152" s="31"/>
      <c r="QSG152" s="31"/>
      <c r="QSH152" s="31"/>
      <c r="QSI152" s="31"/>
      <c r="QSJ152" s="31"/>
      <c r="QSK152" s="31"/>
      <c r="QSL152" s="31"/>
      <c r="QSM152" s="31"/>
      <c r="QSN152" s="31"/>
      <c r="QSO152" s="31"/>
      <c r="QSP152" s="31"/>
      <c r="QSQ152" s="31"/>
      <c r="QSR152" s="31"/>
      <c r="QSS152" s="31"/>
      <c r="QST152" s="31"/>
      <c r="QSU152" s="31"/>
      <c r="QSV152" s="31"/>
      <c r="QSW152" s="31"/>
      <c r="QSX152" s="31"/>
      <c r="QSY152" s="31"/>
      <c r="QSZ152" s="31"/>
      <c r="QTA152" s="31"/>
      <c r="QTB152" s="31"/>
      <c r="QTC152" s="31"/>
      <c r="QTD152" s="31"/>
      <c r="QTE152" s="31"/>
      <c r="QTF152" s="31"/>
      <c r="QTG152" s="31"/>
      <c r="QTH152" s="31"/>
      <c r="QTI152" s="31"/>
      <c r="QTJ152" s="31"/>
      <c r="QTK152" s="31"/>
      <c r="QTL152" s="31"/>
      <c r="QTM152" s="31"/>
      <c r="QTN152" s="31"/>
      <c r="QTO152" s="31"/>
      <c r="QTP152" s="31"/>
      <c r="QTQ152" s="31"/>
      <c r="QTR152" s="31"/>
      <c r="QTS152" s="31"/>
      <c r="QTT152" s="31"/>
      <c r="QTU152" s="31"/>
      <c r="QTV152" s="31"/>
      <c r="QTW152" s="31"/>
      <c r="QTX152" s="31"/>
      <c r="QTY152" s="31"/>
      <c r="QTZ152" s="31"/>
      <c r="QUA152" s="31"/>
      <c r="QUB152" s="31"/>
      <c r="QUC152" s="31"/>
      <c r="QUD152" s="31"/>
      <c r="QUE152" s="31"/>
      <c r="QUF152" s="31"/>
      <c r="QUG152" s="31"/>
      <c r="QUH152" s="31"/>
      <c r="QUI152" s="31"/>
      <c r="QUJ152" s="31"/>
      <c r="QUK152" s="31"/>
      <c r="QUL152" s="31"/>
      <c r="QUM152" s="31"/>
      <c r="QUN152" s="31"/>
      <c r="QUO152" s="31"/>
      <c r="QUP152" s="31"/>
      <c r="QUQ152" s="31"/>
      <c r="QUR152" s="31"/>
      <c r="QUS152" s="31"/>
      <c r="QUT152" s="31"/>
      <c r="QUU152" s="31"/>
      <c r="QUV152" s="31"/>
      <c r="QUW152" s="31"/>
      <c r="QUX152" s="31"/>
      <c r="QUY152" s="31"/>
      <c r="QUZ152" s="31"/>
      <c r="QVA152" s="31"/>
      <c r="QVB152" s="31"/>
      <c r="QVC152" s="31"/>
      <c r="QVD152" s="31"/>
      <c r="QVE152" s="31"/>
      <c r="QVF152" s="31"/>
      <c r="QVG152" s="31"/>
      <c r="QVH152" s="31"/>
      <c r="QVI152" s="31"/>
      <c r="QVJ152" s="31"/>
      <c r="QVK152" s="31"/>
      <c r="QVL152" s="31"/>
      <c r="QVM152" s="31"/>
      <c r="QVN152" s="31"/>
      <c r="QVO152" s="31"/>
      <c r="QVP152" s="31"/>
      <c r="QVQ152" s="31"/>
      <c r="QVR152" s="31"/>
      <c r="QVS152" s="31"/>
      <c r="QVT152" s="31"/>
      <c r="QVU152" s="31"/>
      <c r="QVV152" s="31"/>
      <c r="QVW152" s="31"/>
      <c r="QVX152" s="31"/>
      <c r="QVY152" s="31"/>
      <c r="QVZ152" s="31"/>
      <c r="QWA152" s="31"/>
      <c r="QWB152" s="31"/>
      <c r="QWC152" s="31"/>
      <c r="QWD152" s="31"/>
      <c r="QWE152" s="31"/>
      <c r="QWF152" s="31"/>
      <c r="QWG152" s="31"/>
      <c r="QWH152" s="31"/>
      <c r="QWI152" s="31"/>
      <c r="QWJ152" s="31"/>
      <c r="QWK152" s="31"/>
      <c r="QWL152" s="31"/>
      <c r="QWM152" s="31"/>
      <c r="QWN152" s="31"/>
      <c r="QWO152" s="31"/>
      <c r="QWP152" s="31"/>
      <c r="QWQ152" s="31"/>
      <c r="QWR152" s="31"/>
      <c r="QWS152" s="31"/>
      <c r="QWT152" s="31"/>
      <c r="QWU152" s="31"/>
      <c r="QWV152" s="31"/>
      <c r="QWW152" s="31"/>
      <c r="QWX152" s="31"/>
      <c r="QWY152" s="31"/>
      <c r="QWZ152" s="31"/>
      <c r="QXA152" s="31"/>
      <c r="QXB152" s="31"/>
      <c r="QXC152" s="31"/>
      <c r="QXD152" s="31"/>
      <c r="QXE152" s="31"/>
      <c r="QXF152" s="31"/>
      <c r="QXG152" s="31"/>
      <c r="QXH152" s="31"/>
      <c r="QXI152" s="31"/>
      <c r="QXJ152" s="31"/>
      <c r="QXK152" s="31"/>
      <c r="QXL152" s="31"/>
      <c r="QXM152" s="31"/>
      <c r="QXN152" s="31"/>
      <c r="QXO152" s="31"/>
      <c r="QXP152" s="31"/>
      <c r="QXQ152" s="31"/>
      <c r="QXR152" s="31"/>
      <c r="QXS152" s="31"/>
      <c r="QXT152" s="31"/>
      <c r="QXU152" s="31"/>
      <c r="QXV152" s="31"/>
      <c r="QXW152" s="31"/>
      <c r="QXX152" s="31"/>
      <c r="QXY152" s="31"/>
      <c r="QXZ152" s="31"/>
      <c r="QYA152" s="31"/>
      <c r="QYB152" s="31"/>
      <c r="QYC152" s="31"/>
      <c r="QYD152" s="31"/>
      <c r="QYE152" s="31"/>
      <c r="QYF152" s="31"/>
      <c r="QYG152" s="31"/>
      <c r="QYH152" s="31"/>
      <c r="QYI152" s="31"/>
      <c r="QYJ152" s="31"/>
      <c r="QYK152" s="31"/>
      <c r="QYL152" s="31"/>
      <c r="QYM152" s="31"/>
      <c r="QYN152" s="31"/>
      <c r="QYO152" s="31"/>
      <c r="QYP152" s="31"/>
      <c r="QYQ152" s="31"/>
      <c r="QYR152" s="31"/>
      <c r="QYS152" s="31"/>
      <c r="QYT152" s="31"/>
      <c r="QYU152" s="31"/>
      <c r="QYV152" s="31"/>
      <c r="QYW152" s="31"/>
      <c r="QYX152" s="31"/>
      <c r="QYY152" s="31"/>
      <c r="QYZ152" s="31"/>
      <c r="QZA152" s="31"/>
      <c r="QZB152" s="31"/>
      <c r="QZC152" s="31"/>
      <c r="QZD152" s="31"/>
      <c r="QZE152" s="31"/>
      <c r="QZF152" s="31"/>
      <c r="QZG152" s="31"/>
      <c r="QZH152" s="31"/>
      <c r="QZI152" s="31"/>
      <c r="QZJ152" s="31"/>
      <c r="QZK152" s="31"/>
      <c r="QZL152" s="31"/>
      <c r="QZM152" s="31"/>
      <c r="QZN152" s="31"/>
      <c r="QZO152" s="31"/>
      <c r="QZP152" s="31"/>
      <c r="QZQ152" s="31"/>
      <c r="QZR152" s="31"/>
      <c r="QZS152" s="31"/>
      <c r="QZT152" s="31"/>
      <c r="QZU152" s="31"/>
      <c r="QZV152" s="31"/>
      <c r="QZW152" s="31"/>
      <c r="QZX152" s="31"/>
      <c r="QZY152" s="31"/>
      <c r="QZZ152" s="31"/>
      <c r="RAA152" s="31"/>
      <c r="RAB152" s="31"/>
      <c r="RAC152" s="31"/>
      <c r="RAD152" s="31"/>
      <c r="RAE152" s="31"/>
      <c r="RAF152" s="31"/>
      <c r="RAG152" s="31"/>
      <c r="RAH152" s="31"/>
      <c r="RAI152" s="31"/>
      <c r="RAJ152" s="31"/>
      <c r="RAK152" s="31"/>
      <c r="RAL152" s="31"/>
      <c r="RAM152" s="31"/>
      <c r="RAN152" s="31"/>
      <c r="RAO152" s="31"/>
      <c r="RAP152" s="31"/>
      <c r="RAQ152" s="31"/>
      <c r="RAR152" s="31"/>
      <c r="RAS152" s="31"/>
      <c r="RAT152" s="31"/>
      <c r="RAU152" s="31"/>
      <c r="RAV152" s="31"/>
      <c r="RAW152" s="31"/>
      <c r="RAX152" s="31"/>
      <c r="RAY152" s="31"/>
      <c r="RAZ152" s="31"/>
      <c r="RBA152" s="31"/>
      <c r="RBB152" s="31"/>
      <c r="RBC152" s="31"/>
      <c r="RBD152" s="31"/>
      <c r="RBE152" s="31"/>
      <c r="RBF152" s="31"/>
      <c r="RBG152" s="31"/>
      <c r="RBH152" s="31"/>
      <c r="RBI152" s="31"/>
      <c r="RBJ152" s="31"/>
      <c r="RBK152" s="31"/>
      <c r="RBL152" s="31"/>
      <c r="RBM152" s="31"/>
      <c r="RBN152" s="31"/>
      <c r="RBO152" s="31"/>
      <c r="RBP152" s="31"/>
      <c r="RBQ152" s="31"/>
      <c r="RBR152" s="31"/>
      <c r="RBS152" s="31"/>
      <c r="RBT152" s="31"/>
      <c r="RBU152" s="31"/>
      <c r="RBV152" s="31"/>
      <c r="RBW152" s="31"/>
      <c r="RBX152" s="31"/>
      <c r="RBY152" s="31"/>
      <c r="RBZ152" s="31"/>
      <c r="RCA152" s="31"/>
      <c r="RCB152" s="31"/>
      <c r="RCC152" s="31"/>
      <c r="RCD152" s="31"/>
      <c r="RCE152" s="31"/>
      <c r="RCF152" s="31"/>
      <c r="RCG152" s="31"/>
      <c r="RCH152" s="31"/>
      <c r="RCI152" s="31"/>
      <c r="RCJ152" s="31"/>
      <c r="RCK152" s="31"/>
      <c r="RCL152" s="31"/>
      <c r="RCM152" s="31"/>
      <c r="RCN152" s="31"/>
      <c r="RCO152" s="31"/>
      <c r="RCP152" s="31"/>
      <c r="RCQ152" s="31"/>
      <c r="RCR152" s="31"/>
      <c r="RCS152" s="31"/>
      <c r="RCT152" s="31"/>
      <c r="RCU152" s="31"/>
      <c r="RCV152" s="31"/>
      <c r="RCW152" s="31"/>
      <c r="RCX152" s="31"/>
      <c r="RCY152" s="31"/>
      <c r="RCZ152" s="31"/>
      <c r="RDA152" s="31"/>
      <c r="RDB152" s="31"/>
      <c r="RDC152" s="31"/>
      <c r="RDD152" s="31"/>
      <c r="RDE152" s="31"/>
      <c r="RDF152" s="31"/>
      <c r="RDG152" s="31"/>
      <c r="RDH152" s="31"/>
      <c r="RDI152" s="31"/>
      <c r="RDJ152" s="31"/>
      <c r="RDK152" s="31"/>
      <c r="RDL152" s="31"/>
      <c r="RDM152" s="31"/>
      <c r="RDN152" s="31"/>
      <c r="RDO152" s="31"/>
      <c r="RDP152" s="31"/>
      <c r="RDQ152" s="31"/>
      <c r="RDR152" s="31"/>
      <c r="RDS152" s="31"/>
      <c r="RDT152" s="31"/>
      <c r="RDU152" s="31"/>
      <c r="RDV152" s="31"/>
      <c r="RDW152" s="31"/>
      <c r="RDX152" s="31"/>
      <c r="RDY152" s="31"/>
      <c r="RDZ152" s="31"/>
      <c r="REA152" s="31"/>
      <c r="REB152" s="31"/>
      <c r="REC152" s="31"/>
      <c r="RED152" s="31"/>
      <c r="REE152" s="31"/>
      <c r="REF152" s="31"/>
      <c r="REG152" s="31"/>
      <c r="REH152" s="31"/>
      <c r="REI152" s="31"/>
      <c r="REJ152" s="31"/>
      <c r="REK152" s="31"/>
      <c r="REL152" s="31"/>
      <c r="REM152" s="31"/>
      <c r="REN152" s="31"/>
      <c r="REO152" s="31"/>
      <c r="REP152" s="31"/>
      <c r="REQ152" s="31"/>
      <c r="RER152" s="31"/>
      <c r="RES152" s="31"/>
      <c r="RET152" s="31"/>
      <c r="REU152" s="31"/>
      <c r="REV152" s="31"/>
      <c r="REW152" s="31"/>
      <c r="REX152" s="31"/>
      <c r="REY152" s="31"/>
      <c r="REZ152" s="31"/>
      <c r="RFA152" s="31"/>
      <c r="RFB152" s="31"/>
      <c r="RFC152" s="31"/>
      <c r="RFD152" s="31"/>
      <c r="RFE152" s="31"/>
      <c r="RFF152" s="31"/>
      <c r="RFG152" s="31"/>
      <c r="RFH152" s="31"/>
      <c r="RFI152" s="31"/>
      <c r="RFJ152" s="31"/>
      <c r="RFK152" s="31"/>
      <c r="RFL152" s="31"/>
      <c r="RFM152" s="31"/>
      <c r="RFN152" s="31"/>
      <c r="RFO152" s="31"/>
      <c r="RFP152" s="31"/>
      <c r="RFQ152" s="31"/>
      <c r="RFR152" s="31"/>
      <c r="RFS152" s="31"/>
      <c r="RFT152" s="31"/>
      <c r="RFU152" s="31"/>
      <c r="RFV152" s="31"/>
      <c r="RFW152" s="31"/>
      <c r="RFX152" s="31"/>
      <c r="RFY152" s="31"/>
      <c r="RFZ152" s="31"/>
      <c r="RGA152" s="31"/>
      <c r="RGB152" s="31"/>
      <c r="RGC152" s="31"/>
      <c r="RGD152" s="31"/>
      <c r="RGE152" s="31"/>
      <c r="RGF152" s="31"/>
      <c r="RGG152" s="31"/>
      <c r="RGH152" s="31"/>
      <c r="RGI152" s="31"/>
      <c r="RGJ152" s="31"/>
      <c r="RGK152" s="31"/>
      <c r="RGL152" s="31"/>
      <c r="RGM152" s="31"/>
      <c r="RGN152" s="31"/>
      <c r="RGO152" s="31"/>
      <c r="RGP152" s="31"/>
      <c r="RGQ152" s="31"/>
      <c r="RGR152" s="31"/>
      <c r="RGS152" s="31"/>
      <c r="RGT152" s="31"/>
      <c r="RGU152" s="31"/>
      <c r="RGV152" s="31"/>
      <c r="RGW152" s="31"/>
      <c r="RGX152" s="31"/>
      <c r="RGY152" s="31"/>
      <c r="RGZ152" s="31"/>
      <c r="RHA152" s="31"/>
      <c r="RHB152" s="31"/>
      <c r="RHC152" s="31"/>
      <c r="RHD152" s="31"/>
      <c r="RHE152" s="31"/>
      <c r="RHF152" s="31"/>
      <c r="RHG152" s="31"/>
      <c r="RHH152" s="31"/>
      <c r="RHI152" s="31"/>
      <c r="RHJ152" s="31"/>
      <c r="RHK152" s="31"/>
      <c r="RHL152" s="31"/>
      <c r="RHM152" s="31"/>
      <c r="RHN152" s="31"/>
      <c r="RHO152" s="31"/>
      <c r="RHP152" s="31"/>
      <c r="RHQ152" s="31"/>
      <c r="RHR152" s="31"/>
      <c r="RHS152" s="31"/>
      <c r="RHT152" s="31"/>
      <c r="RHU152" s="31"/>
      <c r="RHV152" s="31"/>
      <c r="RHW152" s="31"/>
      <c r="RHX152" s="31"/>
      <c r="RHY152" s="31"/>
      <c r="RHZ152" s="31"/>
      <c r="RIA152" s="31"/>
      <c r="RIB152" s="31"/>
      <c r="RIC152" s="31"/>
      <c r="RID152" s="31"/>
      <c r="RIE152" s="31"/>
      <c r="RIF152" s="31"/>
      <c r="RIG152" s="31"/>
      <c r="RIH152" s="31"/>
      <c r="RII152" s="31"/>
      <c r="RIJ152" s="31"/>
      <c r="RIK152" s="31"/>
      <c r="RIL152" s="31"/>
      <c r="RIM152" s="31"/>
      <c r="RIN152" s="31"/>
      <c r="RIO152" s="31"/>
      <c r="RIP152" s="31"/>
      <c r="RIQ152" s="31"/>
      <c r="RIR152" s="31"/>
      <c r="RIS152" s="31"/>
      <c r="RIT152" s="31"/>
      <c r="RIU152" s="31"/>
      <c r="RIV152" s="31"/>
      <c r="RIW152" s="31"/>
      <c r="RIX152" s="31"/>
      <c r="RIY152" s="31"/>
      <c r="RIZ152" s="31"/>
      <c r="RJA152" s="31"/>
      <c r="RJB152" s="31"/>
      <c r="RJC152" s="31"/>
      <c r="RJD152" s="31"/>
      <c r="RJE152" s="31"/>
      <c r="RJF152" s="31"/>
      <c r="RJG152" s="31"/>
      <c r="RJH152" s="31"/>
      <c r="RJI152" s="31"/>
      <c r="RJJ152" s="31"/>
      <c r="RJK152" s="31"/>
      <c r="RJL152" s="31"/>
      <c r="RJM152" s="31"/>
      <c r="RJN152" s="31"/>
      <c r="RJO152" s="31"/>
      <c r="RJP152" s="31"/>
      <c r="RJQ152" s="31"/>
      <c r="RJR152" s="31"/>
      <c r="RJS152" s="31"/>
      <c r="RJT152" s="31"/>
      <c r="RJU152" s="31"/>
      <c r="RJV152" s="31"/>
      <c r="RJW152" s="31"/>
      <c r="RJX152" s="31"/>
      <c r="RJY152" s="31"/>
      <c r="RJZ152" s="31"/>
      <c r="RKA152" s="31"/>
      <c r="RKB152" s="31"/>
      <c r="RKC152" s="31"/>
      <c r="RKD152" s="31"/>
      <c r="RKE152" s="31"/>
      <c r="RKF152" s="31"/>
      <c r="RKG152" s="31"/>
      <c r="RKH152" s="31"/>
      <c r="RKI152" s="31"/>
      <c r="RKJ152" s="31"/>
      <c r="RKK152" s="31"/>
      <c r="RKL152" s="31"/>
      <c r="RKM152" s="31"/>
      <c r="RKN152" s="31"/>
      <c r="RKO152" s="31"/>
      <c r="RKP152" s="31"/>
      <c r="RKQ152" s="31"/>
      <c r="RKR152" s="31"/>
      <c r="RKS152" s="31"/>
      <c r="RKT152" s="31"/>
      <c r="RKU152" s="31"/>
      <c r="RKV152" s="31"/>
      <c r="RKW152" s="31"/>
      <c r="RKX152" s="31"/>
      <c r="RKY152" s="31"/>
      <c r="RKZ152" s="31"/>
      <c r="RLA152" s="31"/>
      <c r="RLB152" s="31"/>
      <c r="RLC152" s="31"/>
      <c r="RLD152" s="31"/>
      <c r="RLE152" s="31"/>
      <c r="RLF152" s="31"/>
      <c r="RLG152" s="31"/>
      <c r="RLH152" s="31"/>
      <c r="RLI152" s="31"/>
      <c r="RLJ152" s="31"/>
      <c r="RLK152" s="31"/>
      <c r="RLL152" s="31"/>
      <c r="RLM152" s="31"/>
      <c r="RLN152" s="31"/>
      <c r="RLO152" s="31"/>
      <c r="RLP152" s="31"/>
      <c r="RLQ152" s="31"/>
      <c r="RLR152" s="31"/>
      <c r="RLS152" s="31"/>
      <c r="RLT152" s="31"/>
      <c r="RLU152" s="31"/>
      <c r="RLV152" s="31"/>
      <c r="RLW152" s="31"/>
      <c r="RLX152" s="31"/>
      <c r="RLY152" s="31"/>
      <c r="RLZ152" s="31"/>
      <c r="RMA152" s="31"/>
      <c r="RMB152" s="31"/>
      <c r="RMC152" s="31"/>
      <c r="RMD152" s="31"/>
      <c r="RME152" s="31"/>
      <c r="RMF152" s="31"/>
      <c r="RMG152" s="31"/>
      <c r="RMH152" s="31"/>
      <c r="RMI152" s="31"/>
      <c r="RMJ152" s="31"/>
      <c r="RMK152" s="31"/>
      <c r="RML152" s="31"/>
      <c r="RMM152" s="31"/>
      <c r="RMN152" s="31"/>
      <c r="RMO152" s="31"/>
      <c r="RMP152" s="31"/>
      <c r="RMQ152" s="31"/>
      <c r="RMR152" s="31"/>
      <c r="RMS152" s="31"/>
      <c r="RMT152" s="31"/>
      <c r="RMU152" s="31"/>
      <c r="RMV152" s="31"/>
      <c r="RMW152" s="31"/>
      <c r="RMX152" s="31"/>
      <c r="RMY152" s="31"/>
      <c r="RMZ152" s="31"/>
      <c r="RNA152" s="31"/>
      <c r="RNB152" s="31"/>
      <c r="RNC152" s="31"/>
      <c r="RND152" s="31"/>
      <c r="RNE152" s="31"/>
      <c r="RNF152" s="31"/>
      <c r="RNG152" s="31"/>
      <c r="RNH152" s="31"/>
      <c r="RNI152" s="31"/>
      <c r="RNJ152" s="31"/>
      <c r="RNK152" s="31"/>
      <c r="RNL152" s="31"/>
      <c r="RNM152" s="31"/>
      <c r="RNN152" s="31"/>
      <c r="RNO152" s="31"/>
      <c r="RNP152" s="31"/>
      <c r="RNQ152" s="31"/>
      <c r="RNR152" s="31"/>
      <c r="RNS152" s="31"/>
      <c r="RNT152" s="31"/>
      <c r="RNU152" s="31"/>
      <c r="RNV152" s="31"/>
      <c r="RNW152" s="31"/>
      <c r="RNX152" s="31"/>
      <c r="RNY152" s="31"/>
      <c r="RNZ152" s="31"/>
      <c r="ROA152" s="31"/>
      <c r="ROB152" s="31"/>
      <c r="ROC152" s="31"/>
      <c r="ROD152" s="31"/>
      <c r="ROE152" s="31"/>
      <c r="ROF152" s="31"/>
      <c r="ROG152" s="31"/>
      <c r="ROH152" s="31"/>
      <c r="ROI152" s="31"/>
      <c r="ROJ152" s="31"/>
      <c r="ROK152" s="31"/>
      <c r="ROL152" s="31"/>
      <c r="ROM152" s="31"/>
      <c r="RON152" s="31"/>
      <c r="ROO152" s="31"/>
      <c r="ROP152" s="31"/>
      <c r="ROQ152" s="31"/>
      <c r="ROR152" s="31"/>
      <c r="ROS152" s="31"/>
      <c r="ROT152" s="31"/>
      <c r="ROU152" s="31"/>
      <c r="ROV152" s="31"/>
      <c r="ROW152" s="31"/>
      <c r="ROX152" s="31"/>
      <c r="ROY152" s="31"/>
      <c r="ROZ152" s="31"/>
      <c r="RPA152" s="31"/>
      <c r="RPB152" s="31"/>
      <c r="RPC152" s="31"/>
      <c r="RPD152" s="31"/>
      <c r="RPE152" s="31"/>
      <c r="RPF152" s="31"/>
      <c r="RPG152" s="31"/>
      <c r="RPH152" s="31"/>
      <c r="RPI152" s="31"/>
      <c r="RPJ152" s="31"/>
      <c r="RPK152" s="31"/>
      <c r="RPL152" s="31"/>
      <c r="RPM152" s="31"/>
      <c r="RPN152" s="31"/>
      <c r="RPO152" s="31"/>
      <c r="RPP152" s="31"/>
      <c r="RPQ152" s="31"/>
      <c r="RPR152" s="31"/>
      <c r="RPS152" s="31"/>
      <c r="RPT152" s="31"/>
      <c r="RPU152" s="31"/>
      <c r="RPV152" s="31"/>
      <c r="RPW152" s="31"/>
      <c r="RPX152" s="31"/>
      <c r="RPY152" s="31"/>
      <c r="RPZ152" s="31"/>
      <c r="RQA152" s="31"/>
      <c r="RQB152" s="31"/>
      <c r="RQC152" s="31"/>
      <c r="RQD152" s="31"/>
      <c r="RQE152" s="31"/>
      <c r="RQF152" s="31"/>
      <c r="RQG152" s="31"/>
      <c r="RQH152" s="31"/>
      <c r="RQI152" s="31"/>
      <c r="RQJ152" s="31"/>
      <c r="RQK152" s="31"/>
      <c r="RQL152" s="31"/>
      <c r="RQM152" s="31"/>
      <c r="RQN152" s="31"/>
      <c r="RQO152" s="31"/>
      <c r="RQP152" s="31"/>
      <c r="RQQ152" s="31"/>
      <c r="RQR152" s="31"/>
      <c r="RQS152" s="31"/>
      <c r="RQT152" s="31"/>
      <c r="RQU152" s="31"/>
      <c r="RQV152" s="31"/>
      <c r="RQW152" s="31"/>
      <c r="RQX152" s="31"/>
      <c r="RQY152" s="31"/>
      <c r="RQZ152" s="31"/>
      <c r="RRA152" s="31"/>
      <c r="RRB152" s="31"/>
      <c r="RRC152" s="31"/>
      <c r="RRD152" s="31"/>
      <c r="RRE152" s="31"/>
      <c r="RRF152" s="31"/>
      <c r="RRG152" s="31"/>
      <c r="RRH152" s="31"/>
      <c r="RRI152" s="31"/>
      <c r="RRJ152" s="31"/>
      <c r="RRK152" s="31"/>
      <c r="RRL152" s="31"/>
      <c r="RRM152" s="31"/>
      <c r="RRN152" s="31"/>
      <c r="RRO152" s="31"/>
      <c r="RRP152" s="31"/>
      <c r="RRQ152" s="31"/>
      <c r="RRR152" s="31"/>
      <c r="RRS152" s="31"/>
      <c r="RRT152" s="31"/>
      <c r="RRU152" s="31"/>
      <c r="RRV152" s="31"/>
      <c r="RRW152" s="31"/>
      <c r="RRX152" s="31"/>
      <c r="RRY152" s="31"/>
      <c r="RRZ152" s="31"/>
      <c r="RSA152" s="31"/>
      <c r="RSB152" s="31"/>
      <c r="RSC152" s="31"/>
      <c r="RSD152" s="31"/>
      <c r="RSE152" s="31"/>
      <c r="RSF152" s="31"/>
      <c r="RSG152" s="31"/>
      <c r="RSH152" s="31"/>
      <c r="RSI152" s="31"/>
      <c r="RSJ152" s="31"/>
      <c r="RSK152" s="31"/>
      <c r="RSL152" s="31"/>
      <c r="RSM152" s="31"/>
      <c r="RSN152" s="31"/>
      <c r="RSO152" s="31"/>
      <c r="RSP152" s="31"/>
      <c r="RSQ152" s="31"/>
      <c r="RSR152" s="31"/>
      <c r="RSS152" s="31"/>
      <c r="RST152" s="31"/>
      <c r="RSU152" s="31"/>
      <c r="RSV152" s="31"/>
      <c r="RSW152" s="31"/>
      <c r="RSX152" s="31"/>
      <c r="RSY152" s="31"/>
      <c r="RSZ152" s="31"/>
      <c r="RTA152" s="31"/>
      <c r="RTB152" s="31"/>
      <c r="RTC152" s="31"/>
      <c r="RTD152" s="31"/>
      <c r="RTE152" s="31"/>
      <c r="RTF152" s="31"/>
      <c r="RTG152" s="31"/>
      <c r="RTH152" s="31"/>
      <c r="RTI152" s="31"/>
      <c r="RTJ152" s="31"/>
      <c r="RTK152" s="31"/>
      <c r="RTL152" s="31"/>
      <c r="RTM152" s="31"/>
      <c r="RTN152" s="31"/>
      <c r="RTO152" s="31"/>
      <c r="RTP152" s="31"/>
      <c r="RTQ152" s="31"/>
      <c r="RTR152" s="31"/>
      <c r="RTS152" s="31"/>
      <c r="RTT152" s="31"/>
      <c r="RTU152" s="31"/>
      <c r="RTV152" s="31"/>
      <c r="RTW152" s="31"/>
      <c r="RTX152" s="31"/>
      <c r="RTY152" s="31"/>
      <c r="RTZ152" s="31"/>
      <c r="RUA152" s="31"/>
      <c r="RUB152" s="31"/>
      <c r="RUC152" s="31"/>
      <c r="RUD152" s="31"/>
      <c r="RUE152" s="31"/>
      <c r="RUF152" s="31"/>
      <c r="RUG152" s="31"/>
      <c r="RUH152" s="31"/>
      <c r="RUI152" s="31"/>
      <c r="RUJ152" s="31"/>
      <c r="RUK152" s="31"/>
      <c r="RUL152" s="31"/>
      <c r="RUM152" s="31"/>
      <c r="RUN152" s="31"/>
      <c r="RUO152" s="31"/>
      <c r="RUP152" s="31"/>
      <c r="RUQ152" s="31"/>
      <c r="RUR152" s="31"/>
      <c r="RUS152" s="31"/>
      <c r="RUT152" s="31"/>
      <c r="RUU152" s="31"/>
      <c r="RUV152" s="31"/>
      <c r="RUW152" s="31"/>
      <c r="RUX152" s="31"/>
      <c r="RUY152" s="31"/>
      <c r="RUZ152" s="31"/>
      <c r="RVA152" s="31"/>
      <c r="RVB152" s="31"/>
      <c r="RVC152" s="31"/>
      <c r="RVD152" s="31"/>
      <c r="RVE152" s="31"/>
      <c r="RVF152" s="31"/>
      <c r="RVG152" s="31"/>
      <c r="RVH152" s="31"/>
      <c r="RVI152" s="31"/>
      <c r="RVJ152" s="31"/>
      <c r="RVK152" s="31"/>
      <c r="RVL152" s="31"/>
      <c r="RVM152" s="31"/>
      <c r="RVN152" s="31"/>
      <c r="RVO152" s="31"/>
      <c r="RVP152" s="31"/>
      <c r="RVQ152" s="31"/>
      <c r="RVR152" s="31"/>
      <c r="RVS152" s="31"/>
      <c r="RVT152" s="31"/>
      <c r="RVU152" s="31"/>
      <c r="RVV152" s="31"/>
      <c r="RVW152" s="31"/>
      <c r="RVX152" s="31"/>
      <c r="RVY152" s="31"/>
      <c r="RVZ152" s="31"/>
      <c r="RWA152" s="31"/>
      <c r="RWB152" s="31"/>
      <c r="RWC152" s="31"/>
      <c r="RWD152" s="31"/>
      <c r="RWE152" s="31"/>
      <c r="RWF152" s="31"/>
      <c r="RWG152" s="31"/>
      <c r="RWH152" s="31"/>
      <c r="RWI152" s="31"/>
      <c r="RWJ152" s="31"/>
      <c r="RWK152" s="31"/>
      <c r="RWL152" s="31"/>
      <c r="RWM152" s="31"/>
      <c r="RWN152" s="31"/>
      <c r="RWO152" s="31"/>
      <c r="RWP152" s="31"/>
      <c r="RWQ152" s="31"/>
      <c r="RWR152" s="31"/>
      <c r="RWS152" s="31"/>
      <c r="RWT152" s="31"/>
      <c r="RWU152" s="31"/>
      <c r="RWV152" s="31"/>
      <c r="RWW152" s="31"/>
      <c r="RWX152" s="31"/>
      <c r="RWY152" s="31"/>
      <c r="RWZ152" s="31"/>
      <c r="RXA152" s="31"/>
      <c r="RXB152" s="31"/>
      <c r="RXC152" s="31"/>
      <c r="RXD152" s="31"/>
      <c r="RXE152" s="31"/>
      <c r="RXF152" s="31"/>
      <c r="RXG152" s="31"/>
      <c r="RXH152" s="31"/>
      <c r="RXI152" s="31"/>
      <c r="RXJ152" s="31"/>
      <c r="RXK152" s="31"/>
      <c r="RXL152" s="31"/>
      <c r="RXM152" s="31"/>
      <c r="RXN152" s="31"/>
      <c r="RXO152" s="31"/>
      <c r="RXP152" s="31"/>
      <c r="RXQ152" s="31"/>
      <c r="RXR152" s="31"/>
      <c r="RXS152" s="31"/>
      <c r="RXT152" s="31"/>
      <c r="RXU152" s="31"/>
      <c r="RXV152" s="31"/>
      <c r="RXW152" s="31"/>
      <c r="RXX152" s="31"/>
      <c r="RXY152" s="31"/>
      <c r="RXZ152" s="31"/>
      <c r="RYA152" s="31"/>
      <c r="RYB152" s="31"/>
      <c r="RYC152" s="31"/>
      <c r="RYD152" s="31"/>
      <c r="RYE152" s="31"/>
      <c r="RYF152" s="31"/>
      <c r="RYG152" s="31"/>
      <c r="RYH152" s="31"/>
      <c r="RYI152" s="31"/>
      <c r="RYJ152" s="31"/>
      <c r="RYK152" s="31"/>
      <c r="RYL152" s="31"/>
      <c r="RYM152" s="31"/>
      <c r="RYN152" s="31"/>
      <c r="RYO152" s="31"/>
      <c r="RYP152" s="31"/>
      <c r="RYQ152" s="31"/>
      <c r="RYR152" s="31"/>
      <c r="RYS152" s="31"/>
      <c r="RYT152" s="31"/>
      <c r="RYU152" s="31"/>
      <c r="RYV152" s="31"/>
      <c r="RYW152" s="31"/>
      <c r="RYX152" s="31"/>
      <c r="RYY152" s="31"/>
      <c r="RYZ152" s="31"/>
      <c r="RZA152" s="31"/>
      <c r="RZB152" s="31"/>
      <c r="RZC152" s="31"/>
      <c r="RZD152" s="31"/>
      <c r="RZE152" s="31"/>
      <c r="RZF152" s="31"/>
      <c r="RZG152" s="31"/>
      <c r="RZH152" s="31"/>
      <c r="RZI152" s="31"/>
      <c r="RZJ152" s="31"/>
      <c r="RZK152" s="31"/>
      <c r="RZL152" s="31"/>
      <c r="RZM152" s="31"/>
      <c r="RZN152" s="31"/>
      <c r="RZO152" s="31"/>
      <c r="RZP152" s="31"/>
      <c r="RZQ152" s="31"/>
      <c r="RZR152" s="31"/>
      <c r="RZS152" s="31"/>
      <c r="RZT152" s="31"/>
      <c r="RZU152" s="31"/>
      <c r="RZV152" s="31"/>
      <c r="RZW152" s="31"/>
      <c r="RZX152" s="31"/>
      <c r="RZY152" s="31"/>
      <c r="RZZ152" s="31"/>
      <c r="SAA152" s="31"/>
      <c r="SAB152" s="31"/>
      <c r="SAC152" s="31"/>
      <c r="SAD152" s="31"/>
      <c r="SAE152" s="31"/>
      <c r="SAF152" s="31"/>
      <c r="SAG152" s="31"/>
      <c r="SAH152" s="31"/>
      <c r="SAI152" s="31"/>
      <c r="SAJ152" s="31"/>
      <c r="SAK152" s="31"/>
      <c r="SAL152" s="31"/>
      <c r="SAM152" s="31"/>
      <c r="SAN152" s="31"/>
      <c r="SAO152" s="31"/>
      <c r="SAP152" s="31"/>
      <c r="SAQ152" s="31"/>
      <c r="SAR152" s="31"/>
      <c r="SAS152" s="31"/>
      <c r="SAT152" s="31"/>
      <c r="SAU152" s="31"/>
      <c r="SAV152" s="31"/>
      <c r="SAW152" s="31"/>
      <c r="SAX152" s="31"/>
      <c r="SAY152" s="31"/>
      <c r="SAZ152" s="31"/>
      <c r="SBA152" s="31"/>
      <c r="SBB152" s="31"/>
      <c r="SBC152" s="31"/>
      <c r="SBD152" s="31"/>
      <c r="SBE152" s="31"/>
      <c r="SBF152" s="31"/>
      <c r="SBG152" s="31"/>
      <c r="SBH152" s="31"/>
      <c r="SBI152" s="31"/>
      <c r="SBJ152" s="31"/>
      <c r="SBK152" s="31"/>
      <c r="SBL152" s="31"/>
      <c r="SBM152" s="31"/>
      <c r="SBN152" s="31"/>
      <c r="SBO152" s="31"/>
      <c r="SBP152" s="31"/>
      <c r="SBQ152" s="31"/>
      <c r="SBR152" s="31"/>
      <c r="SBS152" s="31"/>
      <c r="SBT152" s="31"/>
      <c r="SBU152" s="31"/>
      <c r="SBV152" s="31"/>
      <c r="SBW152" s="31"/>
      <c r="SBX152" s="31"/>
      <c r="SBY152" s="31"/>
      <c r="SBZ152" s="31"/>
      <c r="SCA152" s="31"/>
      <c r="SCB152" s="31"/>
      <c r="SCC152" s="31"/>
      <c r="SCD152" s="31"/>
      <c r="SCE152" s="31"/>
      <c r="SCF152" s="31"/>
      <c r="SCG152" s="31"/>
      <c r="SCH152" s="31"/>
      <c r="SCI152" s="31"/>
      <c r="SCJ152" s="31"/>
      <c r="SCK152" s="31"/>
      <c r="SCL152" s="31"/>
      <c r="SCM152" s="31"/>
      <c r="SCN152" s="31"/>
      <c r="SCO152" s="31"/>
      <c r="SCP152" s="31"/>
      <c r="SCQ152" s="31"/>
      <c r="SCR152" s="31"/>
      <c r="SCS152" s="31"/>
      <c r="SCT152" s="31"/>
      <c r="SCU152" s="31"/>
      <c r="SCV152" s="31"/>
      <c r="SCW152" s="31"/>
      <c r="SCX152" s="31"/>
      <c r="SCY152" s="31"/>
      <c r="SCZ152" s="31"/>
      <c r="SDA152" s="31"/>
      <c r="SDB152" s="31"/>
      <c r="SDC152" s="31"/>
      <c r="SDD152" s="31"/>
      <c r="SDE152" s="31"/>
      <c r="SDF152" s="31"/>
      <c r="SDG152" s="31"/>
      <c r="SDH152" s="31"/>
      <c r="SDI152" s="31"/>
      <c r="SDJ152" s="31"/>
      <c r="SDK152" s="31"/>
      <c r="SDL152" s="31"/>
      <c r="SDM152" s="31"/>
      <c r="SDN152" s="31"/>
      <c r="SDO152" s="31"/>
      <c r="SDP152" s="31"/>
      <c r="SDQ152" s="31"/>
      <c r="SDR152" s="31"/>
      <c r="SDS152" s="31"/>
      <c r="SDT152" s="31"/>
      <c r="SDU152" s="31"/>
      <c r="SDV152" s="31"/>
      <c r="SDW152" s="31"/>
      <c r="SDX152" s="31"/>
      <c r="SDY152" s="31"/>
      <c r="SDZ152" s="31"/>
      <c r="SEA152" s="31"/>
      <c r="SEB152" s="31"/>
      <c r="SEC152" s="31"/>
      <c r="SED152" s="31"/>
      <c r="SEE152" s="31"/>
      <c r="SEF152" s="31"/>
      <c r="SEG152" s="31"/>
      <c r="SEH152" s="31"/>
      <c r="SEI152" s="31"/>
      <c r="SEJ152" s="31"/>
      <c r="SEK152" s="31"/>
      <c r="SEL152" s="31"/>
      <c r="SEM152" s="31"/>
      <c r="SEN152" s="31"/>
      <c r="SEO152" s="31"/>
      <c r="SEP152" s="31"/>
      <c r="SEQ152" s="31"/>
      <c r="SER152" s="31"/>
      <c r="SES152" s="31"/>
      <c r="SET152" s="31"/>
      <c r="SEU152" s="31"/>
      <c r="SEV152" s="31"/>
      <c r="SEW152" s="31"/>
      <c r="SEX152" s="31"/>
      <c r="SEY152" s="31"/>
      <c r="SEZ152" s="31"/>
      <c r="SFA152" s="31"/>
      <c r="SFB152" s="31"/>
      <c r="SFC152" s="31"/>
      <c r="SFD152" s="31"/>
      <c r="SFE152" s="31"/>
      <c r="SFF152" s="31"/>
      <c r="SFG152" s="31"/>
      <c r="SFH152" s="31"/>
      <c r="SFI152" s="31"/>
      <c r="SFJ152" s="31"/>
      <c r="SFK152" s="31"/>
      <c r="SFL152" s="31"/>
      <c r="SFM152" s="31"/>
      <c r="SFN152" s="31"/>
      <c r="SFO152" s="31"/>
      <c r="SFP152" s="31"/>
      <c r="SFQ152" s="31"/>
      <c r="SFR152" s="31"/>
      <c r="SFS152" s="31"/>
      <c r="SFT152" s="31"/>
      <c r="SFU152" s="31"/>
      <c r="SFV152" s="31"/>
      <c r="SFW152" s="31"/>
      <c r="SFX152" s="31"/>
      <c r="SFY152" s="31"/>
      <c r="SFZ152" s="31"/>
      <c r="SGA152" s="31"/>
      <c r="SGB152" s="31"/>
      <c r="SGC152" s="31"/>
      <c r="SGD152" s="31"/>
      <c r="SGE152" s="31"/>
      <c r="SGF152" s="31"/>
      <c r="SGG152" s="31"/>
      <c r="SGH152" s="31"/>
      <c r="SGI152" s="31"/>
      <c r="SGJ152" s="31"/>
      <c r="SGK152" s="31"/>
      <c r="SGL152" s="31"/>
      <c r="SGM152" s="31"/>
      <c r="SGN152" s="31"/>
      <c r="SGO152" s="31"/>
      <c r="SGP152" s="31"/>
      <c r="SGQ152" s="31"/>
      <c r="SGR152" s="31"/>
      <c r="SGS152" s="31"/>
      <c r="SGT152" s="31"/>
      <c r="SGU152" s="31"/>
      <c r="SGV152" s="31"/>
      <c r="SGW152" s="31"/>
      <c r="SGX152" s="31"/>
      <c r="SGY152" s="31"/>
      <c r="SGZ152" s="31"/>
      <c r="SHA152" s="31"/>
      <c r="SHB152" s="31"/>
      <c r="SHC152" s="31"/>
      <c r="SHD152" s="31"/>
      <c r="SHE152" s="31"/>
      <c r="SHF152" s="31"/>
      <c r="SHG152" s="31"/>
      <c r="SHH152" s="31"/>
      <c r="SHI152" s="31"/>
      <c r="SHJ152" s="31"/>
      <c r="SHK152" s="31"/>
      <c r="SHL152" s="31"/>
      <c r="SHM152" s="31"/>
      <c r="SHN152" s="31"/>
      <c r="SHO152" s="31"/>
      <c r="SHP152" s="31"/>
      <c r="SHQ152" s="31"/>
      <c r="SHR152" s="31"/>
      <c r="SHS152" s="31"/>
      <c r="SHT152" s="31"/>
      <c r="SHU152" s="31"/>
      <c r="SHV152" s="31"/>
      <c r="SHW152" s="31"/>
      <c r="SHX152" s="31"/>
      <c r="SHY152" s="31"/>
      <c r="SHZ152" s="31"/>
      <c r="SIA152" s="31"/>
      <c r="SIB152" s="31"/>
      <c r="SIC152" s="31"/>
      <c r="SID152" s="31"/>
      <c r="SIE152" s="31"/>
      <c r="SIF152" s="31"/>
      <c r="SIG152" s="31"/>
      <c r="SIH152" s="31"/>
      <c r="SII152" s="31"/>
      <c r="SIJ152" s="31"/>
      <c r="SIK152" s="31"/>
      <c r="SIL152" s="31"/>
      <c r="SIM152" s="31"/>
      <c r="SIN152" s="31"/>
      <c r="SIO152" s="31"/>
      <c r="SIP152" s="31"/>
      <c r="SIQ152" s="31"/>
      <c r="SIR152" s="31"/>
      <c r="SIS152" s="31"/>
      <c r="SIT152" s="31"/>
      <c r="SIU152" s="31"/>
      <c r="SIV152" s="31"/>
      <c r="SIW152" s="31"/>
      <c r="SIX152" s="31"/>
      <c r="SIY152" s="31"/>
      <c r="SIZ152" s="31"/>
      <c r="SJA152" s="31"/>
      <c r="SJB152" s="31"/>
      <c r="SJC152" s="31"/>
      <c r="SJD152" s="31"/>
      <c r="SJE152" s="31"/>
      <c r="SJF152" s="31"/>
      <c r="SJG152" s="31"/>
      <c r="SJH152" s="31"/>
      <c r="SJI152" s="31"/>
      <c r="SJJ152" s="31"/>
      <c r="SJK152" s="31"/>
      <c r="SJL152" s="31"/>
      <c r="SJM152" s="31"/>
      <c r="SJN152" s="31"/>
      <c r="SJO152" s="31"/>
      <c r="SJP152" s="31"/>
      <c r="SJQ152" s="31"/>
      <c r="SJR152" s="31"/>
      <c r="SJS152" s="31"/>
      <c r="SJT152" s="31"/>
      <c r="SJU152" s="31"/>
      <c r="SJV152" s="31"/>
      <c r="SJW152" s="31"/>
      <c r="SJX152" s="31"/>
      <c r="SJY152" s="31"/>
      <c r="SJZ152" s="31"/>
      <c r="SKA152" s="31"/>
      <c r="SKB152" s="31"/>
      <c r="SKC152" s="31"/>
      <c r="SKD152" s="31"/>
      <c r="SKE152" s="31"/>
      <c r="SKF152" s="31"/>
      <c r="SKG152" s="31"/>
      <c r="SKH152" s="31"/>
      <c r="SKI152" s="31"/>
      <c r="SKJ152" s="31"/>
      <c r="SKK152" s="31"/>
      <c r="SKL152" s="31"/>
      <c r="SKM152" s="31"/>
      <c r="SKN152" s="31"/>
      <c r="SKO152" s="31"/>
      <c r="SKP152" s="31"/>
      <c r="SKQ152" s="31"/>
      <c r="SKR152" s="31"/>
      <c r="SKS152" s="31"/>
      <c r="SKT152" s="31"/>
      <c r="SKU152" s="31"/>
      <c r="SKV152" s="31"/>
      <c r="SKW152" s="31"/>
      <c r="SKX152" s="31"/>
      <c r="SKY152" s="31"/>
      <c r="SKZ152" s="31"/>
      <c r="SLA152" s="31"/>
      <c r="SLB152" s="31"/>
      <c r="SLC152" s="31"/>
      <c r="SLD152" s="31"/>
      <c r="SLE152" s="31"/>
      <c r="SLF152" s="31"/>
      <c r="SLG152" s="31"/>
      <c r="SLH152" s="31"/>
      <c r="SLI152" s="31"/>
      <c r="SLJ152" s="31"/>
      <c r="SLK152" s="31"/>
      <c r="SLL152" s="31"/>
      <c r="SLM152" s="31"/>
      <c r="SLN152" s="31"/>
      <c r="SLO152" s="31"/>
      <c r="SLP152" s="31"/>
      <c r="SLQ152" s="31"/>
      <c r="SLR152" s="31"/>
      <c r="SLS152" s="31"/>
      <c r="SLT152" s="31"/>
      <c r="SLU152" s="31"/>
      <c r="SLV152" s="31"/>
      <c r="SLW152" s="31"/>
      <c r="SLX152" s="31"/>
      <c r="SLY152" s="31"/>
      <c r="SLZ152" s="31"/>
      <c r="SMA152" s="31"/>
      <c r="SMB152" s="31"/>
      <c r="SMC152" s="31"/>
      <c r="SMD152" s="31"/>
      <c r="SME152" s="31"/>
      <c r="SMF152" s="31"/>
      <c r="SMG152" s="31"/>
      <c r="SMH152" s="31"/>
      <c r="SMI152" s="31"/>
      <c r="SMJ152" s="31"/>
      <c r="SMK152" s="31"/>
      <c r="SML152" s="31"/>
      <c r="SMM152" s="31"/>
      <c r="SMN152" s="31"/>
      <c r="SMO152" s="31"/>
      <c r="SMP152" s="31"/>
      <c r="SMQ152" s="31"/>
      <c r="SMR152" s="31"/>
      <c r="SMS152" s="31"/>
      <c r="SMT152" s="31"/>
      <c r="SMU152" s="31"/>
      <c r="SMV152" s="31"/>
      <c r="SMW152" s="31"/>
      <c r="SMX152" s="31"/>
      <c r="SMY152" s="31"/>
      <c r="SMZ152" s="31"/>
      <c r="SNA152" s="31"/>
      <c r="SNB152" s="31"/>
      <c r="SNC152" s="31"/>
      <c r="SND152" s="31"/>
      <c r="SNE152" s="31"/>
      <c r="SNF152" s="31"/>
      <c r="SNG152" s="31"/>
      <c r="SNH152" s="31"/>
      <c r="SNI152" s="31"/>
      <c r="SNJ152" s="31"/>
      <c r="SNK152" s="31"/>
      <c r="SNL152" s="31"/>
      <c r="SNM152" s="31"/>
      <c r="SNN152" s="31"/>
      <c r="SNO152" s="31"/>
      <c r="SNP152" s="31"/>
      <c r="SNQ152" s="31"/>
      <c r="SNR152" s="31"/>
      <c r="SNS152" s="31"/>
      <c r="SNT152" s="31"/>
      <c r="SNU152" s="31"/>
      <c r="SNV152" s="31"/>
      <c r="SNW152" s="31"/>
      <c r="SNX152" s="31"/>
      <c r="SNY152" s="31"/>
      <c r="SNZ152" s="31"/>
      <c r="SOA152" s="31"/>
      <c r="SOB152" s="31"/>
      <c r="SOC152" s="31"/>
      <c r="SOD152" s="31"/>
      <c r="SOE152" s="31"/>
      <c r="SOF152" s="31"/>
      <c r="SOG152" s="31"/>
      <c r="SOH152" s="31"/>
      <c r="SOI152" s="31"/>
      <c r="SOJ152" s="31"/>
      <c r="SOK152" s="31"/>
      <c r="SOL152" s="31"/>
      <c r="SOM152" s="31"/>
      <c r="SON152" s="31"/>
      <c r="SOO152" s="31"/>
      <c r="SOP152" s="31"/>
      <c r="SOQ152" s="31"/>
      <c r="SOR152" s="31"/>
      <c r="SOS152" s="31"/>
      <c r="SOT152" s="31"/>
      <c r="SOU152" s="31"/>
      <c r="SOV152" s="31"/>
      <c r="SOW152" s="31"/>
      <c r="SOX152" s="31"/>
      <c r="SOY152" s="31"/>
      <c r="SOZ152" s="31"/>
      <c r="SPA152" s="31"/>
      <c r="SPB152" s="31"/>
      <c r="SPC152" s="31"/>
      <c r="SPD152" s="31"/>
      <c r="SPE152" s="31"/>
      <c r="SPF152" s="31"/>
      <c r="SPG152" s="31"/>
      <c r="SPH152" s="31"/>
      <c r="SPI152" s="31"/>
      <c r="SPJ152" s="31"/>
      <c r="SPK152" s="31"/>
      <c r="SPL152" s="31"/>
      <c r="SPM152" s="31"/>
      <c r="SPN152" s="31"/>
      <c r="SPO152" s="31"/>
      <c r="SPP152" s="31"/>
      <c r="SPQ152" s="31"/>
      <c r="SPR152" s="31"/>
      <c r="SPS152" s="31"/>
      <c r="SPT152" s="31"/>
      <c r="SPU152" s="31"/>
      <c r="SPV152" s="31"/>
      <c r="SPW152" s="31"/>
      <c r="SPX152" s="31"/>
      <c r="SPY152" s="31"/>
      <c r="SPZ152" s="31"/>
      <c r="SQA152" s="31"/>
      <c r="SQB152" s="31"/>
      <c r="SQC152" s="31"/>
      <c r="SQD152" s="31"/>
      <c r="SQE152" s="31"/>
      <c r="SQF152" s="31"/>
      <c r="SQG152" s="31"/>
      <c r="SQH152" s="31"/>
      <c r="SQI152" s="31"/>
      <c r="SQJ152" s="31"/>
      <c r="SQK152" s="31"/>
      <c r="SQL152" s="31"/>
      <c r="SQM152" s="31"/>
      <c r="SQN152" s="31"/>
      <c r="SQO152" s="31"/>
      <c r="SQP152" s="31"/>
      <c r="SQQ152" s="31"/>
      <c r="SQR152" s="31"/>
      <c r="SQS152" s="31"/>
      <c r="SQT152" s="31"/>
      <c r="SQU152" s="31"/>
      <c r="SQV152" s="31"/>
      <c r="SQW152" s="31"/>
      <c r="SQX152" s="31"/>
      <c r="SQY152" s="31"/>
      <c r="SQZ152" s="31"/>
      <c r="SRA152" s="31"/>
      <c r="SRB152" s="31"/>
      <c r="SRC152" s="31"/>
      <c r="SRD152" s="31"/>
      <c r="SRE152" s="31"/>
      <c r="SRF152" s="31"/>
      <c r="SRG152" s="31"/>
      <c r="SRH152" s="31"/>
      <c r="SRI152" s="31"/>
      <c r="SRJ152" s="31"/>
      <c r="SRK152" s="31"/>
      <c r="SRL152" s="31"/>
      <c r="SRM152" s="31"/>
      <c r="SRN152" s="31"/>
      <c r="SRO152" s="31"/>
      <c r="SRP152" s="31"/>
      <c r="SRQ152" s="31"/>
      <c r="SRR152" s="31"/>
      <c r="SRS152" s="31"/>
      <c r="SRT152" s="31"/>
      <c r="SRU152" s="31"/>
      <c r="SRV152" s="31"/>
      <c r="SRW152" s="31"/>
      <c r="SRX152" s="31"/>
      <c r="SRY152" s="31"/>
      <c r="SRZ152" s="31"/>
      <c r="SSA152" s="31"/>
      <c r="SSB152" s="31"/>
      <c r="SSC152" s="31"/>
      <c r="SSD152" s="31"/>
      <c r="SSE152" s="31"/>
      <c r="SSF152" s="31"/>
      <c r="SSG152" s="31"/>
      <c r="SSH152" s="31"/>
      <c r="SSI152" s="31"/>
      <c r="SSJ152" s="31"/>
      <c r="SSK152" s="31"/>
      <c r="SSL152" s="31"/>
      <c r="SSM152" s="31"/>
      <c r="SSN152" s="31"/>
      <c r="SSO152" s="31"/>
      <c r="SSP152" s="31"/>
      <c r="SSQ152" s="31"/>
      <c r="SSR152" s="31"/>
      <c r="SSS152" s="31"/>
      <c r="SST152" s="31"/>
      <c r="SSU152" s="31"/>
      <c r="SSV152" s="31"/>
      <c r="SSW152" s="31"/>
      <c r="SSX152" s="31"/>
      <c r="SSY152" s="31"/>
      <c r="SSZ152" s="31"/>
      <c r="STA152" s="31"/>
      <c r="STB152" s="31"/>
      <c r="STC152" s="31"/>
      <c r="STD152" s="31"/>
      <c r="STE152" s="31"/>
      <c r="STF152" s="31"/>
      <c r="STG152" s="31"/>
      <c r="STH152" s="31"/>
      <c r="STI152" s="31"/>
      <c r="STJ152" s="31"/>
      <c r="STK152" s="31"/>
      <c r="STL152" s="31"/>
      <c r="STM152" s="31"/>
      <c r="STN152" s="31"/>
      <c r="STO152" s="31"/>
      <c r="STP152" s="31"/>
      <c r="STQ152" s="31"/>
      <c r="STR152" s="31"/>
      <c r="STS152" s="31"/>
      <c r="STT152" s="31"/>
      <c r="STU152" s="31"/>
      <c r="STV152" s="31"/>
      <c r="STW152" s="31"/>
      <c r="STX152" s="31"/>
      <c r="STY152" s="31"/>
      <c r="STZ152" s="31"/>
      <c r="SUA152" s="31"/>
      <c r="SUB152" s="31"/>
      <c r="SUC152" s="31"/>
      <c r="SUD152" s="31"/>
      <c r="SUE152" s="31"/>
      <c r="SUF152" s="31"/>
      <c r="SUG152" s="31"/>
      <c r="SUH152" s="31"/>
      <c r="SUI152" s="31"/>
      <c r="SUJ152" s="31"/>
      <c r="SUK152" s="31"/>
      <c r="SUL152" s="31"/>
      <c r="SUM152" s="31"/>
      <c r="SUN152" s="31"/>
      <c r="SUO152" s="31"/>
      <c r="SUP152" s="31"/>
      <c r="SUQ152" s="31"/>
      <c r="SUR152" s="31"/>
      <c r="SUS152" s="31"/>
      <c r="SUT152" s="31"/>
      <c r="SUU152" s="31"/>
      <c r="SUV152" s="31"/>
      <c r="SUW152" s="31"/>
      <c r="SUX152" s="31"/>
      <c r="SUY152" s="31"/>
      <c r="SUZ152" s="31"/>
      <c r="SVA152" s="31"/>
      <c r="SVB152" s="31"/>
      <c r="SVC152" s="31"/>
      <c r="SVD152" s="31"/>
      <c r="SVE152" s="31"/>
      <c r="SVF152" s="31"/>
      <c r="SVG152" s="31"/>
      <c r="SVH152" s="31"/>
      <c r="SVI152" s="31"/>
      <c r="SVJ152" s="31"/>
      <c r="SVK152" s="31"/>
      <c r="SVL152" s="31"/>
      <c r="SVM152" s="31"/>
      <c r="SVN152" s="31"/>
      <c r="SVO152" s="31"/>
      <c r="SVP152" s="31"/>
      <c r="SVQ152" s="31"/>
      <c r="SVR152" s="31"/>
      <c r="SVS152" s="31"/>
      <c r="SVT152" s="31"/>
      <c r="SVU152" s="31"/>
      <c r="SVV152" s="31"/>
      <c r="SVW152" s="31"/>
      <c r="SVX152" s="31"/>
      <c r="SVY152" s="31"/>
      <c r="SVZ152" s="31"/>
      <c r="SWA152" s="31"/>
      <c r="SWB152" s="31"/>
      <c r="SWC152" s="31"/>
      <c r="SWD152" s="31"/>
      <c r="SWE152" s="31"/>
      <c r="SWF152" s="31"/>
      <c r="SWG152" s="31"/>
      <c r="SWH152" s="31"/>
      <c r="SWI152" s="31"/>
      <c r="SWJ152" s="31"/>
      <c r="SWK152" s="31"/>
      <c r="SWL152" s="31"/>
      <c r="SWM152" s="31"/>
      <c r="SWN152" s="31"/>
      <c r="SWO152" s="31"/>
      <c r="SWP152" s="31"/>
      <c r="SWQ152" s="31"/>
      <c r="SWR152" s="31"/>
      <c r="SWS152" s="31"/>
      <c r="SWT152" s="31"/>
      <c r="SWU152" s="31"/>
      <c r="SWV152" s="31"/>
      <c r="SWW152" s="31"/>
      <c r="SWX152" s="31"/>
      <c r="SWY152" s="31"/>
      <c r="SWZ152" s="31"/>
      <c r="SXA152" s="31"/>
      <c r="SXB152" s="31"/>
      <c r="SXC152" s="31"/>
      <c r="SXD152" s="31"/>
      <c r="SXE152" s="31"/>
      <c r="SXF152" s="31"/>
      <c r="SXG152" s="31"/>
      <c r="SXH152" s="31"/>
      <c r="SXI152" s="31"/>
      <c r="SXJ152" s="31"/>
      <c r="SXK152" s="31"/>
      <c r="SXL152" s="31"/>
      <c r="SXM152" s="31"/>
      <c r="SXN152" s="31"/>
      <c r="SXO152" s="31"/>
      <c r="SXP152" s="31"/>
      <c r="SXQ152" s="31"/>
      <c r="SXR152" s="31"/>
      <c r="SXS152" s="31"/>
      <c r="SXT152" s="31"/>
      <c r="SXU152" s="31"/>
      <c r="SXV152" s="31"/>
      <c r="SXW152" s="31"/>
      <c r="SXX152" s="31"/>
      <c r="SXY152" s="31"/>
      <c r="SXZ152" s="31"/>
      <c r="SYA152" s="31"/>
      <c r="SYB152" s="31"/>
      <c r="SYC152" s="31"/>
      <c r="SYD152" s="31"/>
      <c r="SYE152" s="31"/>
      <c r="SYF152" s="31"/>
      <c r="SYG152" s="31"/>
      <c r="SYH152" s="31"/>
      <c r="SYI152" s="31"/>
      <c r="SYJ152" s="31"/>
      <c r="SYK152" s="31"/>
      <c r="SYL152" s="31"/>
      <c r="SYM152" s="31"/>
      <c r="SYN152" s="31"/>
      <c r="SYO152" s="31"/>
      <c r="SYP152" s="31"/>
      <c r="SYQ152" s="31"/>
      <c r="SYR152" s="31"/>
      <c r="SYS152" s="31"/>
      <c r="SYT152" s="31"/>
      <c r="SYU152" s="31"/>
      <c r="SYV152" s="31"/>
      <c r="SYW152" s="31"/>
      <c r="SYX152" s="31"/>
      <c r="SYY152" s="31"/>
      <c r="SYZ152" s="31"/>
      <c r="SZA152" s="31"/>
      <c r="SZB152" s="31"/>
      <c r="SZC152" s="31"/>
      <c r="SZD152" s="31"/>
      <c r="SZE152" s="31"/>
      <c r="SZF152" s="31"/>
      <c r="SZG152" s="31"/>
      <c r="SZH152" s="31"/>
      <c r="SZI152" s="31"/>
      <c r="SZJ152" s="31"/>
      <c r="SZK152" s="31"/>
      <c r="SZL152" s="31"/>
      <c r="SZM152" s="31"/>
      <c r="SZN152" s="31"/>
      <c r="SZO152" s="31"/>
      <c r="SZP152" s="31"/>
      <c r="SZQ152" s="31"/>
      <c r="SZR152" s="31"/>
      <c r="SZS152" s="31"/>
      <c r="SZT152" s="31"/>
      <c r="SZU152" s="31"/>
      <c r="SZV152" s="31"/>
      <c r="SZW152" s="31"/>
      <c r="SZX152" s="31"/>
      <c r="SZY152" s="31"/>
      <c r="SZZ152" s="31"/>
      <c r="TAA152" s="31"/>
      <c r="TAB152" s="31"/>
      <c r="TAC152" s="31"/>
      <c r="TAD152" s="31"/>
      <c r="TAE152" s="31"/>
      <c r="TAF152" s="31"/>
      <c r="TAG152" s="31"/>
      <c r="TAH152" s="31"/>
      <c r="TAI152" s="31"/>
      <c r="TAJ152" s="31"/>
      <c r="TAK152" s="31"/>
      <c r="TAL152" s="31"/>
      <c r="TAM152" s="31"/>
      <c r="TAN152" s="31"/>
      <c r="TAO152" s="31"/>
      <c r="TAP152" s="31"/>
      <c r="TAQ152" s="31"/>
      <c r="TAR152" s="31"/>
      <c r="TAS152" s="31"/>
      <c r="TAT152" s="31"/>
      <c r="TAU152" s="31"/>
      <c r="TAV152" s="31"/>
      <c r="TAW152" s="31"/>
      <c r="TAX152" s="31"/>
      <c r="TAY152" s="31"/>
      <c r="TAZ152" s="31"/>
      <c r="TBA152" s="31"/>
      <c r="TBB152" s="31"/>
      <c r="TBC152" s="31"/>
      <c r="TBD152" s="31"/>
      <c r="TBE152" s="31"/>
      <c r="TBF152" s="31"/>
      <c r="TBG152" s="31"/>
      <c r="TBH152" s="31"/>
      <c r="TBI152" s="31"/>
      <c r="TBJ152" s="31"/>
      <c r="TBK152" s="31"/>
      <c r="TBL152" s="31"/>
      <c r="TBM152" s="31"/>
      <c r="TBN152" s="31"/>
      <c r="TBO152" s="31"/>
      <c r="TBP152" s="31"/>
      <c r="TBQ152" s="31"/>
      <c r="TBR152" s="31"/>
      <c r="TBS152" s="31"/>
      <c r="TBT152" s="31"/>
      <c r="TBU152" s="31"/>
      <c r="TBV152" s="31"/>
      <c r="TBW152" s="31"/>
      <c r="TBX152" s="31"/>
      <c r="TBY152" s="31"/>
      <c r="TBZ152" s="31"/>
      <c r="TCA152" s="31"/>
      <c r="TCB152" s="31"/>
      <c r="TCC152" s="31"/>
      <c r="TCD152" s="31"/>
      <c r="TCE152" s="31"/>
      <c r="TCF152" s="31"/>
      <c r="TCG152" s="31"/>
      <c r="TCH152" s="31"/>
      <c r="TCI152" s="31"/>
      <c r="TCJ152" s="31"/>
      <c r="TCK152" s="31"/>
      <c r="TCL152" s="31"/>
      <c r="TCM152" s="31"/>
      <c r="TCN152" s="31"/>
      <c r="TCO152" s="31"/>
      <c r="TCP152" s="31"/>
      <c r="TCQ152" s="31"/>
      <c r="TCR152" s="31"/>
      <c r="TCS152" s="31"/>
      <c r="TCT152" s="31"/>
      <c r="TCU152" s="31"/>
      <c r="TCV152" s="31"/>
      <c r="TCW152" s="31"/>
      <c r="TCX152" s="31"/>
      <c r="TCY152" s="31"/>
      <c r="TCZ152" s="31"/>
      <c r="TDA152" s="31"/>
      <c r="TDB152" s="31"/>
      <c r="TDC152" s="31"/>
      <c r="TDD152" s="31"/>
      <c r="TDE152" s="31"/>
      <c r="TDF152" s="31"/>
      <c r="TDG152" s="31"/>
      <c r="TDH152" s="31"/>
      <c r="TDI152" s="31"/>
      <c r="TDJ152" s="31"/>
      <c r="TDK152" s="31"/>
      <c r="TDL152" s="31"/>
      <c r="TDM152" s="31"/>
      <c r="TDN152" s="31"/>
      <c r="TDO152" s="31"/>
      <c r="TDP152" s="31"/>
      <c r="TDQ152" s="31"/>
      <c r="TDR152" s="31"/>
      <c r="TDS152" s="31"/>
      <c r="TDT152" s="31"/>
      <c r="TDU152" s="31"/>
      <c r="TDV152" s="31"/>
      <c r="TDW152" s="31"/>
      <c r="TDX152" s="31"/>
      <c r="TDY152" s="31"/>
      <c r="TDZ152" s="31"/>
      <c r="TEA152" s="31"/>
      <c r="TEB152" s="31"/>
      <c r="TEC152" s="31"/>
      <c r="TED152" s="31"/>
      <c r="TEE152" s="31"/>
      <c r="TEF152" s="31"/>
      <c r="TEG152" s="31"/>
      <c r="TEH152" s="31"/>
      <c r="TEI152" s="31"/>
      <c r="TEJ152" s="31"/>
      <c r="TEK152" s="31"/>
      <c r="TEL152" s="31"/>
      <c r="TEM152" s="31"/>
      <c r="TEN152" s="31"/>
      <c r="TEO152" s="31"/>
      <c r="TEP152" s="31"/>
      <c r="TEQ152" s="31"/>
      <c r="TER152" s="31"/>
      <c r="TES152" s="31"/>
      <c r="TET152" s="31"/>
      <c r="TEU152" s="31"/>
      <c r="TEV152" s="31"/>
      <c r="TEW152" s="31"/>
      <c r="TEX152" s="31"/>
      <c r="TEY152" s="31"/>
      <c r="TEZ152" s="31"/>
      <c r="TFA152" s="31"/>
      <c r="TFB152" s="31"/>
      <c r="TFC152" s="31"/>
      <c r="TFD152" s="31"/>
      <c r="TFE152" s="31"/>
      <c r="TFF152" s="31"/>
      <c r="TFG152" s="31"/>
      <c r="TFH152" s="31"/>
      <c r="TFI152" s="31"/>
      <c r="TFJ152" s="31"/>
      <c r="TFK152" s="31"/>
      <c r="TFL152" s="31"/>
      <c r="TFM152" s="31"/>
      <c r="TFN152" s="31"/>
      <c r="TFO152" s="31"/>
      <c r="TFP152" s="31"/>
      <c r="TFQ152" s="31"/>
      <c r="TFR152" s="31"/>
      <c r="TFS152" s="31"/>
      <c r="TFT152" s="31"/>
      <c r="TFU152" s="31"/>
      <c r="TFV152" s="31"/>
      <c r="TFW152" s="31"/>
      <c r="TFX152" s="31"/>
      <c r="TFY152" s="31"/>
      <c r="TFZ152" s="31"/>
      <c r="TGA152" s="31"/>
      <c r="TGB152" s="31"/>
      <c r="TGC152" s="31"/>
      <c r="TGD152" s="31"/>
      <c r="TGE152" s="31"/>
      <c r="TGF152" s="31"/>
      <c r="TGG152" s="31"/>
      <c r="TGH152" s="31"/>
      <c r="TGI152" s="31"/>
      <c r="TGJ152" s="31"/>
      <c r="TGK152" s="31"/>
      <c r="TGL152" s="31"/>
      <c r="TGM152" s="31"/>
      <c r="TGN152" s="31"/>
      <c r="TGO152" s="31"/>
      <c r="TGP152" s="31"/>
      <c r="TGQ152" s="31"/>
      <c r="TGR152" s="31"/>
      <c r="TGS152" s="31"/>
      <c r="TGT152" s="31"/>
      <c r="TGU152" s="31"/>
      <c r="TGV152" s="31"/>
      <c r="TGW152" s="31"/>
      <c r="TGX152" s="31"/>
      <c r="TGY152" s="31"/>
      <c r="TGZ152" s="31"/>
      <c r="THA152" s="31"/>
      <c r="THB152" s="31"/>
      <c r="THC152" s="31"/>
      <c r="THD152" s="31"/>
      <c r="THE152" s="31"/>
      <c r="THF152" s="31"/>
      <c r="THG152" s="31"/>
      <c r="THH152" s="31"/>
      <c r="THI152" s="31"/>
      <c r="THJ152" s="31"/>
      <c r="THK152" s="31"/>
      <c r="THL152" s="31"/>
      <c r="THM152" s="31"/>
      <c r="THN152" s="31"/>
      <c r="THO152" s="31"/>
      <c r="THP152" s="31"/>
      <c r="THQ152" s="31"/>
      <c r="THR152" s="31"/>
      <c r="THS152" s="31"/>
      <c r="THT152" s="31"/>
      <c r="THU152" s="31"/>
      <c r="THV152" s="31"/>
      <c r="THW152" s="31"/>
      <c r="THX152" s="31"/>
      <c r="THY152" s="31"/>
      <c r="THZ152" s="31"/>
      <c r="TIA152" s="31"/>
      <c r="TIB152" s="31"/>
      <c r="TIC152" s="31"/>
      <c r="TID152" s="31"/>
      <c r="TIE152" s="31"/>
      <c r="TIF152" s="31"/>
      <c r="TIG152" s="31"/>
      <c r="TIH152" s="31"/>
      <c r="TII152" s="31"/>
      <c r="TIJ152" s="31"/>
      <c r="TIK152" s="31"/>
      <c r="TIL152" s="31"/>
      <c r="TIM152" s="31"/>
      <c r="TIN152" s="31"/>
      <c r="TIO152" s="31"/>
      <c r="TIP152" s="31"/>
      <c r="TIQ152" s="31"/>
      <c r="TIR152" s="31"/>
      <c r="TIS152" s="31"/>
      <c r="TIT152" s="31"/>
      <c r="TIU152" s="31"/>
      <c r="TIV152" s="31"/>
      <c r="TIW152" s="31"/>
      <c r="TIX152" s="31"/>
      <c r="TIY152" s="31"/>
      <c r="TIZ152" s="31"/>
      <c r="TJA152" s="31"/>
      <c r="TJB152" s="31"/>
      <c r="TJC152" s="31"/>
      <c r="TJD152" s="31"/>
      <c r="TJE152" s="31"/>
      <c r="TJF152" s="31"/>
      <c r="TJG152" s="31"/>
      <c r="TJH152" s="31"/>
      <c r="TJI152" s="31"/>
      <c r="TJJ152" s="31"/>
      <c r="TJK152" s="31"/>
      <c r="TJL152" s="31"/>
      <c r="TJM152" s="31"/>
      <c r="TJN152" s="31"/>
      <c r="TJO152" s="31"/>
      <c r="TJP152" s="31"/>
      <c r="TJQ152" s="31"/>
      <c r="TJR152" s="31"/>
      <c r="TJS152" s="31"/>
      <c r="TJT152" s="31"/>
      <c r="TJU152" s="31"/>
      <c r="TJV152" s="31"/>
      <c r="TJW152" s="31"/>
      <c r="TJX152" s="31"/>
      <c r="TJY152" s="31"/>
      <c r="TJZ152" s="31"/>
      <c r="TKA152" s="31"/>
      <c r="TKB152" s="31"/>
      <c r="TKC152" s="31"/>
      <c r="TKD152" s="31"/>
      <c r="TKE152" s="31"/>
      <c r="TKF152" s="31"/>
      <c r="TKG152" s="31"/>
      <c r="TKH152" s="31"/>
      <c r="TKI152" s="31"/>
      <c r="TKJ152" s="31"/>
      <c r="TKK152" s="31"/>
      <c r="TKL152" s="31"/>
      <c r="TKM152" s="31"/>
      <c r="TKN152" s="31"/>
      <c r="TKO152" s="31"/>
      <c r="TKP152" s="31"/>
      <c r="TKQ152" s="31"/>
      <c r="TKR152" s="31"/>
      <c r="TKS152" s="31"/>
      <c r="TKT152" s="31"/>
      <c r="TKU152" s="31"/>
      <c r="TKV152" s="31"/>
      <c r="TKW152" s="31"/>
      <c r="TKX152" s="31"/>
      <c r="TKY152" s="31"/>
      <c r="TKZ152" s="31"/>
      <c r="TLA152" s="31"/>
      <c r="TLB152" s="31"/>
      <c r="TLC152" s="31"/>
      <c r="TLD152" s="31"/>
      <c r="TLE152" s="31"/>
      <c r="TLF152" s="31"/>
      <c r="TLG152" s="31"/>
      <c r="TLH152" s="31"/>
      <c r="TLI152" s="31"/>
      <c r="TLJ152" s="31"/>
      <c r="TLK152" s="31"/>
      <c r="TLL152" s="31"/>
      <c r="TLM152" s="31"/>
      <c r="TLN152" s="31"/>
      <c r="TLO152" s="31"/>
      <c r="TLP152" s="31"/>
      <c r="TLQ152" s="31"/>
      <c r="TLR152" s="31"/>
      <c r="TLS152" s="31"/>
      <c r="TLT152" s="31"/>
      <c r="TLU152" s="31"/>
      <c r="TLV152" s="31"/>
      <c r="TLW152" s="31"/>
      <c r="TLX152" s="31"/>
      <c r="TLY152" s="31"/>
      <c r="TLZ152" s="31"/>
      <c r="TMA152" s="31"/>
      <c r="TMB152" s="31"/>
      <c r="TMC152" s="31"/>
      <c r="TMD152" s="31"/>
      <c r="TME152" s="31"/>
      <c r="TMF152" s="31"/>
      <c r="TMG152" s="31"/>
      <c r="TMH152" s="31"/>
      <c r="TMI152" s="31"/>
      <c r="TMJ152" s="31"/>
      <c r="TMK152" s="31"/>
      <c r="TML152" s="31"/>
      <c r="TMM152" s="31"/>
      <c r="TMN152" s="31"/>
      <c r="TMO152" s="31"/>
      <c r="TMP152" s="31"/>
      <c r="TMQ152" s="31"/>
      <c r="TMR152" s="31"/>
      <c r="TMS152" s="31"/>
      <c r="TMT152" s="31"/>
      <c r="TMU152" s="31"/>
      <c r="TMV152" s="31"/>
      <c r="TMW152" s="31"/>
      <c r="TMX152" s="31"/>
      <c r="TMY152" s="31"/>
      <c r="TMZ152" s="31"/>
      <c r="TNA152" s="31"/>
      <c r="TNB152" s="31"/>
      <c r="TNC152" s="31"/>
      <c r="TND152" s="31"/>
      <c r="TNE152" s="31"/>
      <c r="TNF152" s="31"/>
      <c r="TNG152" s="31"/>
      <c r="TNH152" s="31"/>
      <c r="TNI152" s="31"/>
      <c r="TNJ152" s="31"/>
      <c r="TNK152" s="31"/>
      <c r="TNL152" s="31"/>
      <c r="TNM152" s="31"/>
      <c r="TNN152" s="31"/>
      <c r="TNO152" s="31"/>
      <c r="TNP152" s="31"/>
      <c r="TNQ152" s="31"/>
      <c r="TNR152" s="31"/>
      <c r="TNS152" s="31"/>
      <c r="TNT152" s="31"/>
      <c r="TNU152" s="31"/>
      <c r="TNV152" s="31"/>
      <c r="TNW152" s="31"/>
      <c r="TNX152" s="31"/>
      <c r="TNY152" s="31"/>
      <c r="TNZ152" s="31"/>
      <c r="TOA152" s="31"/>
      <c r="TOB152" s="31"/>
      <c r="TOC152" s="31"/>
      <c r="TOD152" s="31"/>
      <c r="TOE152" s="31"/>
      <c r="TOF152" s="31"/>
      <c r="TOG152" s="31"/>
      <c r="TOH152" s="31"/>
      <c r="TOI152" s="31"/>
      <c r="TOJ152" s="31"/>
      <c r="TOK152" s="31"/>
      <c r="TOL152" s="31"/>
      <c r="TOM152" s="31"/>
      <c r="TON152" s="31"/>
      <c r="TOO152" s="31"/>
      <c r="TOP152" s="31"/>
      <c r="TOQ152" s="31"/>
      <c r="TOR152" s="31"/>
      <c r="TOS152" s="31"/>
      <c r="TOT152" s="31"/>
      <c r="TOU152" s="31"/>
      <c r="TOV152" s="31"/>
      <c r="TOW152" s="31"/>
      <c r="TOX152" s="31"/>
      <c r="TOY152" s="31"/>
      <c r="TOZ152" s="31"/>
      <c r="TPA152" s="31"/>
      <c r="TPB152" s="31"/>
      <c r="TPC152" s="31"/>
      <c r="TPD152" s="31"/>
      <c r="TPE152" s="31"/>
      <c r="TPF152" s="31"/>
      <c r="TPG152" s="31"/>
      <c r="TPH152" s="31"/>
      <c r="TPI152" s="31"/>
      <c r="TPJ152" s="31"/>
      <c r="TPK152" s="31"/>
      <c r="TPL152" s="31"/>
      <c r="TPM152" s="31"/>
      <c r="TPN152" s="31"/>
      <c r="TPO152" s="31"/>
      <c r="TPP152" s="31"/>
      <c r="TPQ152" s="31"/>
      <c r="TPR152" s="31"/>
      <c r="TPS152" s="31"/>
      <c r="TPT152" s="31"/>
      <c r="TPU152" s="31"/>
      <c r="TPV152" s="31"/>
      <c r="TPW152" s="31"/>
      <c r="TPX152" s="31"/>
      <c r="TPY152" s="31"/>
      <c r="TPZ152" s="31"/>
      <c r="TQA152" s="31"/>
      <c r="TQB152" s="31"/>
      <c r="TQC152" s="31"/>
      <c r="TQD152" s="31"/>
      <c r="TQE152" s="31"/>
      <c r="TQF152" s="31"/>
      <c r="TQG152" s="31"/>
      <c r="TQH152" s="31"/>
      <c r="TQI152" s="31"/>
      <c r="TQJ152" s="31"/>
      <c r="TQK152" s="31"/>
      <c r="TQL152" s="31"/>
      <c r="TQM152" s="31"/>
      <c r="TQN152" s="31"/>
      <c r="TQO152" s="31"/>
      <c r="TQP152" s="31"/>
      <c r="TQQ152" s="31"/>
      <c r="TQR152" s="31"/>
      <c r="TQS152" s="31"/>
      <c r="TQT152" s="31"/>
      <c r="TQU152" s="31"/>
      <c r="TQV152" s="31"/>
      <c r="TQW152" s="31"/>
      <c r="TQX152" s="31"/>
      <c r="TQY152" s="31"/>
      <c r="TQZ152" s="31"/>
      <c r="TRA152" s="31"/>
      <c r="TRB152" s="31"/>
      <c r="TRC152" s="31"/>
      <c r="TRD152" s="31"/>
      <c r="TRE152" s="31"/>
      <c r="TRF152" s="31"/>
      <c r="TRG152" s="31"/>
      <c r="TRH152" s="31"/>
      <c r="TRI152" s="31"/>
      <c r="TRJ152" s="31"/>
      <c r="TRK152" s="31"/>
      <c r="TRL152" s="31"/>
      <c r="TRM152" s="31"/>
      <c r="TRN152" s="31"/>
      <c r="TRO152" s="31"/>
      <c r="TRP152" s="31"/>
      <c r="TRQ152" s="31"/>
      <c r="TRR152" s="31"/>
      <c r="TRS152" s="31"/>
      <c r="TRT152" s="31"/>
      <c r="TRU152" s="31"/>
      <c r="TRV152" s="31"/>
      <c r="TRW152" s="31"/>
      <c r="TRX152" s="31"/>
      <c r="TRY152" s="31"/>
      <c r="TRZ152" s="31"/>
      <c r="TSA152" s="31"/>
      <c r="TSB152" s="31"/>
      <c r="TSC152" s="31"/>
      <c r="TSD152" s="31"/>
      <c r="TSE152" s="31"/>
      <c r="TSF152" s="31"/>
      <c r="TSG152" s="31"/>
      <c r="TSH152" s="31"/>
      <c r="TSI152" s="31"/>
      <c r="TSJ152" s="31"/>
      <c r="TSK152" s="31"/>
      <c r="TSL152" s="31"/>
      <c r="TSM152" s="31"/>
      <c r="TSN152" s="31"/>
      <c r="TSO152" s="31"/>
      <c r="TSP152" s="31"/>
      <c r="TSQ152" s="31"/>
      <c r="TSR152" s="31"/>
      <c r="TSS152" s="31"/>
      <c r="TST152" s="31"/>
      <c r="TSU152" s="31"/>
      <c r="TSV152" s="31"/>
      <c r="TSW152" s="31"/>
      <c r="TSX152" s="31"/>
      <c r="TSY152" s="31"/>
      <c r="TSZ152" s="31"/>
      <c r="TTA152" s="31"/>
      <c r="TTB152" s="31"/>
      <c r="TTC152" s="31"/>
      <c r="TTD152" s="31"/>
      <c r="TTE152" s="31"/>
      <c r="TTF152" s="31"/>
      <c r="TTG152" s="31"/>
      <c r="TTH152" s="31"/>
      <c r="TTI152" s="31"/>
      <c r="TTJ152" s="31"/>
      <c r="TTK152" s="31"/>
      <c r="TTL152" s="31"/>
      <c r="TTM152" s="31"/>
      <c r="TTN152" s="31"/>
      <c r="TTO152" s="31"/>
      <c r="TTP152" s="31"/>
      <c r="TTQ152" s="31"/>
      <c r="TTR152" s="31"/>
      <c r="TTS152" s="31"/>
      <c r="TTT152" s="31"/>
      <c r="TTU152" s="31"/>
      <c r="TTV152" s="31"/>
      <c r="TTW152" s="31"/>
      <c r="TTX152" s="31"/>
      <c r="TTY152" s="31"/>
      <c r="TTZ152" s="31"/>
      <c r="TUA152" s="31"/>
      <c r="TUB152" s="31"/>
      <c r="TUC152" s="31"/>
      <c r="TUD152" s="31"/>
      <c r="TUE152" s="31"/>
      <c r="TUF152" s="31"/>
      <c r="TUG152" s="31"/>
      <c r="TUH152" s="31"/>
      <c r="TUI152" s="31"/>
      <c r="TUJ152" s="31"/>
      <c r="TUK152" s="31"/>
      <c r="TUL152" s="31"/>
      <c r="TUM152" s="31"/>
      <c r="TUN152" s="31"/>
      <c r="TUO152" s="31"/>
      <c r="TUP152" s="31"/>
      <c r="TUQ152" s="31"/>
      <c r="TUR152" s="31"/>
      <c r="TUS152" s="31"/>
      <c r="TUT152" s="31"/>
      <c r="TUU152" s="31"/>
      <c r="TUV152" s="31"/>
      <c r="TUW152" s="31"/>
      <c r="TUX152" s="31"/>
      <c r="TUY152" s="31"/>
      <c r="TUZ152" s="31"/>
      <c r="TVA152" s="31"/>
      <c r="TVB152" s="31"/>
      <c r="TVC152" s="31"/>
      <c r="TVD152" s="31"/>
      <c r="TVE152" s="31"/>
      <c r="TVF152" s="31"/>
      <c r="TVG152" s="31"/>
      <c r="TVH152" s="31"/>
      <c r="TVI152" s="31"/>
      <c r="TVJ152" s="31"/>
      <c r="TVK152" s="31"/>
      <c r="TVL152" s="31"/>
      <c r="TVM152" s="31"/>
      <c r="TVN152" s="31"/>
      <c r="TVO152" s="31"/>
      <c r="TVP152" s="31"/>
      <c r="TVQ152" s="31"/>
      <c r="TVR152" s="31"/>
      <c r="TVS152" s="31"/>
      <c r="TVT152" s="31"/>
      <c r="TVU152" s="31"/>
      <c r="TVV152" s="31"/>
      <c r="TVW152" s="31"/>
      <c r="TVX152" s="31"/>
      <c r="TVY152" s="31"/>
      <c r="TVZ152" s="31"/>
      <c r="TWA152" s="31"/>
      <c r="TWB152" s="31"/>
      <c r="TWC152" s="31"/>
      <c r="TWD152" s="31"/>
      <c r="TWE152" s="31"/>
      <c r="TWF152" s="31"/>
      <c r="TWG152" s="31"/>
      <c r="TWH152" s="31"/>
      <c r="TWI152" s="31"/>
      <c r="TWJ152" s="31"/>
      <c r="TWK152" s="31"/>
      <c r="TWL152" s="31"/>
      <c r="TWM152" s="31"/>
      <c r="TWN152" s="31"/>
      <c r="TWO152" s="31"/>
      <c r="TWP152" s="31"/>
      <c r="TWQ152" s="31"/>
      <c r="TWR152" s="31"/>
      <c r="TWS152" s="31"/>
      <c r="TWT152" s="31"/>
      <c r="TWU152" s="31"/>
      <c r="TWV152" s="31"/>
      <c r="TWW152" s="31"/>
      <c r="TWX152" s="31"/>
      <c r="TWY152" s="31"/>
      <c r="TWZ152" s="31"/>
      <c r="TXA152" s="31"/>
      <c r="TXB152" s="31"/>
      <c r="TXC152" s="31"/>
      <c r="TXD152" s="31"/>
      <c r="TXE152" s="31"/>
      <c r="TXF152" s="31"/>
      <c r="TXG152" s="31"/>
      <c r="TXH152" s="31"/>
      <c r="TXI152" s="31"/>
      <c r="TXJ152" s="31"/>
      <c r="TXK152" s="31"/>
      <c r="TXL152" s="31"/>
      <c r="TXM152" s="31"/>
      <c r="TXN152" s="31"/>
      <c r="TXO152" s="31"/>
      <c r="TXP152" s="31"/>
      <c r="TXQ152" s="31"/>
      <c r="TXR152" s="31"/>
      <c r="TXS152" s="31"/>
      <c r="TXT152" s="31"/>
      <c r="TXU152" s="31"/>
      <c r="TXV152" s="31"/>
      <c r="TXW152" s="31"/>
      <c r="TXX152" s="31"/>
      <c r="TXY152" s="31"/>
      <c r="TXZ152" s="31"/>
      <c r="TYA152" s="31"/>
      <c r="TYB152" s="31"/>
      <c r="TYC152" s="31"/>
      <c r="TYD152" s="31"/>
      <c r="TYE152" s="31"/>
      <c r="TYF152" s="31"/>
      <c r="TYG152" s="31"/>
      <c r="TYH152" s="31"/>
      <c r="TYI152" s="31"/>
      <c r="TYJ152" s="31"/>
      <c r="TYK152" s="31"/>
      <c r="TYL152" s="31"/>
      <c r="TYM152" s="31"/>
      <c r="TYN152" s="31"/>
      <c r="TYO152" s="31"/>
      <c r="TYP152" s="31"/>
      <c r="TYQ152" s="31"/>
      <c r="TYR152" s="31"/>
      <c r="TYS152" s="31"/>
      <c r="TYT152" s="31"/>
      <c r="TYU152" s="31"/>
      <c r="TYV152" s="31"/>
      <c r="TYW152" s="31"/>
      <c r="TYX152" s="31"/>
      <c r="TYY152" s="31"/>
      <c r="TYZ152" s="31"/>
      <c r="TZA152" s="31"/>
      <c r="TZB152" s="31"/>
      <c r="TZC152" s="31"/>
      <c r="TZD152" s="31"/>
      <c r="TZE152" s="31"/>
      <c r="TZF152" s="31"/>
      <c r="TZG152" s="31"/>
      <c r="TZH152" s="31"/>
      <c r="TZI152" s="31"/>
      <c r="TZJ152" s="31"/>
      <c r="TZK152" s="31"/>
      <c r="TZL152" s="31"/>
      <c r="TZM152" s="31"/>
      <c r="TZN152" s="31"/>
      <c r="TZO152" s="31"/>
      <c r="TZP152" s="31"/>
      <c r="TZQ152" s="31"/>
      <c r="TZR152" s="31"/>
      <c r="TZS152" s="31"/>
      <c r="TZT152" s="31"/>
      <c r="TZU152" s="31"/>
      <c r="TZV152" s="31"/>
      <c r="TZW152" s="31"/>
      <c r="TZX152" s="31"/>
      <c r="TZY152" s="31"/>
      <c r="TZZ152" s="31"/>
      <c r="UAA152" s="31"/>
      <c r="UAB152" s="31"/>
      <c r="UAC152" s="31"/>
      <c r="UAD152" s="31"/>
      <c r="UAE152" s="31"/>
      <c r="UAF152" s="31"/>
      <c r="UAG152" s="31"/>
      <c r="UAH152" s="31"/>
      <c r="UAI152" s="31"/>
      <c r="UAJ152" s="31"/>
      <c r="UAK152" s="31"/>
      <c r="UAL152" s="31"/>
      <c r="UAM152" s="31"/>
      <c r="UAN152" s="31"/>
      <c r="UAO152" s="31"/>
      <c r="UAP152" s="31"/>
      <c r="UAQ152" s="31"/>
      <c r="UAR152" s="31"/>
      <c r="UAS152" s="31"/>
      <c r="UAT152" s="31"/>
      <c r="UAU152" s="31"/>
      <c r="UAV152" s="31"/>
      <c r="UAW152" s="31"/>
      <c r="UAX152" s="31"/>
      <c r="UAY152" s="31"/>
      <c r="UAZ152" s="31"/>
      <c r="UBA152" s="31"/>
      <c r="UBB152" s="31"/>
      <c r="UBC152" s="31"/>
      <c r="UBD152" s="31"/>
      <c r="UBE152" s="31"/>
      <c r="UBF152" s="31"/>
      <c r="UBG152" s="31"/>
      <c r="UBH152" s="31"/>
      <c r="UBI152" s="31"/>
      <c r="UBJ152" s="31"/>
      <c r="UBK152" s="31"/>
      <c r="UBL152" s="31"/>
      <c r="UBM152" s="31"/>
      <c r="UBN152" s="31"/>
      <c r="UBO152" s="31"/>
      <c r="UBP152" s="31"/>
      <c r="UBQ152" s="31"/>
      <c r="UBR152" s="31"/>
      <c r="UBS152" s="31"/>
      <c r="UBT152" s="31"/>
      <c r="UBU152" s="31"/>
      <c r="UBV152" s="31"/>
      <c r="UBW152" s="31"/>
      <c r="UBX152" s="31"/>
      <c r="UBY152" s="31"/>
      <c r="UBZ152" s="31"/>
      <c r="UCA152" s="31"/>
      <c r="UCB152" s="31"/>
      <c r="UCC152" s="31"/>
      <c r="UCD152" s="31"/>
      <c r="UCE152" s="31"/>
      <c r="UCF152" s="31"/>
      <c r="UCG152" s="31"/>
      <c r="UCH152" s="31"/>
      <c r="UCI152" s="31"/>
      <c r="UCJ152" s="31"/>
      <c r="UCK152" s="31"/>
      <c r="UCL152" s="31"/>
      <c r="UCM152" s="31"/>
      <c r="UCN152" s="31"/>
      <c r="UCO152" s="31"/>
      <c r="UCP152" s="31"/>
      <c r="UCQ152" s="31"/>
      <c r="UCR152" s="31"/>
      <c r="UCS152" s="31"/>
      <c r="UCT152" s="31"/>
      <c r="UCU152" s="31"/>
      <c r="UCV152" s="31"/>
      <c r="UCW152" s="31"/>
      <c r="UCX152" s="31"/>
      <c r="UCY152" s="31"/>
      <c r="UCZ152" s="31"/>
      <c r="UDA152" s="31"/>
      <c r="UDB152" s="31"/>
      <c r="UDC152" s="31"/>
      <c r="UDD152" s="31"/>
      <c r="UDE152" s="31"/>
      <c r="UDF152" s="31"/>
      <c r="UDG152" s="31"/>
      <c r="UDH152" s="31"/>
      <c r="UDI152" s="31"/>
      <c r="UDJ152" s="31"/>
      <c r="UDK152" s="31"/>
      <c r="UDL152" s="31"/>
      <c r="UDM152" s="31"/>
      <c r="UDN152" s="31"/>
      <c r="UDO152" s="31"/>
      <c r="UDP152" s="31"/>
      <c r="UDQ152" s="31"/>
      <c r="UDR152" s="31"/>
      <c r="UDS152" s="31"/>
      <c r="UDT152" s="31"/>
      <c r="UDU152" s="31"/>
      <c r="UDV152" s="31"/>
      <c r="UDW152" s="31"/>
      <c r="UDX152" s="31"/>
      <c r="UDY152" s="31"/>
      <c r="UDZ152" s="31"/>
      <c r="UEA152" s="31"/>
      <c r="UEB152" s="31"/>
      <c r="UEC152" s="31"/>
      <c r="UED152" s="31"/>
      <c r="UEE152" s="31"/>
      <c r="UEF152" s="31"/>
      <c r="UEG152" s="31"/>
      <c r="UEH152" s="31"/>
      <c r="UEI152" s="31"/>
      <c r="UEJ152" s="31"/>
      <c r="UEK152" s="31"/>
      <c r="UEL152" s="31"/>
      <c r="UEM152" s="31"/>
      <c r="UEN152" s="31"/>
      <c r="UEO152" s="31"/>
      <c r="UEP152" s="31"/>
      <c r="UEQ152" s="31"/>
      <c r="UER152" s="31"/>
      <c r="UES152" s="31"/>
      <c r="UET152" s="31"/>
      <c r="UEU152" s="31"/>
      <c r="UEV152" s="31"/>
      <c r="UEW152" s="31"/>
      <c r="UEX152" s="31"/>
      <c r="UEY152" s="31"/>
      <c r="UEZ152" s="31"/>
      <c r="UFA152" s="31"/>
      <c r="UFB152" s="31"/>
      <c r="UFC152" s="31"/>
      <c r="UFD152" s="31"/>
      <c r="UFE152" s="31"/>
      <c r="UFF152" s="31"/>
      <c r="UFG152" s="31"/>
      <c r="UFH152" s="31"/>
      <c r="UFI152" s="31"/>
      <c r="UFJ152" s="31"/>
      <c r="UFK152" s="31"/>
      <c r="UFL152" s="31"/>
      <c r="UFM152" s="31"/>
      <c r="UFN152" s="31"/>
      <c r="UFO152" s="31"/>
      <c r="UFP152" s="31"/>
      <c r="UFQ152" s="31"/>
      <c r="UFR152" s="31"/>
      <c r="UFS152" s="31"/>
      <c r="UFT152" s="31"/>
      <c r="UFU152" s="31"/>
      <c r="UFV152" s="31"/>
      <c r="UFW152" s="31"/>
      <c r="UFX152" s="31"/>
      <c r="UFY152" s="31"/>
      <c r="UFZ152" s="31"/>
      <c r="UGA152" s="31"/>
      <c r="UGB152" s="31"/>
      <c r="UGC152" s="31"/>
      <c r="UGD152" s="31"/>
      <c r="UGE152" s="31"/>
      <c r="UGF152" s="31"/>
      <c r="UGG152" s="31"/>
      <c r="UGH152" s="31"/>
      <c r="UGI152" s="31"/>
      <c r="UGJ152" s="31"/>
      <c r="UGK152" s="31"/>
      <c r="UGL152" s="31"/>
      <c r="UGM152" s="31"/>
      <c r="UGN152" s="31"/>
      <c r="UGO152" s="31"/>
      <c r="UGP152" s="31"/>
      <c r="UGQ152" s="31"/>
      <c r="UGR152" s="31"/>
      <c r="UGS152" s="31"/>
      <c r="UGT152" s="31"/>
      <c r="UGU152" s="31"/>
      <c r="UGV152" s="31"/>
      <c r="UGW152" s="31"/>
      <c r="UGX152" s="31"/>
      <c r="UGY152" s="31"/>
      <c r="UGZ152" s="31"/>
      <c r="UHA152" s="31"/>
      <c r="UHB152" s="31"/>
      <c r="UHC152" s="31"/>
      <c r="UHD152" s="31"/>
      <c r="UHE152" s="31"/>
      <c r="UHF152" s="31"/>
      <c r="UHG152" s="31"/>
      <c r="UHH152" s="31"/>
      <c r="UHI152" s="31"/>
      <c r="UHJ152" s="31"/>
      <c r="UHK152" s="31"/>
      <c r="UHL152" s="31"/>
      <c r="UHM152" s="31"/>
      <c r="UHN152" s="31"/>
      <c r="UHO152" s="31"/>
      <c r="UHP152" s="31"/>
      <c r="UHQ152" s="31"/>
      <c r="UHR152" s="31"/>
      <c r="UHS152" s="31"/>
      <c r="UHT152" s="31"/>
      <c r="UHU152" s="31"/>
      <c r="UHV152" s="31"/>
      <c r="UHW152" s="31"/>
      <c r="UHX152" s="31"/>
      <c r="UHY152" s="31"/>
      <c r="UHZ152" s="31"/>
      <c r="UIA152" s="31"/>
      <c r="UIB152" s="31"/>
      <c r="UIC152" s="31"/>
      <c r="UID152" s="31"/>
      <c r="UIE152" s="31"/>
      <c r="UIF152" s="31"/>
      <c r="UIG152" s="31"/>
      <c r="UIH152" s="31"/>
      <c r="UII152" s="31"/>
      <c r="UIJ152" s="31"/>
      <c r="UIK152" s="31"/>
      <c r="UIL152" s="31"/>
      <c r="UIM152" s="31"/>
      <c r="UIN152" s="31"/>
      <c r="UIO152" s="31"/>
      <c r="UIP152" s="31"/>
      <c r="UIQ152" s="31"/>
      <c r="UIR152" s="31"/>
      <c r="UIS152" s="31"/>
      <c r="UIT152" s="31"/>
      <c r="UIU152" s="31"/>
      <c r="UIV152" s="31"/>
      <c r="UIW152" s="31"/>
      <c r="UIX152" s="31"/>
      <c r="UIY152" s="31"/>
      <c r="UIZ152" s="31"/>
      <c r="UJA152" s="31"/>
      <c r="UJB152" s="31"/>
      <c r="UJC152" s="31"/>
      <c r="UJD152" s="31"/>
      <c r="UJE152" s="31"/>
      <c r="UJF152" s="31"/>
      <c r="UJG152" s="31"/>
      <c r="UJH152" s="31"/>
      <c r="UJI152" s="31"/>
      <c r="UJJ152" s="31"/>
      <c r="UJK152" s="31"/>
      <c r="UJL152" s="31"/>
      <c r="UJM152" s="31"/>
      <c r="UJN152" s="31"/>
      <c r="UJO152" s="31"/>
      <c r="UJP152" s="31"/>
      <c r="UJQ152" s="31"/>
      <c r="UJR152" s="31"/>
      <c r="UJS152" s="31"/>
      <c r="UJT152" s="31"/>
      <c r="UJU152" s="31"/>
      <c r="UJV152" s="31"/>
      <c r="UJW152" s="31"/>
      <c r="UJX152" s="31"/>
      <c r="UJY152" s="31"/>
      <c r="UJZ152" s="31"/>
      <c r="UKA152" s="31"/>
      <c r="UKB152" s="31"/>
      <c r="UKC152" s="31"/>
      <c r="UKD152" s="31"/>
      <c r="UKE152" s="31"/>
      <c r="UKF152" s="31"/>
      <c r="UKG152" s="31"/>
      <c r="UKH152" s="31"/>
      <c r="UKI152" s="31"/>
      <c r="UKJ152" s="31"/>
      <c r="UKK152" s="31"/>
      <c r="UKL152" s="31"/>
      <c r="UKM152" s="31"/>
      <c r="UKN152" s="31"/>
      <c r="UKO152" s="31"/>
      <c r="UKP152" s="31"/>
      <c r="UKQ152" s="31"/>
      <c r="UKR152" s="31"/>
      <c r="UKS152" s="31"/>
      <c r="UKT152" s="31"/>
      <c r="UKU152" s="31"/>
      <c r="UKV152" s="31"/>
      <c r="UKW152" s="31"/>
      <c r="UKX152" s="31"/>
      <c r="UKY152" s="31"/>
      <c r="UKZ152" s="31"/>
      <c r="ULA152" s="31"/>
      <c r="ULB152" s="31"/>
      <c r="ULC152" s="31"/>
      <c r="ULD152" s="31"/>
      <c r="ULE152" s="31"/>
      <c r="ULF152" s="31"/>
      <c r="ULG152" s="31"/>
      <c r="ULH152" s="31"/>
      <c r="ULI152" s="31"/>
      <c r="ULJ152" s="31"/>
      <c r="ULK152" s="31"/>
      <c r="ULL152" s="31"/>
      <c r="ULM152" s="31"/>
      <c r="ULN152" s="31"/>
      <c r="ULO152" s="31"/>
      <c r="ULP152" s="31"/>
      <c r="ULQ152" s="31"/>
      <c r="ULR152" s="31"/>
      <c r="ULS152" s="31"/>
      <c r="ULT152" s="31"/>
      <c r="ULU152" s="31"/>
      <c r="ULV152" s="31"/>
      <c r="ULW152" s="31"/>
      <c r="ULX152" s="31"/>
      <c r="ULY152" s="31"/>
      <c r="ULZ152" s="31"/>
      <c r="UMA152" s="31"/>
      <c r="UMB152" s="31"/>
      <c r="UMC152" s="31"/>
      <c r="UMD152" s="31"/>
      <c r="UME152" s="31"/>
      <c r="UMF152" s="31"/>
      <c r="UMG152" s="31"/>
      <c r="UMH152" s="31"/>
      <c r="UMI152" s="31"/>
      <c r="UMJ152" s="31"/>
      <c r="UMK152" s="31"/>
      <c r="UML152" s="31"/>
      <c r="UMM152" s="31"/>
      <c r="UMN152" s="31"/>
      <c r="UMO152" s="31"/>
      <c r="UMP152" s="31"/>
      <c r="UMQ152" s="31"/>
      <c r="UMR152" s="31"/>
      <c r="UMS152" s="31"/>
      <c r="UMT152" s="31"/>
      <c r="UMU152" s="31"/>
      <c r="UMV152" s="31"/>
      <c r="UMW152" s="31"/>
      <c r="UMX152" s="31"/>
      <c r="UMY152" s="31"/>
      <c r="UMZ152" s="31"/>
      <c r="UNA152" s="31"/>
      <c r="UNB152" s="31"/>
      <c r="UNC152" s="31"/>
      <c r="UND152" s="31"/>
      <c r="UNE152" s="31"/>
      <c r="UNF152" s="31"/>
      <c r="UNG152" s="31"/>
      <c r="UNH152" s="31"/>
      <c r="UNI152" s="31"/>
      <c r="UNJ152" s="31"/>
      <c r="UNK152" s="31"/>
      <c r="UNL152" s="31"/>
      <c r="UNM152" s="31"/>
      <c r="UNN152" s="31"/>
      <c r="UNO152" s="31"/>
      <c r="UNP152" s="31"/>
      <c r="UNQ152" s="31"/>
      <c r="UNR152" s="31"/>
      <c r="UNS152" s="31"/>
      <c r="UNT152" s="31"/>
      <c r="UNU152" s="31"/>
      <c r="UNV152" s="31"/>
      <c r="UNW152" s="31"/>
      <c r="UNX152" s="31"/>
      <c r="UNY152" s="31"/>
      <c r="UNZ152" s="31"/>
      <c r="UOA152" s="31"/>
      <c r="UOB152" s="31"/>
      <c r="UOC152" s="31"/>
      <c r="UOD152" s="31"/>
      <c r="UOE152" s="31"/>
      <c r="UOF152" s="31"/>
      <c r="UOG152" s="31"/>
      <c r="UOH152" s="31"/>
      <c r="UOI152" s="31"/>
      <c r="UOJ152" s="31"/>
      <c r="UOK152" s="31"/>
      <c r="UOL152" s="31"/>
      <c r="UOM152" s="31"/>
      <c r="UON152" s="31"/>
      <c r="UOO152" s="31"/>
      <c r="UOP152" s="31"/>
      <c r="UOQ152" s="31"/>
      <c r="UOR152" s="31"/>
      <c r="UOS152" s="31"/>
      <c r="UOT152" s="31"/>
      <c r="UOU152" s="31"/>
      <c r="UOV152" s="31"/>
      <c r="UOW152" s="31"/>
      <c r="UOX152" s="31"/>
      <c r="UOY152" s="31"/>
      <c r="UOZ152" s="31"/>
      <c r="UPA152" s="31"/>
      <c r="UPB152" s="31"/>
      <c r="UPC152" s="31"/>
      <c r="UPD152" s="31"/>
      <c r="UPE152" s="31"/>
      <c r="UPF152" s="31"/>
      <c r="UPG152" s="31"/>
      <c r="UPH152" s="31"/>
      <c r="UPI152" s="31"/>
      <c r="UPJ152" s="31"/>
      <c r="UPK152" s="31"/>
      <c r="UPL152" s="31"/>
      <c r="UPM152" s="31"/>
      <c r="UPN152" s="31"/>
      <c r="UPO152" s="31"/>
      <c r="UPP152" s="31"/>
      <c r="UPQ152" s="31"/>
      <c r="UPR152" s="31"/>
      <c r="UPS152" s="31"/>
      <c r="UPT152" s="31"/>
      <c r="UPU152" s="31"/>
      <c r="UPV152" s="31"/>
      <c r="UPW152" s="31"/>
      <c r="UPX152" s="31"/>
      <c r="UPY152" s="31"/>
      <c r="UPZ152" s="31"/>
      <c r="UQA152" s="31"/>
      <c r="UQB152" s="31"/>
      <c r="UQC152" s="31"/>
      <c r="UQD152" s="31"/>
      <c r="UQE152" s="31"/>
      <c r="UQF152" s="31"/>
      <c r="UQG152" s="31"/>
      <c r="UQH152" s="31"/>
      <c r="UQI152" s="31"/>
      <c r="UQJ152" s="31"/>
      <c r="UQK152" s="31"/>
      <c r="UQL152" s="31"/>
      <c r="UQM152" s="31"/>
      <c r="UQN152" s="31"/>
      <c r="UQO152" s="31"/>
      <c r="UQP152" s="31"/>
      <c r="UQQ152" s="31"/>
      <c r="UQR152" s="31"/>
      <c r="UQS152" s="31"/>
      <c r="UQT152" s="31"/>
      <c r="UQU152" s="31"/>
      <c r="UQV152" s="31"/>
      <c r="UQW152" s="31"/>
      <c r="UQX152" s="31"/>
      <c r="UQY152" s="31"/>
      <c r="UQZ152" s="31"/>
      <c r="URA152" s="31"/>
      <c r="URB152" s="31"/>
      <c r="URC152" s="31"/>
      <c r="URD152" s="31"/>
      <c r="URE152" s="31"/>
      <c r="URF152" s="31"/>
      <c r="URG152" s="31"/>
      <c r="URH152" s="31"/>
      <c r="URI152" s="31"/>
      <c r="URJ152" s="31"/>
      <c r="URK152" s="31"/>
      <c r="URL152" s="31"/>
      <c r="URM152" s="31"/>
      <c r="URN152" s="31"/>
      <c r="URO152" s="31"/>
      <c r="URP152" s="31"/>
      <c r="URQ152" s="31"/>
      <c r="URR152" s="31"/>
      <c r="URS152" s="31"/>
      <c r="URT152" s="31"/>
      <c r="URU152" s="31"/>
      <c r="URV152" s="31"/>
      <c r="URW152" s="31"/>
      <c r="URX152" s="31"/>
      <c r="URY152" s="31"/>
      <c r="URZ152" s="31"/>
      <c r="USA152" s="31"/>
      <c r="USB152" s="31"/>
      <c r="USC152" s="31"/>
      <c r="USD152" s="31"/>
      <c r="USE152" s="31"/>
      <c r="USF152" s="31"/>
      <c r="USG152" s="31"/>
      <c r="USH152" s="31"/>
      <c r="USI152" s="31"/>
      <c r="USJ152" s="31"/>
      <c r="USK152" s="31"/>
      <c r="USL152" s="31"/>
      <c r="USM152" s="31"/>
      <c r="USN152" s="31"/>
      <c r="USO152" s="31"/>
      <c r="USP152" s="31"/>
      <c r="USQ152" s="31"/>
      <c r="USR152" s="31"/>
      <c r="USS152" s="31"/>
      <c r="UST152" s="31"/>
      <c r="USU152" s="31"/>
      <c r="USV152" s="31"/>
      <c r="USW152" s="31"/>
      <c r="USX152" s="31"/>
      <c r="USY152" s="31"/>
      <c r="USZ152" s="31"/>
      <c r="UTA152" s="31"/>
      <c r="UTB152" s="31"/>
      <c r="UTC152" s="31"/>
      <c r="UTD152" s="31"/>
      <c r="UTE152" s="31"/>
      <c r="UTF152" s="31"/>
      <c r="UTG152" s="31"/>
      <c r="UTH152" s="31"/>
      <c r="UTI152" s="31"/>
      <c r="UTJ152" s="31"/>
      <c r="UTK152" s="31"/>
      <c r="UTL152" s="31"/>
      <c r="UTM152" s="31"/>
      <c r="UTN152" s="31"/>
      <c r="UTO152" s="31"/>
      <c r="UTP152" s="31"/>
      <c r="UTQ152" s="31"/>
      <c r="UTR152" s="31"/>
      <c r="UTS152" s="31"/>
      <c r="UTT152" s="31"/>
      <c r="UTU152" s="31"/>
      <c r="UTV152" s="31"/>
      <c r="UTW152" s="31"/>
      <c r="UTX152" s="31"/>
      <c r="UTY152" s="31"/>
      <c r="UTZ152" s="31"/>
      <c r="UUA152" s="31"/>
      <c r="UUB152" s="31"/>
      <c r="UUC152" s="31"/>
      <c r="UUD152" s="31"/>
      <c r="UUE152" s="31"/>
      <c r="UUF152" s="31"/>
      <c r="UUG152" s="31"/>
      <c r="UUH152" s="31"/>
      <c r="UUI152" s="31"/>
      <c r="UUJ152" s="31"/>
      <c r="UUK152" s="31"/>
      <c r="UUL152" s="31"/>
      <c r="UUM152" s="31"/>
      <c r="UUN152" s="31"/>
      <c r="UUO152" s="31"/>
      <c r="UUP152" s="31"/>
      <c r="UUQ152" s="31"/>
      <c r="UUR152" s="31"/>
      <c r="UUS152" s="31"/>
      <c r="UUT152" s="31"/>
      <c r="UUU152" s="31"/>
      <c r="UUV152" s="31"/>
      <c r="UUW152" s="31"/>
      <c r="UUX152" s="31"/>
      <c r="UUY152" s="31"/>
      <c r="UUZ152" s="31"/>
      <c r="UVA152" s="31"/>
      <c r="UVB152" s="31"/>
      <c r="UVC152" s="31"/>
      <c r="UVD152" s="31"/>
      <c r="UVE152" s="31"/>
      <c r="UVF152" s="31"/>
      <c r="UVG152" s="31"/>
      <c r="UVH152" s="31"/>
      <c r="UVI152" s="31"/>
      <c r="UVJ152" s="31"/>
      <c r="UVK152" s="31"/>
      <c r="UVL152" s="31"/>
      <c r="UVM152" s="31"/>
      <c r="UVN152" s="31"/>
      <c r="UVO152" s="31"/>
      <c r="UVP152" s="31"/>
      <c r="UVQ152" s="31"/>
      <c r="UVR152" s="31"/>
      <c r="UVS152" s="31"/>
      <c r="UVT152" s="31"/>
      <c r="UVU152" s="31"/>
      <c r="UVV152" s="31"/>
      <c r="UVW152" s="31"/>
      <c r="UVX152" s="31"/>
      <c r="UVY152" s="31"/>
      <c r="UVZ152" s="31"/>
      <c r="UWA152" s="31"/>
      <c r="UWB152" s="31"/>
      <c r="UWC152" s="31"/>
      <c r="UWD152" s="31"/>
      <c r="UWE152" s="31"/>
      <c r="UWF152" s="31"/>
      <c r="UWG152" s="31"/>
      <c r="UWH152" s="31"/>
      <c r="UWI152" s="31"/>
      <c r="UWJ152" s="31"/>
      <c r="UWK152" s="31"/>
      <c r="UWL152" s="31"/>
      <c r="UWM152" s="31"/>
      <c r="UWN152" s="31"/>
      <c r="UWO152" s="31"/>
      <c r="UWP152" s="31"/>
      <c r="UWQ152" s="31"/>
      <c r="UWR152" s="31"/>
      <c r="UWS152" s="31"/>
      <c r="UWT152" s="31"/>
      <c r="UWU152" s="31"/>
      <c r="UWV152" s="31"/>
      <c r="UWW152" s="31"/>
      <c r="UWX152" s="31"/>
      <c r="UWY152" s="31"/>
      <c r="UWZ152" s="31"/>
      <c r="UXA152" s="31"/>
      <c r="UXB152" s="31"/>
      <c r="UXC152" s="31"/>
      <c r="UXD152" s="31"/>
      <c r="UXE152" s="31"/>
      <c r="UXF152" s="31"/>
      <c r="UXG152" s="31"/>
      <c r="UXH152" s="31"/>
      <c r="UXI152" s="31"/>
      <c r="UXJ152" s="31"/>
      <c r="UXK152" s="31"/>
      <c r="UXL152" s="31"/>
      <c r="UXM152" s="31"/>
      <c r="UXN152" s="31"/>
      <c r="UXO152" s="31"/>
      <c r="UXP152" s="31"/>
      <c r="UXQ152" s="31"/>
      <c r="UXR152" s="31"/>
      <c r="UXS152" s="31"/>
      <c r="UXT152" s="31"/>
      <c r="UXU152" s="31"/>
      <c r="UXV152" s="31"/>
      <c r="UXW152" s="31"/>
      <c r="UXX152" s="31"/>
      <c r="UXY152" s="31"/>
      <c r="UXZ152" s="31"/>
      <c r="UYA152" s="31"/>
      <c r="UYB152" s="31"/>
      <c r="UYC152" s="31"/>
      <c r="UYD152" s="31"/>
      <c r="UYE152" s="31"/>
      <c r="UYF152" s="31"/>
      <c r="UYG152" s="31"/>
      <c r="UYH152" s="31"/>
      <c r="UYI152" s="31"/>
      <c r="UYJ152" s="31"/>
      <c r="UYK152" s="31"/>
      <c r="UYL152" s="31"/>
      <c r="UYM152" s="31"/>
      <c r="UYN152" s="31"/>
      <c r="UYO152" s="31"/>
      <c r="UYP152" s="31"/>
      <c r="UYQ152" s="31"/>
      <c r="UYR152" s="31"/>
      <c r="UYS152" s="31"/>
      <c r="UYT152" s="31"/>
      <c r="UYU152" s="31"/>
      <c r="UYV152" s="31"/>
      <c r="UYW152" s="31"/>
      <c r="UYX152" s="31"/>
      <c r="UYY152" s="31"/>
      <c r="UYZ152" s="31"/>
      <c r="UZA152" s="31"/>
      <c r="UZB152" s="31"/>
      <c r="UZC152" s="31"/>
      <c r="UZD152" s="31"/>
      <c r="UZE152" s="31"/>
      <c r="UZF152" s="31"/>
      <c r="UZG152" s="31"/>
      <c r="UZH152" s="31"/>
      <c r="UZI152" s="31"/>
      <c r="UZJ152" s="31"/>
      <c r="UZK152" s="31"/>
      <c r="UZL152" s="31"/>
      <c r="UZM152" s="31"/>
      <c r="UZN152" s="31"/>
      <c r="UZO152" s="31"/>
      <c r="UZP152" s="31"/>
      <c r="UZQ152" s="31"/>
      <c r="UZR152" s="31"/>
      <c r="UZS152" s="31"/>
      <c r="UZT152" s="31"/>
      <c r="UZU152" s="31"/>
      <c r="UZV152" s="31"/>
      <c r="UZW152" s="31"/>
      <c r="UZX152" s="31"/>
      <c r="UZY152" s="31"/>
      <c r="UZZ152" s="31"/>
      <c r="VAA152" s="31"/>
      <c r="VAB152" s="31"/>
      <c r="VAC152" s="31"/>
      <c r="VAD152" s="31"/>
      <c r="VAE152" s="31"/>
      <c r="VAF152" s="31"/>
      <c r="VAG152" s="31"/>
      <c r="VAH152" s="31"/>
      <c r="VAI152" s="31"/>
      <c r="VAJ152" s="31"/>
      <c r="VAK152" s="31"/>
      <c r="VAL152" s="31"/>
      <c r="VAM152" s="31"/>
      <c r="VAN152" s="31"/>
      <c r="VAO152" s="31"/>
      <c r="VAP152" s="31"/>
      <c r="VAQ152" s="31"/>
      <c r="VAR152" s="31"/>
      <c r="VAS152" s="31"/>
      <c r="VAT152" s="31"/>
      <c r="VAU152" s="31"/>
      <c r="VAV152" s="31"/>
      <c r="VAW152" s="31"/>
      <c r="VAX152" s="31"/>
      <c r="VAY152" s="31"/>
      <c r="VAZ152" s="31"/>
      <c r="VBA152" s="31"/>
      <c r="VBB152" s="31"/>
      <c r="VBC152" s="31"/>
      <c r="VBD152" s="31"/>
      <c r="VBE152" s="31"/>
      <c r="VBF152" s="31"/>
      <c r="VBG152" s="31"/>
      <c r="VBH152" s="31"/>
      <c r="VBI152" s="31"/>
      <c r="VBJ152" s="31"/>
      <c r="VBK152" s="31"/>
      <c r="VBL152" s="31"/>
      <c r="VBM152" s="31"/>
      <c r="VBN152" s="31"/>
      <c r="VBO152" s="31"/>
      <c r="VBP152" s="31"/>
      <c r="VBQ152" s="31"/>
      <c r="VBR152" s="31"/>
      <c r="VBS152" s="31"/>
      <c r="VBT152" s="31"/>
      <c r="VBU152" s="31"/>
      <c r="VBV152" s="31"/>
      <c r="VBW152" s="31"/>
      <c r="VBX152" s="31"/>
      <c r="VBY152" s="31"/>
      <c r="VBZ152" s="31"/>
      <c r="VCA152" s="31"/>
      <c r="VCB152" s="31"/>
      <c r="VCC152" s="31"/>
      <c r="VCD152" s="31"/>
      <c r="VCE152" s="31"/>
      <c r="VCF152" s="31"/>
      <c r="VCG152" s="31"/>
      <c r="VCH152" s="31"/>
      <c r="VCI152" s="31"/>
      <c r="VCJ152" s="31"/>
      <c r="VCK152" s="31"/>
      <c r="VCL152" s="31"/>
      <c r="VCM152" s="31"/>
      <c r="VCN152" s="31"/>
      <c r="VCO152" s="31"/>
      <c r="VCP152" s="31"/>
      <c r="VCQ152" s="31"/>
      <c r="VCR152" s="31"/>
      <c r="VCS152" s="31"/>
      <c r="VCT152" s="31"/>
      <c r="VCU152" s="31"/>
      <c r="VCV152" s="31"/>
      <c r="VCW152" s="31"/>
      <c r="VCX152" s="31"/>
      <c r="VCY152" s="31"/>
      <c r="VCZ152" s="31"/>
      <c r="VDA152" s="31"/>
      <c r="VDB152" s="31"/>
      <c r="VDC152" s="31"/>
      <c r="VDD152" s="31"/>
      <c r="VDE152" s="31"/>
      <c r="VDF152" s="31"/>
      <c r="VDG152" s="31"/>
      <c r="VDH152" s="31"/>
      <c r="VDI152" s="31"/>
      <c r="VDJ152" s="31"/>
      <c r="VDK152" s="31"/>
      <c r="VDL152" s="31"/>
      <c r="VDM152" s="31"/>
      <c r="VDN152" s="31"/>
      <c r="VDO152" s="31"/>
      <c r="VDP152" s="31"/>
      <c r="VDQ152" s="31"/>
      <c r="VDR152" s="31"/>
      <c r="VDS152" s="31"/>
      <c r="VDT152" s="31"/>
      <c r="VDU152" s="31"/>
      <c r="VDV152" s="31"/>
      <c r="VDW152" s="31"/>
      <c r="VDX152" s="31"/>
      <c r="VDY152" s="31"/>
      <c r="VDZ152" s="31"/>
      <c r="VEA152" s="31"/>
      <c r="VEB152" s="31"/>
      <c r="VEC152" s="31"/>
      <c r="VED152" s="31"/>
      <c r="VEE152" s="31"/>
      <c r="VEF152" s="31"/>
      <c r="VEG152" s="31"/>
      <c r="VEH152" s="31"/>
      <c r="VEI152" s="31"/>
      <c r="VEJ152" s="31"/>
      <c r="VEK152" s="31"/>
      <c r="VEL152" s="31"/>
      <c r="VEM152" s="31"/>
      <c r="VEN152" s="31"/>
      <c r="VEO152" s="31"/>
      <c r="VEP152" s="31"/>
      <c r="VEQ152" s="31"/>
      <c r="VER152" s="31"/>
      <c r="VES152" s="31"/>
      <c r="VET152" s="31"/>
      <c r="VEU152" s="31"/>
      <c r="VEV152" s="31"/>
      <c r="VEW152" s="31"/>
      <c r="VEX152" s="31"/>
      <c r="VEY152" s="31"/>
      <c r="VEZ152" s="31"/>
      <c r="VFA152" s="31"/>
      <c r="VFB152" s="31"/>
      <c r="VFC152" s="31"/>
      <c r="VFD152" s="31"/>
      <c r="VFE152" s="31"/>
      <c r="VFF152" s="31"/>
      <c r="VFG152" s="31"/>
      <c r="VFH152" s="31"/>
      <c r="VFI152" s="31"/>
      <c r="VFJ152" s="31"/>
      <c r="VFK152" s="31"/>
      <c r="VFL152" s="31"/>
      <c r="VFM152" s="31"/>
      <c r="VFN152" s="31"/>
      <c r="VFO152" s="31"/>
      <c r="VFP152" s="31"/>
      <c r="VFQ152" s="31"/>
      <c r="VFR152" s="31"/>
      <c r="VFS152" s="31"/>
      <c r="VFT152" s="31"/>
      <c r="VFU152" s="31"/>
      <c r="VFV152" s="31"/>
      <c r="VFW152" s="31"/>
      <c r="VFX152" s="31"/>
      <c r="VFY152" s="31"/>
      <c r="VFZ152" s="31"/>
      <c r="VGA152" s="31"/>
      <c r="VGB152" s="31"/>
      <c r="VGC152" s="31"/>
      <c r="VGD152" s="31"/>
      <c r="VGE152" s="31"/>
      <c r="VGF152" s="31"/>
      <c r="VGG152" s="31"/>
      <c r="VGH152" s="31"/>
      <c r="VGI152" s="31"/>
      <c r="VGJ152" s="31"/>
      <c r="VGK152" s="31"/>
      <c r="VGL152" s="31"/>
      <c r="VGM152" s="31"/>
      <c r="VGN152" s="31"/>
      <c r="VGO152" s="31"/>
      <c r="VGP152" s="31"/>
      <c r="VGQ152" s="31"/>
      <c r="VGR152" s="31"/>
      <c r="VGS152" s="31"/>
      <c r="VGT152" s="31"/>
      <c r="VGU152" s="31"/>
      <c r="VGV152" s="31"/>
      <c r="VGW152" s="31"/>
      <c r="VGX152" s="31"/>
      <c r="VGY152" s="31"/>
      <c r="VGZ152" s="31"/>
      <c r="VHA152" s="31"/>
      <c r="VHB152" s="31"/>
      <c r="VHC152" s="31"/>
      <c r="VHD152" s="31"/>
      <c r="VHE152" s="31"/>
      <c r="VHF152" s="31"/>
      <c r="VHG152" s="31"/>
      <c r="VHH152" s="31"/>
      <c r="VHI152" s="31"/>
      <c r="VHJ152" s="31"/>
      <c r="VHK152" s="31"/>
      <c r="VHL152" s="31"/>
      <c r="VHM152" s="31"/>
      <c r="VHN152" s="31"/>
      <c r="VHO152" s="31"/>
      <c r="VHP152" s="31"/>
      <c r="VHQ152" s="31"/>
      <c r="VHR152" s="31"/>
      <c r="VHS152" s="31"/>
      <c r="VHT152" s="31"/>
      <c r="VHU152" s="31"/>
      <c r="VHV152" s="31"/>
      <c r="VHW152" s="31"/>
      <c r="VHX152" s="31"/>
      <c r="VHY152" s="31"/>
      <c r="VHZ152" s="31"/>
      <c r="VIA152" s="31"/>
      <c r="VIB152" s="31"/>
      <c r="VIC152" s="31"/>
      <c r="VID152" s="31"/>
      <c r="VIE152" s="31"/>
      <c r="VIF152" s="31"/>
      <c r="VIG152" s="31"/>
      <c r="VIH152" s="31"/>
      <c r="VII152" s="31"/>
      <c r="VIJ152" s="31"/>
      <c r="VIK152" s="31"/>
      <c r="VIL152" s="31"/>
      <c r="VIM152" s="31"/>
      <c r="VIN152" s="31"/>
      <c r="VIO152" s="31"/>
      <c r="VIP152" s="31"/>
      <c r="VIQ152" s="31"/>
      <c r="VIR152" s="31"/>
      <c r="VIS152" s="31"/>
      <c r="VIT152" s="31"/>
      <c r="VIU152" s="31"/>
      <c r="VIV152" s="31"/>
      <c r="VIW152" s="31"/>
      <c r="VIX152" s="31"/>
      <c r="VIY152" s="31"/>
      <c r="VIZ152" s="31"/>
      <c r="VJA152" s="31"/>
      <c r="VJB152" s="31"/>
      <c r="VJC152" s="31"/>
      <c r="VJD152" s="31"/>
      <c r="VJE152" s="31"/>
      <c r="VJF152" s="31"/>
      <c r="VJG152" s="31"/>
      <c r="VJH152" s="31"/>
      <c r="VJI152" s="31"/>
      <c r="VJJ152" s="31"/>
      <c r="VJK152" s="31"/>
      <c r="VJL152" s="31"/>
      <c r="VJM152" s="31"/>
      <c r="VJN152" s="31"/>
      <c r="VJO152" s="31"/>
      <c r="VJP152" s="31"/>
      <c r="VJQ152" s="31"/>
      <c r="VJR152" s="31"/>
      <c r="VJS152" s="31"/>
      <c r="VJT152" s="31"/>
      <c r="VJU152" s="31"/>
      <c r="VJV152" s="31"/>
      <c r="VJW152" s="31"/>
      <c r="VJX152" s="31"/>
      <c r="VJY152" s="31"/>
      <c r="VJZ152" s="31"/>
      <c r="VKA152" s="31"/>
      <c r="VKB152" s="31"/>
      <c r="VKC152" s="31"/>
      <c r="VKD152" s="31"/>
      <c r="VKE152" s="31"/>
      <c r="VKF152" s="31"/>
      <c r="VKG152" s="31"/>
      <c r="VKH152" s="31"/>
      <c r="VKI152" s="31"/>
      <c r="VKJ152" s="31"/>
      <c r="VKK152" s="31"/>
      <c r="VKL152" s="31"/>
      <c r="VKM152" s="31"/>
      <c r="VKN152" s="31"/>
      <c r="VKO152" s="31"/>
      <c r="VKP152" s="31"/>
      <c r="VKQ152" s="31"/>
      <c r="VKR152" s="31"/>
      <c r="VKS152" s="31"/>
      <c r="VKT152" s="31"/>
      <c r="VKU152" s="31"/>
      <c r="VKV152" s="31"/>
      <c r="VKW152" s="31"/>
      <c r="VKX152" s="31"/>
      <c r="VKY152" s="31"/>
      <c r="VKZ152" s="31"/>
      <c r="VLA152" s="31"/>
      <c r="VLB152" s="31"/>
      <c r="VLC152" s="31"/>
      <c r="VLD152" s="31"/>
      <c r="VLE152" s="31"/>
      <c r="VLF152" s="31"/>
      <c r="VLG152" s="31"/>
      <c r="VLH152" s="31"/>
      <c r="VLI152" s="31"/>
      <c r="VLJ152" s="31"/>
      <c r="VLK152" s="31"/>
      <c r="VLL152" s="31"/>
      <c r="VLM152" s="31"/>
      <c r="VLN152" s="31"/>
      <c r="VLO152" s="31"/>
      <c r="VLP152" s="31"/>
      <c r="VLQ152" s="31"/>
      <c r="VLR152" s="31"/>
      <c r="VLS152" s="31"/>
      <c r="VLT152" s="31"/>
      <c r="VLU152" s="31"/>
      <c r="VLV152" s="31"/>
      <c r="VLW152" s="31"/>
      <c r="VLX152" s="31"/>
      <c r="VLY152" s="31"/>
      <c r="VLZ152" s="31"/>
      <c r="VMA152" s="31"/>
      <c r="VMB152" s="31"/>
      <c r="VMC152" s="31"/>
      <c r="VMD152" s="31"/>
      <c r="VME152" s="31"/>
      <c r="VMF152" s="31"/>
      <c r="VMG152" s="31"/>
      <c r="VMH152" s="31"/>
      <c r="VMI152" s="31"/>
      <c r="VMJ152" s="31"/>
      <c r="VMK152" s="31"/>
      <c r="VML152" s="31"/>
      <c r="VMM152" s="31"/>
      <c r="VMN152" s="31"/>
      <c r="VMO152" s="31"/>
      <c r="VMP152" s="31"/>
      <c r="VMQ152" s="31"/>
      <c r="VMR152" s="31"/>
      <c r="VMS152" s="31"/>
      <c r="VMT152" s="31"/>
      <c r="VMU152" s="31"/>
      <c r="VMV152" s="31"/>
      <c r="VMW152" s="31"/>
      <c r="VMX152" s="31"/>
      <c r="VMY152" s="31"/>
      <c r="VMZ152" s="31"/>
      <c r="VNA152" s="31"/>
      <c r="VNB152" s="31"/>
      <c r="VNC152" s="31"/>
      <c r="VND152" s="31"/>
      <c r="VNE152" s="31"/>
      <c r="VNF152" s="31"/>
      <c r="VNG152" s="31"/>
      <c r="VNH152" s="31"/>
      <c r="VNI152" s="31"/>
      <c r="VNJ152" s="31"/>
      <c r="VNK152" s="31"/>
      <c r="VNL152" s="31"/>
      <c r="VNM152" s="31"/>
      <c r="VNN152" s="31"/>
      <c r="VNO152" s="31"/>
      <c r="VNP152" s="31"/>
      <c r="VNQ152" s="31"/>
      <c r="VNR152" s="31"/>
      <c r="VNS152" s="31"/>
      <c r="VNT152" s="31"/>
      <c r="VNU152" s="31"/>
      <c r="VNV152" s="31"/>
      <c r="VNW152" s="31"/>
      <c r="VNX152" s="31"/>
      <c r="VNY152" s="31"/>
      <c r="VNZ152" s="31"/>
      <c r="VOA152" s="31"/>
      <c r="VOB152" s="31"/>
      <c r="VOC152" s="31"/>
      <c r="VOD152" s="31"/>
      <c r="VOE152" s="31"/>
      <c r="VOF152" s="31"/>
      <c r="VOG152" s="31"/>
      <c r="VOH152" s="31"/>
      <c r="VOI152" s="31"/>
      <c r="VOJ152" s="31"/>
      <c r="VOK152" s="31"/>
      <c r="VOL152" s="31"/>
      <c r="VOM152" s="31"/>
      <c r="VON152" s="31"/>
      <c r="VOO152" s="31"/>
      <c r="VOP152" s="31"/>
      <c r="VOQ152" s="31"/>
      <c r="VOR152" s="31"/>
      <c r="VOS152" s="31"/>
      <c r="VOT152" s="31"/>
      <c r="VOU152" s="31"/>
      <c r="VOV152" s="31"/>
      <c r="VOW152" s="31"/>
      <c r="VOX152" s="31"/>
      <c r="VOY152" s="31"/>
      <c r="VOZ152" s="31"/>
      <c r="VPA152" s="31"/>
      <c r="VPB152" s="31"/>
      <c r="VPC152" s="31"/>
      <c r="VPD152" s="31"/>
      <c r="VPE152" s="31"/>
      <c r="VPF152" s="31"/>
      <c r="VPG152" s="31"/>
      <c r="VPH152" s="31"/>
      <c r="VPI152" s="31"/>
      <c r="VPJ152" s="31"/>
      <c r="VPK152" s="31"/>
      <c r="VPL152" s="31"/>
      <c r="VPM152" s="31"/>
      <c r="VPN152" s="31"/>
      <c r="VPO152" s="31"/>
      <c r="VPP152" s="31"/>
      <c r="VPQ152" s="31"/>
      <c r="VPR152" s="31"/>
      <c r="VPS152" s="31"/>
      <c r="VPT152" s="31"/>
      <c r="VPU152" s="31"/>
      <c r="VPV152" s="31"/>
      <c r="VPW152" s="31"/>
      <c r="VPX152" s="31"/>
      <c r="VPY152" s="31"/>
      <c r="VPZ152" s="31"/>
      <c r="VQA152" s="31"/>
      <c r="VQB152" s="31"/>
      <c r="VQC152" s="31"/>
      <c r="VQD152" s="31"/>
      <c r="VQE152" s="31"/>
      <c r="VQF152" s="31"/>
      <c r="VQG152" s="31"/>
      <c r="VQH152" s="31"/>
      <c r="VQI152" s="31"/>
      <c r="VQJ152" s="31"/>
      <c r="VQK152" s="31"/>
      <c r="VQL152" s="31"/>
      <c r="VQM152" s="31"/>
      <c r="VQN152" s="31"/>
      <c r="VQO152" s="31"/>
      <c r="VQP152" s="31"/>
      <c r="VQQ152" s="31"/>
      <c r="VQR152" s="31"/>
      <c r="VQS152" s="31"/>
      <c r="VQT152" s="31"/>
      <c r="VQU152" s="31"/>
      <c r="VQV152" s="31"/>
      <c r="VQW152" s="31"/>
      <c r="VQX152" s="31"/>
      <c r="VQY152" s="31"/>
      <c r="VQZ152" s="31"/>
      <c r="VRA152" s="31"/>
      <c r="VRB152" s="31"/>
      <c r="VRC152" s="31"/>
      <c r="VRD152" s="31"/>
      <c r="VRE152" s="31"/>
      <c r="VRF152" s="31"/>
      <c r="VRG152" s="31"/>
      <c r="VRH152" s="31"/>
      <c r="VRI152" s="31"/>
      <c r="VRJ152" s="31"/>
      <c r="VRK152" s="31"/>
      <c r="VRL152" s="31"/>
      <c r="VRM152" s="31"/>
      <c r="VRN152" s="31"/>
      <c r="VRO152" s="31"/>
      <c r="VRP152" s="31"/>
      <c r="VRQ152" s="31"/>
      <c r="VRR152" s="31"/>
      <c r="VRS152" s="31"/>
      <c r="VRT152" s="31"/>
      <c r="VRU152" s="31"/>
      <c r="VRV152" s="31"/>
      <c r="VRW152" s="31"/>
      <c r="VRX152" s="31"/>
      <c r="VRY152" s="31"/>
      <c r="VRZ152" s="31"/>
      <c r="VSA152" s="31"/>
      <c r="VSB152" s="31"/>
      <c r="VSC152" s="31"/>
      <c r="VSD152" s="31"/>
      <c r="VSE152" s="31"/>
      <c r="VSF152" s="31"/>
      <c r="VSG152" s="31"/>
      <c r="VSH152" s="31"/>
      <c r="VSI152" s="31"/>
      <c r="VSJ152" s="31"/>
      <c r="VSK152" s="31"/>
      <c r="VSL152" s="31"/>
      <c r="VSM152" s="31"/>
      <c r="VSN152" s="31"/>
      <c r="VSO152" s="31"/>
      <c r="VSP152" s="31"/>
      <c r="VSQ152" s="31"/>
      <c r="VSR152" s="31"/>
      <c r="VSS152" s="31"/>
      <c r="VST152" s="31"/>
      <c r="VSU152" s="31"/>
      <c r="VSV152" s="31"/>
      <c r="VSW152" s="31"/>
      <c r="VSX152" s="31"/>
      <c r="VSY152" s="31"/>
      <c r="VSZ152" s="31"/>
      <c r="VTA152" s="31"/>
      <c r="VTB152" s="31"/>
      <c r="VTC152" s="31"/>
      <c r="VTD152" s="31"/>
      <c r="VTE152" s="31"/>
      <c r="VTF152" s="31"/>
      <c r="VTG152" s="31"/>
      <c r="VTH152" s="31"/>
      <c r="VTI152" s="31"/>
      <c r="VTJ152" s="31"/>
      <c r="VTK152" s="31"/>
      <c r="VTL152" s="31"/>
      <c r="VTM152" s="31"/>
      <c r="VTN152" s="31"/>
      <c r="VTO152" s="31"/>
      <c r="VTP152" s="31"/>
      <c r="VTQ152" s="31"/>
      <c r="VTR152" s="31"/>
      <c r="VTS152" s="31"/>
      <c r="VTT152" s="31"/>
      <c r="VTU152" s="31"/>
      <c r="VTV152" s="31"/>
      <c r="VTW152" s="31"/>
      <c r="VTX152" s="31"/>
      <c r="VTY152" s="31"/>
      <c r="VTZ152" s="31"/>
      <c r="VUA152" s="31"/>
      <c r="VUB152" s="31"/>
      <c r="VUC152" s="31"/>
      <c r="VUD152" s="31"/>
      <c r="VUE152" s="31"/>
      <c r="VUF152" s="31"/>
      <c r="VUG152" s="31"/>
      <c r="VUH152" s="31"/>
      <c r="VUI152" s="31"/>
      <c r="VUJ152" s="31"/>
      <c r="VUK152" s="31"/>
      <c r="VUL152" s="31"/>
      <c r="VUM152" s="31"/>
      <c r="VUN152" s="31"/>
      <c r="VUO152" s="31"/>
      <c r="VUP152" s="31"/>
      <c r="VUQ152" s="31"/>
      <c r="VUR152" s="31"/>
      <c r="VUS152" s="31"/>
      <c r="VUT152" s="31"/>
      <c r="VUU152" s="31"/>
      <c r="VUV152" s="31"/>
      <c r="VUW152" s="31"/>
      <c r="VUX152" s="31"/>
      <c r="VUY152" s="31"/>
      <c r="VUZ152" s="31"/>
      <c r="VVA152" s="31"/>
      <c r="VVB152" s="31"/>
      <c r="VVC152" s="31"/>
      <c r="VVD152" s="31"/>
      <c r="VVE152" s="31"/>
      <c r="VVF152" s="31"/>
      <c r="VVG152" s="31"/>
      <c r="VVH152" s="31"/>
      <c r="VVI152" s="31"/>
      <c r="VVJ152" s="31"/>
      <c r="VVK152" s="31"/>
      <c r="VVL152" s="31"/>
      <c r="VVM152" s="31"/>
      <c r="VVN152" s="31"/>
      <c r="VVO152" s="31"/>
      <c r="VVP152" s="31"/>
      <c r="VVQ152" s="31"/>
      <c r="VVR152" s="31"/>
      <c r="VVS152" s="31"/>
      <c r="VVT152" s="31"/>
      <c r="VVU152" s="31"/>
      <c r="VVV152" s="31"/>
      <c r="VVW152" s="31"/>
      <c r="VVX152" s="31"/>
      <c r="VVY152" s="31"/>
      <c r="VVZ152" s="31"/>
      <c r="VWA152" s="31"/>
      <c r="VWB152" s="31"/>
      <c r="VWC152" s="31"/>
      <c r="VWD152" s="31"/>
      <c r="VWE152" s="31"/>
      <c r="VWF152" s="31"/>
      <c r="VWG152" s="31"/>
      <c r="VWH152" s="31"/>
      <c r="VWI152" s="31"/>
      <c r="VWJ152" s="31"/>
      <c r="VWK152" s="31"/>
      <c r="VWL152" s="31"/>
      <c r="VWM152" s="31"/>
      <c r="VWN152" s="31"/>
      <c r="VWO152" s="31"/>
      <c r="VWP152" s="31"/>
      <c r="VWQ152" s="31"/>
      <c r="VWR152" s="31"/>
      <c r="VWS152" s="31"/>
      <c r="VWT152" s="31"/>
      <c r="VWU152" s="31"/>
      <c r="VWV152" s="31"/>
      <c r="VWW152" s="31"/>
      <c r="VWX152" s="31"/>
      <c r="VWY152" s="31"/>
      <c r="VWZ152" s="31"/>
      <c r="VXA152" s="31"/>
      <c r="VXB152" s="31"/>
      <c r="VXC152" s="31"/>
      <c r="VXD152" s="31"/>
      <c r="VXE152" s="31"/>
      <c r="VXF152" s="31"/>
      <c r="VXG152" s="31"/>
      <c r="VXH152" s="31"/>
      <c r="VXI152" s="31"/>
      <c r="VXJ152" s="31"/>
      <c r="VXK152" s="31"/>
      <c r="VXL152" s="31"/>
      <c r="VXM152" s="31"/>
      <c r="VXN152" s="31"/>
      <c r="VXO152" s="31"/>
      <c r="VXP152" s="31"/>
      <c r="VXQ152" s="31"/>
      <c r="VXR152" s="31"/>
      <c r="VXS152" s="31"/>
      <c r="VXT152" s="31"/>
      <c r="VXU152" s="31"/>
      <c r="VXV152" s="31"/>
      <c r="VXW152" s="31"/>
      <c r="VXX152" s="31"/>
      <c r="VXY152" s="31"/>
      <c r="VXZ152" s="31"/>
      <c r="VYA152" s="31"/>
      <c r="VYB152" s="31"/>
      <c r="VYC152" s="31"/>
      <c r="VYD152" s="31"/>
      <c r="VYE152" s="31"/>
      <c r="VYF152" s="31"/>
      <c r="VYG152" s="31"/>
      <c r="VYH152" s="31"/>
      <c r="VYI152" s="31"/>
      <c r="VYJ152" s="31"/>
      <c r="VYK152" s="31"/>
      <c r="VYL152" s="31"/>
      <c r="VYM152" s="31"/>
      <c r="VYN152" s="31"/>
      <c r="VYO152" s="31"/>
      <c r="VYP152" s="31"/>
      <c r="VYQ152" s="31"/>
      <c r="VYR152" s="31"/>
      <c r="VYS152" s="31"/>
      <c r="VYT152" s="31"/>
      <c r="VYU152" s="31"/>
      <c r="VYV152" s="31"/>
      <c r="VYW152" s="31"/>
      <c r="VYX152" s="31"/>
      <c r="VYY152" s="31"/>
      <c r="VYZ152" s="31"/>
      <c r="VZA152" s="31"/>
      <c r="VZB152" s="31"/>
      <c r="VZC152" s="31"/>
      <c r="VZD152" s="31"/>
      <c r="VZE152" s="31"/>
      <c r="VZF152" s="31"/>
      <c r="VZG152" s="31"/>
      <c r="VZH152" s="31"/>
      <c r="VZI152" s="31"/>
      <c r="VZJ152" s="31"/>
      <c r="VZK152" s="31"/>
      <c r="VZL152" s="31"/>
      <c r="VZM152" s="31"/>
      <c r="VZN152" s="31"/>
      <c r="VZO152" s="31"/>
      <c r="VZP152" s="31"/>
      <c r="VZQ152" s="31"/>
      <c r="VZR152" s="31"/>
      <c r="VZS152" s="31"/>
      <c r="VZT152" s="31"/>
      <c r="VZU152" s="31"/>
      <c r="VZV152" s="31"/>
      <c r="VZW152" s="31"/>
      <c r="VZX152" s="31"/>
      <c r="VZY152" s="31"/>
      <c r="VZZ152" s="31"/>
      <c r="WAA152" s="31"/>
      <c r="WAB152" s="31"/>
      <c r="WAC152" s="31"/>
      <c r="WAD152" s="31"/>
      <c r="WAE152" s="31"/>
      <c r="WAF152" s="31"/>
      <c r="WAG152" s="31"/>
      <c r="WAH152" s="31"/>
      <c r="WAI152" s="31"/>
      <c r="WAJ152" s="31"/>
      <c r="WAK152" s="31"/>
      <c r="WAL152" s="31"/>
      <c r="WAM152" s="31"/>
      <c r="WAN152" s="31"/>
      <c r="WAO152" s="31"/>
      <c r="WAP152" s="31"/>
      <c r="WAQ152" s="31"/>
      <c r="WAR152" s="31"/>
      <c r="WAS152" s="31"/>
      <c r="WAT152" s="31"/>
      <c r="WAU152" s="31"/>
      <c r="WAV152" s="31"/>
      <c r="WAW152" s="31"/>
      <c r="WAX152" s="31"/>
      <c r="WAY152" s="31"/>
      <c r="WAZ152" s="31"/>
      <c r="WBA152" s="31"/>
      <c r="WBB152" s="31"/>
      <c r="WBC152" s="31"/>
      <c r="WBD152" s="31"/>
      <c r="WBE152" s="31"/>
      <c r="WBF152" s="31"/>
      <c r="WBG152" s="31"/>
      <c r="WBH152" s="31"/>
      <c r="WBI152" s="31"/>
      <c r="WBJ152" s="31"/>
      <c r="WBK152" s="31"/>
      <c r="WBL152" s="31"/>
      <c r="WBM152" s="31"/>
      <c r="WBN152" s="31"/>
      <c r="WBO152" s="31"/>
      <c r="WBP152" s="31"/>
      <c r="WBQ152" s="31"/>
      <c r="WBR152" s="31"/>
      <c r="WBS152" s="31"/>
      <c r="WBT152" s="31"/>
      <c r="WBU152" s="31"/>
      <c r="WBV152" s="31"/>
      <c r="WBW152" s="31"/>
      <c r="WBX152" s="31"/>
      <c r="WBY152" s="31"/>
      <c r="WBZ152" s="31"/>
      <c r="WCA152" s="31"/>
      <c r="WCB152" s="31"/>
      <c r="WCC152" s="31"/>
      <c r="WCD152" s="31"/>
      <c r="WCE152" s="31"/>
      <c r="WCF152" s="31"/>
      <c r="WCG152" s="31"/>
      <c r="WCH152" s="31"/>
      <c r="WCI152" s="31"/>
      <c r="WCJ152" s="31"/>
      <c r="WCK152" s="31"/>
      <c r="WCL152" s="31"/>
      <c r="WCM152" s="31"/>
      <c r="WCN152" s="31"/>
      <c r="WCO152" s="31"/>
      <c r="WCP152" s="31"/>
      <c r="WCQ152" s="31"/>
      <c r="WCR152" s="31"/>
      <c r="WCS152" s="31"/>
      <c r="WCT152" s="31"/>
      <c r="WCU152" s="31"/>
      <c r="WCV152" s="31"/>
      <c r="WCW152" s="31"/>
      <c r="WCX152" s="31"/>
      <c r="WCY152" s="31"/>
      <c r="WCZ152" s="31"/>
      <c r="WDA152" s="31"/>
      <c r="WDB152" s="31"/>
      <c r="WDC152" s="31"/>
      <c r="WDD152" s="31"/>
      <c r="WDE152" s="31"/>
      <c r="WDF152" s="31"/>
      <c r="WDG152" s="31"/>
      <c r="WDH152" s="31"/>
      <c r="WDI152" s="31"/>
      <c r="WDJ152" s="31"/>
      <c r="WDK152" s="31"/>
      <c r="WDL152" s="31"/>
      <c r="WDM152" s="31"/>
      <c r="WDN152" s="31"/>
      <c r="WDO152" s="31"/>
      <c r="WDP152" s="31"/>
      <c r="WDQ152" s="31"/>
      <c r="WDR152" s="31"/>
      <c r="WDS152" s="31"/>
      <c r="WDT152" s="31"/>
      <c r="WDU152" s="31"/>
      <c r="WDV152" s="31"/>
      <c r="WDW152" s="31"/>
      <c r="WDX152" s="31"/>
      <c r="WDY152" s="31"/>
      <c r="WDZ152" s="31"/>
      <c r="WEA152" s="31"/>
      <c r="WEB152" s="31"/>
      <c r="WEC152" s="31"/>
      <c r="WED152" s="31"/>
      <c r="WEE152" s="31"/>
      <c r="WEF152" s="31"/>
      <c r="WEG152" s="31"/>
      <c r="WEH152" s="31"/>
      <c r="WEI152" s="31"/>
      <c r="WEJ152" s="31"/>
      <c r="WEK152" s="31"/>
      <c r="WEL152" s="31"/>
      <c r="WEM152" s="31"/>
      <c r="WEN152" s="31"/>
      <c r="WEO152" s="31"/>
      <c r="WEP152" s="31"/>
      <c r="WEQ152" s="31"/>
      <c r="WER152" s="31"/>
      <c r="WES152" s="31"/>
      <c r="WET152" s="31"/>
      <c r="WEU152" s="31"/>
      <c r="WEV152" s="31"/>
      <c r="WEW152" s="31"/>
      <c r="WEX152" s="31"/>
      <c r="WEY152" s="31"/>
      <c r="WEZ152" s="31"/>
      <c r="WFA152" s="31"/>
      <c r="WFB152" s="31"/>
      <c r="WFC152" s="31"/>
      <c r="WFD152" s="31"/>
      <c r="WFE152" s="31"/>
      <c r="WFF152" s="31"/>
      <c r="WFG152" s="31"/>
      <c r="WFH152" s="31"/>
      <c r="WFI152" s="31"/>
      <c r="WFJ152" s="31"/>
      <c r="WFK152" s="31"/>
      <c r="WFL152" s="31"/>
      <c r="WFM152" s="31"/>
      <c r="WFN152" s="31"/>
      <c r="WFO152" s="31"/>
      <c r="WFP152" s="31"/>
      <c r="WFQ152" s="31"/>
      <c r="WFR152" s="31"/>
      <c r="WFS152" s="31"/>
      <c r="WFT152" s="31"/>
      <c r="WFU152" s="31"/>
      <c r="WFV152" s="31"/>
      <c r="WFW152" s="31"/>
      <c r="WFX152" s="31"/>
      <c r="WFY152" s="31"/>
      <c r="WFZ152" s="31"/>
      <c r="WGA152" s="31"/>
      <c r="WGB152" s="31"/>
      <c r="WGC152" s="31"/>
      <c r="WGD152" s="31"/>
      <c r="WGE152" s="31"/>
      <c r="WGF152" s="31"/>
      <c r="WGG152" s="31"/>
      <c r="WGH152" s="31"/>
      <c r="WGI152" s="31"/>
      <c r="WGJ152" s="31"/>
      <c r="WGK152" s="31"/>
      <c r="WGL152" s="31"/>
      <c r="WGM152" s="31"/>
      <c r="WGN152" s="31"/>
      <c r="WGO152" s="31"/>
      <c r="WGP152" s="31"/>
      <c r="WGQ152" s="31"/>
      <c r="WGR152" s="31"/>
      <c r="WGS152" s="31"/>
      <c r="WGT152" s="31"/>
      <c r="WGU152" s="31"/>
      <c r="WGV152" s="31"/>
      <c r="WGW152" s="31"/>
      <c r="WGX152" s="31"/>
      <c r="WGY152" s="31"/>
      <c r="WGZ152" s="31"/>
      <c r="WHA152" s="31"/>
      <c r="WHB152" s="31"/>
      <c r="WHC152" s="31"/>
      <c r="WHD152" s="31"/>
      <c r="WHE152" s="31"/>
      <c r="WHF152" s="31"/>
      <c r="WHG152" s="31"/>
      <c r="WHH152" s="31"/>
      <c r="WHI152" s="31"/>
      <c r="WHJ152" s="31"/>
      <c r="WHK152" s="31"/>
      <c r="WHL152" s="31"/>
      <c r="WHM152" s="31"/>
      <c r="WHN152" s="31"/>
      <c r="WHO152" s="31"/>
      <c r="WHP152" s="31"/>
      <c r="WHQ152" s="31"/>
      <c r="WHR152" s="31"/>
      <c r="WHS152" s="31"/>
      <c r="WHT152" s="31"/>
      <c r="WHU152" s="31"/>
      <c r="WHV152" s="31"/>
      <c r="WHW152" s="31"/>
      <c r="WHX152" s="31"/>
      <c r="WHY152" s="31"/>
      <c r="WHZ152" s="31"/>
      <c r="WIA152" s="31"/>
      <c r="WIB152" s="31"/>
      <c r="WIC152" s="31"/>
      <c r="WID152" s="31"/>
      <c r="WIE152" s="31"/>
      <c r="WIF152" s="31"/>
      <c r="WIG152" s="31"/>
      <c r="WIH152" s="31"/>
      <c r="WII152" s="31"/>
      <c r="WIJ152" s="31"/>
      <c r="WIK152" s="31"/>
      <c r="WIL152" s="31"/>
      <c r="WIM152" s="31"/>
      <c r="WIN152" s="31"/>
      <c r="WIO152" s="31"/>
      <c r="WIP152" s="31"/>
      <c r="WIQ152" s="31"/>
      <c r="WIR152" s="31"/>
      <c r="WIS152" s="31"/>
      <c r="WIT152" s="31"/>
      <c r="WIU152" s="31"/>
      <c r="WIV152" s="31"/>
      <c r="WIW152" s="31"/>
      <c r="WIX152" s="31"/>
      <c r="WIY152" s="31"/>
      <c r="WIZ152" s="31"/>
      <c r="WJA152" s="31"/>
      <c r="WJB152" s="31"/>
      <c r="WJC152" s="31"/>
      <c r="WJD152" s="31"/>
      <c r="WJE152" s="31"/>
      <c r="WJF152" s="31"/>
      <c r="WJG152" s="31"/>
      <c r="WJH152" s="31"/>
      <c r="WJI152" s="31"/>
      <c r="WJJ152" s="31"/>
      <c r="WJK152" s="31"/>
      <c r="WJL152" s="31"/>
      <c r="WJM152" s="31"/>
      <c r="WJN152" s="31"/>
      <c r="WJO152" s="31"/>
      <c r="WJP152" s="31"/>
      <c r="WJQ152" s="31"/>
      <c r="WJR152" s="31"/>
      <c r="WJS152" s="31"/>
      <c r="WJT152" s="31"/>
      <c r="WJU152" s="31"/>
      <c r="WJV152" s="31"/>
      <c r="WJW152" s="31"/>
      <c r="WJX152" s="31"/>
      <c r="WJY152" s="31"/>
      <c r="WJZ152" s="31"/>
      <c r="WKA152" s="31"/>
      <c r="WKB152" s="31"/>
      <c r="WKC152" s="31"/>
      <c r="WKD152" s="31"/>
      <c r="WKE152" s="31"/>
      <c r="WKF152" s="31"/>
      <c r="WKG152" s="31"/>
      <c r="WKH152" s="31"/>
      <c r="WKI152" s="31"/>
      <c r="WKJ152" s="31"/>
      <c r="WKK152" s="31"/>
      <c r="WKL152" s="31"/>
      <c r="WKM152" s="31"/>
      <c r="WKN152" s="31"/>
      <c r="WKO152" s="31"/>
      <c r="WKP152" s="31"/>
      <c r="WKQ152" s="31"/>
      <c r="WKR152" s="31"/>
      <c r="WKS152" s="31"/>
      <c r="WKT152" s="31"/>
      <c r="WKU152" s="31"/>
      <c r="WKV152" s="31"/>
      <c r="WKW152" s="31"/>
      <c r="WKX152" s="31"/>
      <c r="WKY152" s="31"/>
      <c r="WKZ152" s="31"/>
      <c r="WLA152" s="31"/>
      <c r="WLB152" s="31"/>
      <c r="WLC152" s="31"/>
      <c r="WLD152" s="31"/>
      <c r="WLE152" s="31"/>
      <c r="WLF152" s="31"/>
      <c r="WLG152" s="31"/>
      <c r="WLH152" s="31"/>
      <c r="WLI152" s="31"/>
      <c r="WLJ152" s="31"/>
      <c r="WLK152" s="31"/>
      <c r="WLL152" s="31"/>
      <c r="WLM152" s="31"/>
      <c r="WLN152" s="31"/>
      <c r="WLO152" s="31"/>
      <c r="WLP152" s="31"/>
      <c r="WLQ152" s="31"/>
      <c r="WLR152" s="31"/>
      <c r="WLS152" s="31"/>
      <c r="WLT152" s="31"/>
      <c r="WLU152" s="31"/>
      <c r="WLV152" s="31"/>
      <c r="WLW152" s="31"/>
      <c r="WLX152" s="31"/>
      <c r="WLY152" s="31"/>
      <c r="WLZ152" s="31"/>
      <c r="WMA152" s="31"/>
      <c r="WMB152" s="31"/>
      <c r="WMC152" s="31"/>
      <c r="WMD152" s="31"/>
      <c r="WME152" s="31"/>
      <c r="WMF152" s="31"/>
      <c r="WMG152" s="31"/>
      <c r="WMH152" s="31"/>
      <c r="WMI152" s="31"/>
      <c r="WMJ152" s="31"/>
      <c r="WMK152" s="31"/>
      <c r="WML152" s="31"/>
      <c r="WMM152" s="31"/>
      <c r="WMN152" s="31"/>
      <c r="WMO152" s="31"/>
      <c r="WMP152" s="31"/>
      <c r="WMQ152" s="31"/>
      <c r="WMR152" s="31"/>
      <c r="WMS152" s="31"/>
      <c r="WMT152" s="31"/>
      <c r="WMU152" s="31"/>
      <c r="WMV152" s="31"/>
      <c r="WMW152" s="31"/>
      <c r="WMX152" s="31"/>
      <c r="WMY152" s="31"/>
      <c r="WMZ152" s="31"/>
      <c r="WNA152" s="31"/>
      <c r="WNB152" s="31"/>
      <c r="WNC152" s="31"/>
      <c r="WND152" s="31"/>
      <c r="WNE152" s="31"/>
      <c r="WNF152" s="31"/>
      <c r="WNG152" s="31"/>
      <c r="WNH152" s="31"/>
      <c r="WNI152" s="31"/>
      <c r="WNJ152" s="31"/>
      <c r="WNK152" s="31"/>
      <c r="WNL152" s="31"/>
      <c r="WNM152" s="31"/>
      <c r="WNN152" s="31"/>
      <c r="WNO152" s="31"/>
      <c r="WNP152" s="31"/>
      <c r="WNQ152" s="31"/>
      <c r="WNR152" s="31"/>
      <c r="WNS152" s="31"/>
      <c r="WNT152" s="31"/>
      <c r="WNU152" s="31"/>
      <c r="WNV152" s="31"/>
      <c r="WNW152" s="31"/>
      <c r="WNX152" s="31"/>
      <c r="WNY152" s="31"/>
      <c r="WNZ152" s="31"/>
      <c r="WOA152" s="31"/>
      <c r="WOB152" s="31"/>
      <c r="WOC152" s="31"/>
      <c r="WOD152" s="31"/>
      <c r="WOE152" s="31"/>
      <c r="WOF152" s="31"/>
      <c r="WOG152" s="31"/>
      <c r="WOH152" s="31"/>
      <c r="WOI152" s="31"/>
      <c r="WOJ152" s="31"/>
      <c r="WOK152" s="31"/>
      <c r="WOL152" s="31"/>
      <c r="WOM152" s="31"/>
      <c r="WON152" s="31"/>
      <c r="WOO152" s="31"/>
      <c r="WOP152" s="31"/>
      <c r="WOQ152" s="31"/>
      <c r="WOR152" s="31"/>
      <c r="WOS152" s="31"/>
      <c r="WOT152" s="31"/>
      <c r="WOU152" s="31"/>
      <c r="WOV152" s="31"/>
      <c r="WOW152" s="31"/>
      <c r="WOX152" s="31"/>
      <c r="WOY152" s="31"/>
      <c r="WOZ152" s="31"/>
      <c r="WPA152" s="31"/>
      <c r="WPB152" s="31"/>
      <c r="WPC152" s="31"/>
      <c r="WPD152" s="31"/>
      <c r="WPE152" s="31"/>
      <c r="WPF152" s="31"/>
      <c r="WPG152" s="31"/>
      <c r="WPH152" s="31"/>
      <c r="WPI152" s="31"/>
      <c r="WPJ152" s="31"/>
      <c r="WPK152" s="31"/>
      <c r="WPL152" s="31"/>
      <c r="WPM152" s="31"/>
      <c r="WPN152" s="31"/>
      <c r="WPO152" s="31"/>
      <c r="WPP152" s="31"/>
      <c r="WPQ152" s="31"/>
      <c r="WPR152" s="31"/>
      <c r="WPS152" s="31"/>
      <c r="WPT152" s="31"/>
      <c r="WPU152" s="31"/>
      <c r="WPV152" s="31"/>
      <c r="WPW152" s="31"/>
      <c r="WPX152" s="31"/>
      <c r="WPY152" s="31"/>
      <c r="WPZ152" s="31"/>
      <c r="WQA152" s="31"/>
      <c r="WQB152" s="31"/>
      <c r="WQC152" s="31"/>
      <c r="WQD152" s="31"/>
      <c r="WQE152" s="31"/>
      <c r="WQF152" s="31"/>
      <c r="WQG152" s="31"/>
      <c r="WQH152" s="31"/>
      <c r="WQI152" s="31"/>
      <c r="WQJ152" s="31"/>
      <c r="WQK152" s="31"/>
      <c r="WQL152" s="31"/>
      <c r="WQM152" s="31"/>
      <c r="WQN152" s="31"/>
      <c r="WQO152" s="31"/>
      <c r="WQP152" s="31"/>
      <c r="WQQ152" s="31"/>
      <c r="WQR152" s="31"/>
      <c r="WQS152" s="31"/>
      <c r="WQT152" s="31"/>
      <c r="WQU152" s="31"/>
      <c r="WQV152" s="31"/>
      <c r="WQW152" s="31"/>
      <c r="WQX152" s="31"/>
      <c r="WQY152" s="31"/>
      <c r="WQZ152" s="31"/>
      <c r="WRA152" s="31"/>
      <c r="WRB152" s="31"/>
      <c r="WRC152" s="31"/>
      <c r="WRD152" s="31"/>
      <c r="WRE152" s="31"/>
      <c r="WRF152" s="31"/>
      <c r="WRG152" s="31"/>
      <c r="WRH152" s="31"/>
      <c r="WRI152" s="31"/>
      <c r="WRJ152" s="31"/>
      <c r="WRK152" s="31"/>
      <c r="WRL152" s="31"/>
      <c r="WRM152" s="31"/>
      <c r="WRN152" s="31"/>
      <c r="WRO152" s="31"/>
      <c r="WRP152" s="31"/>
      <c r="WRQ152" s="31"/>
      <c r="WRR152" s="31"/>
      <c r="WRS152" s="31"/>
      <c r="WRT152" s="31"/>
      <c r="WRU152" s="31"/>
      <c r="WRV152" s="31"/>
      <c r="WRW152" s="31"/>
      <c r="WRX152" s="31"/>
      <c r="WRY152" s="31"/>
      <c r="WRZ152" s="31"/>
      <c r="WSA152" s="31"/>
      <c r="WSB152" s="31"/>
      <c r="WSC152" s="31"/>
      <c r="WSD152" s="31"/>
      <c r="WSE152" s="31"/>
      <c r="WSF152" s="31"/>
      <c r="WSG152" s="31"/>
      <c r="WSH152" s="31"/>
      <c r="WSI152" s="31"/>
      <c r="WSJ152" s="31"/>
      <c r="WSK152" s="31"/>
      <c r="WSL152" s="31"/>
      <c r="WSM152" s="31"/>
      <c r="WSN152" s="31"/>
      <c r="WSO152" s="31"/>
      <c r="WSP152" s="31"/>
      <c r="WSQ152" s="31"/>
      <c r="WSR152" s="31"/>
      <c r="WSS152" s="31"/>
      <c r="WST152" s="31"/>
      <c r="WSU152" s="31"/>
      <c r="WSV152" s="31"/>
      <c r="WSW152" s="31"/>
      <c r="WSX152" s="31"/>
      <c r="WSY152" s="31"/>
      <c r="WSZ152" s="31"/>
      <c r="WTA152" s="31"/>
      <c r="WTB152" s="31"/>
      <c r="WTC152" s="31"/>
      <c r="WTD152" s="31"/>
      <c r="WTE152" s="31"/>
      <c r="WTF152" s="31"/>
      <c r="WTG152" s="31"/>
      <c r="WTH152" s="31"/>
      <c r="WTI152" s="31"/>
      <c r="WTJ152" s="31"/>
      <c r="WTK152" s="31"/>
      <c r="WTL152" s="31"/>
      <c r="WTM152" s="31"/>
      <c r="WTN152" s="31"/>
      <c r="WTO152" s="31"/>
      <c r="WTP152" s="31"/>
      <c r="WTQ152" s="31"/>
      <c r="WTR152" s="31"/>
      <c r="WTS152" s="31"/>
      <c r="WTT152" s="31"/>
      <c r="WTU152" s="31"/>
      <c r="WTV152" s="31"/>
      <c r="WTW152" s="31"/>
      <c r="WTX152" s="31"/>
      <c r="WTY152" s="31"/>
      <c r="WTZ152" s="31"/>
      <c r="WUA152" s="31"/>
      <c r="WUB152" s="31"/>
      <c r="WUC152" s="31"/>
      <c r="WUD152" s="31"/>
      <c r="WUE152" s="31"/>
      <c r="WUF152" s="31"/>
      <c r="WUG152" s="31"/>
      <c r="WUH152" s="31"/>
      <c r="WUI152" s="31"/>
      <c r="WUJ152" s="31"/>
      <c r="WUK152" s="31"/>
      <c r="WUL152" s="31"/>
      <c r="WUM152" s="31"/>
      <c r="WUN152" s="31"/>
      <c r="WUO152" s="31"/>
      <c r="WUP152" s="31"/>
      <c r="WUQ152" s="31"/>
      <c r="WUR152" s="31"/>
      <c r="WUS152" s="31"/>
      <c r="WUT152" s="31"/>
      <c r="WUU152" s="31"/>
      <c r="WUV152" s="31"/>
      <c r="WUW152" s="31"/>
      <c r="WUX152" s="31"/>
      <c r="WUY152" s="31"/>
      <c r="WUZ152" s="31"/>
      <c r="WVA152" s="31"/>
      <c r="WVB152" s="31"/>
      <c r="WVC152" s="31"/>
      <c r="WVD152" s="31"/>
      <c r="WVE152" s="31"/>
      <c r="WVF152" s="31"/>
      <c r="WVG152" s="31"/>
      <c r="WVH152" s="31"/>
      <c r="WVI152" s="31"/>
      <c r="WVJ152" s="31"/>
      <c r="WVK152" s="31"/>
      <c r="WVL152" s="31"/>
      <c r="WVM152" s="31"/>
      <c r="WVN152" s="31"/>
      <c r="WVO152" s="31"/>
      <c r="WVP152" s="31"/>
      <c r="WVQ152" s="31"/>
      <c r="WVR152" s="31"/>
      <c r="WVS152" s="31"/>
      <c r="WVT152" s="31"/>
      <c r="WVU152" s="31"/>
      <c r="WVV152" s="31"/>
      <c r="WVW152" s="31"/>
      <c r="WVX152" s="31"/>
      <c r="WVY152" s="31"/>
      <c r="WVZ152" s="31"/>
      <c r="WWA152" s="31"/>
      <c r="WWB152" s="31"/>
      <c r="WWC152" s="31"/>
      <c r="WWD152" s="31"/>
      <c r="WWE152" s="31"/>
      <c r="WWF152" s="31"/>
      <c r="WWG152" s="31"/>
      <c r="WWH152" s="31"/>
      <c r="WWI152" s="31"/>
      <c r="WWJ152" s="31"/>
      <c r="WWK152" s="31"/>
      <c r="WWL152" s="31"/>
      <c r="WWM152" s="31"/>
      <c r="WWN152" s="31"/>
      <c r="WWO152" s="31"/>
      <c r="WWP152" s="31"/>
      <c r="WWQ152" s="31"/>
      <c r="WWR152" s="31"/>
      <c r="WWS152" s="31"/>
      <c r="WWT152" s="31"/>
      <c r="WWU152" s="31"/>
      <c r="WWV152" s="31"/>
      <c r="WWW152" s="31"/>
      <c r="WWX152" s="31"/>
      <c r="WWY152" s="31"/>
      <c r="WWZ152" s="31"/>
      <c r="WXA152" s="31"/>
      <c r="WXB152" s="31"/>
      <c r="WXC152" s="31"/>
      <c r="WXD152" s="31"/>
      <c r="WXE152" s="31"/>
      <c r="WXF152" s="31"/>
      <c r="WXG152" s="31"/>
      <c r="WXH152" s="31"/>
      <c r="WXI152" s="31"/>
      <c r="WXJ152" s="31"/>
      <c r="WXK152" s="31"/>
      <c r="WXL152" s="31"/>
      <c r="WXM152" s="31"/>
      <c r="WXN152" s="31"/>
      <c r="WXO152" s="31"/>
      <c r="WXP152" s="31"/>
      <c r="WXQ152" s="31"/>
      <c r="WXR152" s="31"/>
      <c r="WXS152" s="31"/>
      <c r="WXT152" s="31"/>
      <c r="WXU152" s="31"/>
      <c r="WXV152" s="31"/>
      <c r="WXW152" s="31"/>
      <c r="WXX152" s="31"/>
      <c r="WXY152" s="31"/>
      <c r="WXZ152" s="31"/>
      <c r="WYA152" s="31"/>
      <c r="WYB152" s="31"/>
      <c r="WYC152" s="31"/>
      <c r="WYD152" s="31"/>
      <c r="WYE152" s="31"/>
      <c r="WYF152" s="31"/>
      <c r="WYG152" s="31"/>
      <c r="WYH152" s="31"/>
      <c r="WYI152" s="31"/>
      <c r="WYJ152" s="31"/>
      <c r="WYK152" s="31"/>
      <c r="WYL152" s="31"/>
      <c r="WYM152" s="31"/>
      <c r="WYN152" s="31"/>
      <c r="WYO152" s="31"/>
      <c r="WYP152" s="31"/>
      <c r="WYQ152" s="31"/>
      <c r="WYR152" s="31"/>
      <c r="WYS152" s="31"/>
      <c r="WYT152" s="31"/>
      <c r="WYU152" s="31"/>
      <c r="WYV152" s="31"/>
      <c r="WYW152" s="31"/>
      <c r="WYX152" s="31"/>
      <c r="WYY152" s="31"/>
      <c r="WYZ152" s="31"/>
      <c r="WZA152" s="31"/>
      <c r="WZB152" s="31"/>
      <c r="WZC152" s="31"/>
      <c r="WZD152" s="31"/>
      <c r="WZE152" s="31"/>
      <c r="WZF152" s="31"/>
      <c r="WZG152" s="31"/>
      <c r="WZH152" s="31"/>
      <c r="WZI152" s="31"/>
      <c r="WZJ152" s="31"/>
      <c r="WZK152" s="31"/>
      <c r="WZL152" s="31"/>
      <c r="WZM152" s="31"/>
      <c r="WZN152" s="31"/>
      <c r="WZO152" s="31"/>
      <c r="WZP152" s="31"/>
      <c r="WZQ152" s="31"/>
      <c r="WZR152" s="31"/>
      <c r="WZS152" s="31"/>
      <c r="WZT152" s="31"/>
      <c r="WZU152" s="31"/>
      <c r="WZV152" s="31"/>
      <c r="WZW152" s="31"/>
      <c r="WZX152" s="31"/>
      <c r="WZY152" s="31"/>
      <c r="WZZ152" s="31"/>
      <c r="XAA152" s="31"/>
      <c r="XAB152" s="31"/>
      <c r="XAC152" s="31"/>
      <c r="XAD152" s="31"/>
      <c r="XAE152" s="31"/>
      <c r="XAF152" s="31"/>
      <c r="XAG152" s="31"/>
      <c r="XAH152" s="31"/>
      <c r="XAI152" s="31"/>
      <c r="XAJ152" s="31"/>
      <c r="XAK152" s="31"/>
      <c r="XAL152" s="31"/>
      <c r="XAM152" s="31"/>
      <c r="XAN152" s="31"/>
      <c r="XAO152" s="31"/>
      <c r="XAP152" s="31"/>
      <c r="XAQ152" s="31"/>
      <c r="XAR152" s="31"/>
      <c r="XAS152" s="31"/>
      <c r="XAT152" s="31"/>
      <c r="XAU152" s="31"/>
      <c r="XAV152" s="31"/>
      <c r="XAW152" s="31"/>
      <c r="XAX152" s="31"/>
      <c r="XAY152" s="31"/>
      <c r="XAZ152" s="31"/>
      <c r="XBA152" s="31"/>
      <c r="XBB152" s="31"/>
      <c r="XBC152" s="31"/>
      <c r="XBD152" s="31"/>
      <c r="XBE152" s="31"/>
      <c r="XBF152" s="31"/>
      <c r="XBG152" s="31"/>
      <c r="XBH152" s="31"/>
      <c r="XBI152" s="31"/>
      <c r="XBJ152" s="31"/>
      <c r="XBK152" s="31"/>
      <c r="XBL152" s="31"/>
      <c r="XBM152" s="31"/>
      <c r="XBN152" s="31"/>
      <c r="XBO152" s="31"/>
      <c r="XBP152" s="31"/>
      <c r="XBQ152" s="31"/>
      <c r="XBR152" s="31"/>
      <c r="XBS152" s="31"/>
      <c r="XBT152" s="31"/>
      <c r="XBU152" s="31"/>
      <c r="XBV152" s="31"/>
      <c r="XBW152" s="31"/>
      <c r="XBX152" s="31"/>
      <c r="XBY152" s="31"/>
      <c r="XBZ152" s="31"/>
      <c r="XCA152" s="31"/>
      <c r="XCB152" s="31"/>
      <c r="XCC152" s="31"/>
      <c r="XCD152" s="31"/>
      <c r="XCE152" s="31"/>
      <c r="XCF152" s="31"/>
      <c r="XCG152" s="31"/>
      <c r="XCH152" s="31"/>
      <c r="XCI152" s="31"/>
      <c r="XCJ152" s="31"/>
      <c r="XCK152" s="31"/>
      <c r="XCL152" s="31"/>
      <c r="XCM152" s="31"/>
      <c r="XCN152" s="31"/>
      <c r="XCO152" s="31"/>
      <c r="XCP152" s="31"/>
      <c r="XCQ152" s="31"/>
      <c r="XCR152" s="31"/>
      <c r="XCS152" s="31"/>
      <c r="XCT152" s="31"/>
      <c r="XCU152" s="31"/>
      <c r="XCV152" s="31"/>
      <c r="XCW152" s="31"/>
      <c r="XCX152" s="31"/>
      <c r="XCY152" s="31"/>
      <c r="XCZ152" s="31"/>
      <c r="XDA152" s="31"/>
      <c r="XDB152" s="31"/>
      <c r="XDC152" s="31"/>
      <c r="XDD152" s="31"/>
      <c r="XDE152" s="31"/>
      <c r="XDF152" s="31"/>
      <c r="XDG152" s="31"/>
      <c r="XDH152" s="31"/>
      <c r="XDI152" s="31"/>
      <c r="XDJ152" s="31"/>
      <c r="XDK152" s="31"/>
      <c r="XDL152" s="31"/>
      <c r="XDM152" s="31"/>
      <c r="XDN152" s="31"/>
      <c r="XDO152" s="31"/>
      <c r="XDP152" s="31"/>
      <c r="XDQ152" s="31"/>
      <c r="XDR152" s="31"/>
      <c r="XDS152" s="31"/>
      <c r="XDT152" s="31"/>
      <c r="XDU152" s="31"/>
      <c r="XDV152" s="31"/>
      <c r="XDW152" s="31"/>
      <c r="XDX152" s="31"/>
      <c r="XDY152" s="31"/>
      <c r="XDZ152" s="31"/>
      <c r="XEA152" s="31"/>
      <c r="XEB152" s="31"/>
      <c r="XEC152" s="31"/>
      <c r="XED152" s="31"/>
      <c r="XEE152" s="31"/>
      <c r="XEF152" s="31"/>
      <c r="XEG152" s="31"/>
      <c r="XEH152" s="31"/>
      <c r="XEI152" s="31"/>
      <c r="XEJ152" s="31"/>
      <c r="XEK152" s="31"/>
      <c r="XEL152" s="31"/>
      <c r="XEM152" s="31"/>
      <c r="XEN152" s="31"/>
      <c r="XEO152" s="31"/>
      <c r="XEP152" s="31"/>
      <c r="XEQ152" s="31"/>
    </row>
    <row r="153" spans="1:16371" s="22" customFormat="1" ht="140.4" x14ac:dyDescent="0.2">
      <c r="A153" s="4" t="s">
        <v>302</v>
      </c>
      <c r="B153" s="4" t="s">
        <v>455</v>
      </c>
      <c r="C153" s="4" t="s">
        <v>456</v>
      </c>
      <c r="D153" s="4" t="s">
        <v>457</v>
      </c>
      <c r="E153" s="4"/>
      <c r="F153" s="31"/>
      <c r="G153" s="31"/>
      <c r="H153" s="31"/>
      <c r="I153" s="31"/>
      <c r="J153" s="31"/>
      <c r="K153" s="31"/>
      <c r="L153" s="31"/>
      <c r="M153" s="31"/>
      <c r="N153" s="31"/>
      <c r="O153" s="31"/>
      <c r="P153" s="31"/>
      <c r="Q153" s="31"/>
      <c r="R153" s="31"/>
      <c r="S153" s="31"/>
      <c r="T153" s="31"/>
      <c r="U153" s="31"/>
      <c r="V153" s="31"/>
      <c r="W153" s="31"/>
      <c r="X153" s="31"/>
      <c r="Y153" s="31"/>
      <c r="Z153" s="31"/>
      <c r="AA153" s="31"/>
      <c r="AB153" s="31"/>
      <c r="AC153" s="31"/>
      <c r="AD153" s="31"/>
      <c r="AE153" s="31"/>
      <c r="AF153" s="31"/>
      <c r="AG153" s="31"/>
      <c r="AH153" s="31"/>
      <c r="AI153" s="31"/>
      <c r="AJ153" s="31"/>
      <c r="AK153" s="31"/>
      <c r="AL153" s="31"/>
      <c r="AM153" s="31"/>
      <c r="AN153" s="31"/>
      <c r="AO153" s="31"/>
      <c r="AP153" s="31"/>
      <c r="AQ153" s="31"/>
      <c r="AR153" s="31"/>
      <c r="AS153" s="31"/>
      <c r="AT153" s="31"/>
      <c r="AU153" s="31"/>
      <c r="AV153" s="31"/>
      <c r="AW153" s="31"/>
      <c r="AX153" s="31"/>
      <c r="AY153" s="31"/>
      <c r="AZ153" s="31"/>
      <c r="BA153" s="31"/>
      <c r="BB153" s="31"/>
      <c r="BC153" s="31"/>
      <c r="BD153" s="31"/>
      <c r="BE153" s="31"/>
      <c r="BF153" s="31"/>
      <c r="BG153" s="31"/>
      <c r="BH153" s="31"/>
      <c r="BI153" s="31"/>
      <c r="BJ153" s="31"/>
      <c r="BK153" s="31"/>
      <c r="BL153" s="31"/>
      <c r="BM153" s="31"/>
      <c r="BN153" s="31"/>
      <c r="BO153" s="31"/>
      <c r="BP153" s="31"/>
      <c r="BQ153" s="31"/>
      <c r="BR153" s="31"/>
      <c r="BS153" s="31"/>
      <c r="BT153" s="31"/>
      <c r="BU153" s="31"/>
      <c r="BV153" s="31"/>
      <c r="BW153" s="31"/>
      <c r="BX153" s="31"/>
      <c r="BY153" s="31"/>
      <c r="BZ153" s="31"/>
      <c r="CA153" s="31"/>
      <c r="CB153" s="31"/>
      <c r="CC153" s="31"/>
      <c r="CD153" s="31"/>
      <c r="CE153" s="31"/>
      <c r="CF153" s="31"/>
      <c r="CG153" s="31"/>
      <c r="CH153" s="31"/>
      <c r="CI153" s="31"/>
      <c r="CJ153" s="31"/>
      <c r="CK153" s="31"/>
      <c r="CL153" s="31"/>
      <c r="CM153" s="31"/>
      <c r="CN153" s="31"/>
      <c r="CO153" s="31"/>
      <c r="CP153" s="31"/>
      <c r="CQ153" s="31"/>
      <c r="CR153" s="31"/>
      <c r="CS153" s="31"/>
      <c r="CT153" s="31"/>
      <c r="CU153" s="31"/>
      <c r="CV153" s="31"/>
      <c r="CW153" s="31"/>
      <c r="CX153" s="31"/>
      <c r="CY153" s="31"/>
      <c r="CZ153" s="31"/>
      <c r="DA153" s="31"/>
      <c r="DB153" s="31"/>
      <c r="DC153" s="31"/>
      <c r="DD153" s="31"/>
      <c r="DE153" s="31"/>
      <c r="DF153" s="31"/>
      <c r="DG153" s="31"/>
      <c r="DH153" s="31"/>
      <c r="DI153" s="31"/>
      <c r="DJ153" s="31"/>
      <c r="DK153" s="31"/>
      <c r="DL153" s="31"/>
      <c r="DM153" s="31"/>
      <c r="DN153" s="31"/>
      <c r="DO153" s="31"/>
      <c r="DP153" s="31"/>
      <c r="DQ153" s="31"/>
      <c r="DR153" s="31"/>
      <c r="DS153" s="31"/>
      <c r="DT153" s="31"/>
      <c r="DU153" s="31"/>
      <c r="DV153" s="31"/>
      <c r="DW153" s="31"/>
      <c r="DX153" s="31"/>
      <c r="DY153" s="31"/>
      <c r="DZ153" s="31"/>
      <c r="EA153" s="31"/>
      <c r="EB153" s="31"/>
      <c r="EC153" s="31"/>
      <c r="ED153" s="31"/>
      <c r="EE153" s="31"/>
      <c r="EF153" s="31"/>
      <c r="EG153" s="31"/>
      <c r="EH153" s="31"/>
      <c r="EI153" s="31"/>
      <c r="EJ153" s="31"/>
      <c r="EK153" s="31"/>
      <c r="EL153" s="31"/>
      <c r="EM153" s="31"/>
      <c r="EN153" s="31"/>
      <c r="EO153" s="31"/>
      <c r="EP153" s="31"/>
      <c r="EQ153" s="31"/>
      <c r="ER153" s="31"/>
      <c r="ES153" s="31"/>
      <c r="ET153" s="31"/>
      <c r="EU153" s="31"/>
      <c r="EV153" s="31"/>
      <c r="EW153" s="31"/>
      <c r="EX153" s="31"/>
      <c r="EY153" s="31"/>
      <c r="EZ153" s="31"/>
      <c r="FA153" s="31"/>
      <c r="FB153" s="31"/>
      <c r="FC153" s="31"/>
      <c r="FD153" s="31"/>
      <c r="FE153" s="31"/>
      <c r="FF153" s="31"/>
      <c r="FG153" s="31"/>
      <c r="FH153" s="31"/>
      <c r="FI153" s="31"/>
      <c r="FJ153" s="31"/>
      <c r="FK153" s="31"/>
      <c r="FL153" s="31"/>
      <c r="FM153" s="31"/>
      <c r="FN153" s="31"/>
      <c r="FO153" s="31"/>
      <c r="FP153" s="31"/>
      <c r="FQ153" s="31"/>
      <c r="FR153" s="31"/>
      <c r="FS153" s="31"/>
      <c r="FT153" s="31"/>
      <c r="FU153" s="31"/>
      <c r="FV153" s="31"/>
      <c r="FW153" s="31"/>
      <c r="FX153" s="31"/>
      <c r="FY153" s="31"/>
      <c r="FZ153" s="31"/>
      <c r="GA153" s="31"/>
      <c r="GB153" s="31"/>
      <c r="GC153" s="31"/>
      <c r="GD153" s="31"/>
      <c r="GE153" s="31"/>
      <c r="GF153" s="31"/>
      <c r="GG153" s="31"/>
      <c r="GH153" s="31"/>
      <c r="GI153" s="31"/>
      <c r="GJ153" s="31"/>
      <c r="GK153" s="31"/>
      <c r="GL153" s="31"/>
      <c r="GM153" s="31"/>
      <c r="GN153" s="31"/>
      <c r="GO153" s="31"/>
      <c r="GP153" s="31"/>
      <c r="GQ153" s="31"/>
      <c r="GR153" s="31"/>
      <c r="GS153" s="31"/>
      <c r="GT153" s="31"/>
      <c r="GU153" s="31"/>
      <c r="GV153" s="31"/>
      <c r="GW153" s="31"/>
      <c r="GX153" s="31"/>
      <c r="GY153" s="31"/>
      <c r="GZ153" s="31"/>
      <c r="HA153" s="31"/>
      <c r="HB153" s="31"/>
      <c r="HC153" s="31"/>
      <c r="HD153" s="31"/>
      <c r="HE153" s="31"/>
      <c r="HF153" s="31"/>
      <c r="HG153" s="31"/>
      <c r="HH153" s="31"/>
      <c r="HI153" s="31"/>
      <c r="HJ153" s="31"/>
      <c r="HK153" s="31"/>
      <c r="HL153" s="31"/>
      <c r="HM153" s="31"/>
      <c r="HN153" s="31"/>
      <c r="HO153" s="31"/>
      <c r="HP153" s="31"/>
      <c r="HQ153" s="31"/>
      <c r="HR153" s="31"/>
      <c r="HS153" s="31"/>
      <c r="HT153" s="31"/>
      <c r="HU153" s="31"/>
      <c r="HV153" s="31"/>
      <c r="HW153" s="31"/>
      <c r="HX153" s="31"/>
      <c r="HY153" s="31"/>
      <c r="HZ153" s="31"/>
      <c r="IA153" s="31"/>
      <c r="IB153" s="31"/>
      <c r="IC153" s="31"/>
      <c r="ID153" s="31"/>
      <c r="IE153" s="31"/>
      <c r="IF153" s="31"/>
      <c r="IG153" s="31"/>
      <c r="IH153" s="31"/>
      <c r="II153" s="31"/>
      <c r="IJ153" s="31"/>
      <c r="IK153" s="31"/>
      <c r="IL153" s="31"/>
      <c r="IM153" s="31"/>
      <c r="IN153" s="31"/>
      <c r="IO153" s="31"/>
      <c r="IP153" s="31"/>
      <c r="IQ153" s="31"/>
      <c r="IR153" s="31"/>
      <c r="IS153" s="31"/>
      <c r="IT153" s="31"/>
      <c r="IU153" s="31"/>
      <c r="IV153" s="31"/>
      <c r="IW153" s="31"/>
      <c r="IX153" s="31"/>
      <c r="IY153" s="31"/>
      <c r="IZ153" s="31"/>
      <c r="JA153" s="31"/>
      <c r="JB153" s="31"/>
      <c r="JC153" s="31"/>
      <c r="JD153" s="31"/>
      <c r="JE153" s="31"/>
      <c r="JF153" s="31"/>
      <c r="JG153" s="31"/>
      <c r="JH153" s="31"/>
      <c r="JI153" s="31"/>
      <c r="JJ153" s="31"/>
      <c r="JK153" s="31"/>
      <c r="JL153" s="31"/>
      <c r="JM153" s="31"/>
      <c r="JN153" s="31"/>
      <c r="JO153" s="31"/>
      <c r="JP153" s="31"/>
      <c r="JQ153" s="31"/>
      <c r="JR153" s="31"/>
      <c r="JS153" s="31"/>
      <c r="JT153" s="31"/>
      <c r="JU153" s="31"/>
      <c r="JV153" s="31"/>
      <c r="JW153" s="31"/>
      <c r="JX153" s="31"/>
      <c r="JY153" s="31"/>
      <c r="JZ153" s="31"/>
      <c r="KA153" s="31"/>
      <c r="KB153" s="31"/>
      <c r="KC153" s="31"/>
      <c r="KD153" s="31"/>
      <c r="KE153" s="31"/>
      <c r="KF153" s="31"/>
      <c r="KG153" s="31"/>
      <c r="KH153" s="31"/>
      <c r="KI153" s="31"/>
      <c r="KJ153" s="31"/>
      <c r="KK153" s="31"/>
      <c r="KL153" s="31"/>
      <c r="KM153" s="31"/>
      <c r="KN153" s="31"/>
      <c r="KO153" s="31"/>
      <c r="KP153" s="31"/>
      <c r="KQ153" s="31"/>
      <c r="KR153" s="31"/>
      <c r="KS153" s="31"/>
      <c r="KT153" s="31"/>
      <c r="KU153" s="31"/>
      <c r="KV153" s="31"/>
      <c r="KW153" s="31"/>
      <c r="KX153" s="31"/>
      <c r="KY153" s="31"/>
      <c r="KZ153" s="31"/>
      <c r="LA153" s="31"/>
      <c r="LB153" s="31"/>
      <c r="LC153" s="31"/>
      <c r="LD153" s="31"/>
      <c r="LE153" s="31"/>
      <c r="LF153" s="31"/>
      <c r="LG153" s="31"/>
      <c r="LH153" s="31"/>
      <c r="LI153" s="31"/>
      <c r="LJ153" s="31"/>
      <c r="LK153" s="31"/>
      <c r="LL153" s="31"/>
      <c r="LM153" s="31"/>
      <c r="LN153" s="31"/>
      <c r="LO153" s="31"/>
      <c r="LP153" s="31"/>
      <c r="LQ153" s="31"/>
      <c r="LR153" s="31"/>
      <c r="LS153" s="31"/>
      <c r="LT153" s="31"/>
      <c r="LU153" s="31"/>
      <c r="LV153" s="31"/>
      <c r="LW153" s="31"/>
      <c r="LX153" s="31"/>
      <c r="LY153" s="31"/>
      <c r="LZ153" s="31"/>
      <c r="MA153" s="31"/>
      <c r="MB153" s="31"/>
      <c r="MC153" s="31"/>
      <c r="MD153" s="31"/>
      <c r="ME153" s="31"/>
      <c r="MF153" s="31"/>
      <c r="MG153" s="31"/>
      <c r="MH153" s="31"/>
      <c r="MI153" s="31"/>
      <c r="MJ153" s="31"/>
      <c r="MK153" s="31"/>
      <c r="ML153" s="31"/>
      <c r="MM153" s="31"/>
      <c r="MN153" s="31"/>
      <c r="MO153" s="31"/>
      <c r="MP153" s="31"/>
      <c r="MQ153" s="31"/>
      <c r="MR153" s="31"/>
      <c r="MS153" s="31"/>
      <c r="MT153" s="31"/>
      <c r="MU153" s="31"/>
      <c r="MV153" s="31"/>
      <c r="MW153" s="31"/>
      <c r="MX153" s="31"/>
      <c r="MY153" s="31"/>
      <c r="MZ153" s="31"/>
      <c r="NA153" s="31"/>
      <c r="NB153" s="31"/>
      <c r="NC153" s="31"/>
      <c r="ND153" s="31"/>
      <c r="NE153" s="31"/>
      <c r="NF153" s="31"/>
      <c r="NG153" s="31"/>
      <c r="NH153" s="31"/>
      <c r="NI153" s="31"/>
      <c r="NJ153" s="31"/>
      <c r="NK153" s="31"/>
      <c r="NL153" s="31"/>
      <c r="NM153" s="31"/>
      <c r="NN153" s="31"/>
      <c r="NO153" s="31"/>
      <c r="NP153" s="31"/>
      <c r="NQ153" s="31"/>
      <c r="NR153" s="31"/>
      <c r="NS153" s="31"/>
      <c r="NT153" s="31"/>
      <c r="NU153" s="31"/>
      <c r="NV153" s="31"/>
      <c r="NW153" s="31"/>
      <c r="NX153" s="31"/>
      <c r="NY153" s="31"/>
      <c r="NZ153" s="31"/>
      <c r="OA153" s="31"/>
      <c r="OB153" s="31"/>
      <c r="OC153" s="31"/>
      <c r="OD153" s="31"/>
      <c r="OE153" s="31"/>
      <c r="OF153" s="31"/>
      <c r="OG153" s="31"/>
      <c r="OH153" s="31"/>
      <c r="OI153" s="31"/>
      <c r="OJ153" s="31"/>
      <c r="OK153" s="31"/>
      <c r="OL153" s="31"/>
      <c r="OM153" s="31"/>
      <c r="ON153" s="31"/>
      <c r="OO153" s="31"/>
      <c r="OP153" s="31"/>
      <c r="OQ153" s="31"/>
      <c r="OR153" s="31"/>
      <c r="OS153" s="31"/>
      <c r="OT153" s="31"/>
      <c r="OU153" s="31"/>
      <c r="OV153" s="31"/>
      <c r="OW153" s="31"/>
      <c r="OX153" s="31"/>
      <c r="OY153" s="31"/>
      <c r="OZ153" s="31"/>
      <c r="PA153" s="31"/>
      <c r="PB153" s="31"/>
      <c r="PC153" s="31"/>
      <c r="PD153" s="31"/>
      <c r="PE153" s="31"/>
      <c r="PF153" s="31"/>
      <c r="PG153" s="31"/>
      <c r="PH153" s="31"/>
      <c r="PI153" s="31"/>
      <c r="PJ153" s="31"/>
      <c r="PK153" s="31"/>
      <c r="PL153" s="31"/>
      <c r="PM153" s="31"/>
      <c r="PN153" s="31"/>
      <c r="PO153" s="31"/>
      <c r="PP153" s="31"/>
      <c r="PQ153" s="31"/>
      <c r="PR153" s="31"/>
      <c r="PS153" s="31"/>
      <c r="PT153" s="31"/>
      <c r="PU153" s="31"/>
      <c r="PV153" s="31"/>
      <c r="PW153" s="31"/>
      <c r="PX153" s="31"/>
      <c r="PY153" s="31"/>
      <c r="PZ153" s="31"/>
      <c r="QA153" s="31"/>
      <c r="QB153" s="31"/>
      <c r="QC153" s="31"/>
      <c r="QD153" s="31"/>
      <c r="QE153" s="31"/>
      <c r="QF153" s="31"/>
      <c r="QG153" s="31"/>
      <c r="QH153" s="31"/>
      <c r="QI153" s="31"/>
      <c r="QJ153" s="31"/>
      <c r="QK153" s="31"/>
      <c r="QL153" s="31"/>
      <c r="QM153" s="31"/>
      <c r="QN153" s="31"/>
      <c r="QO153" s="31"/>
      <c r="QP153" s="31"/>
      <c r="QQ153" s="31"/>
      <c r="QR153" s="31"/>
      <c r="QS153" s="31"/>
      <c r="QT153" s="31"/>
      <c r="QU153" s="31"/>
      <c r="QV153" s="31"/>
      <c r="QW153" s="31"/>
      <c r="QX153" s="31"/>
      <c r="QY153" s="31"/>
      <c r="QZ153" s="31"/>
      <c r="RA153" s="31"/>
      <c r="RB153" s="31"/>
      <c r="RC153" s="31"/>
      <c r="RD153" s="31"/>
      <c r="RE153" s="31"/>
      <c r="RF153" s="31"/>
      <c r="RG153" s="31"/>
      <c r="RH153" s="31"/>
      <c r="RI153" s="31"/>
      <c r="RJ153" s="31"/>
      <c r="RK153" s="31"/>
      <c r="RL153" s="31"/>
      <c r="RM153" s="31"/>
      <c r="RN153" s="31"/>
      <c r="RO153" s="31"/>
      <c r="RP153" s="31"/>
      <c r="RQ153" s="31"/>
      <c r="RR153" s="31"/>
      <c r="RS153" s="31"/>
      <c r="RT153" s="31"/>
      <c r="RU153" s="31"/>
      <c r="RV153" s="31"/>
      <c r="RW153" s="31"/>
      <c r="RX153" s="31"/>
      <c r="RY153" s="31"/>
      <c r="RZ153" s="31"/>
      <c r="SA153" s="31"/>
      <c r="SB153" s="31"/>
      <c r="SC153" s="31"/>
      <c r="SD153" s="31"/>
      <c r="SE153" s="31"/>
      <c r="SF153" s="31"/>
      <c r="SG153" s="31"/>
      <c r="SH153" s="31"/>
      <c r="SI153" s="31"/>
      <c r="SJ153" s="31"/>
      <c r="SK153" s="31"/>
      <c r="SL153" s="31"/>
      <c r="SM153" s="31"/>
      <c r="SN153" s="31"/>
      <c r="SO153" s="31"/>
      <c r="SP153" s="31"/>
      <c r="SQ153" s="31"/>
      <c r="SR153" s="31"/>
      <c r="SS153" s="31"/>
      <c r="ST153" s="31"/>
      <c r="SU153" s="31"/>
      <c r="SV153" s="31"/>
      <c r="SW153" s="31"/>
      <c r="SX153" s="31"/>
      <c r="SY153" s="31"/>
      <c r="SZ153" s="31"/>
      <c r="TA153" s="31"/>
      <c r="TB153" s="31"/>
      <c r="TC153" s="31"/>
      <c r="TD153" s="31"/>
      <c r="TE153" s="31"/>
      <c r="TF153" s="31"/>
      <c r="TG153" s="31"/>
      <c r="TH153" s="31"/>
      <c r="TI153" s="31"/>
      <c r="TJ153" s="31"/>
      <c r="TK153" s="31"/>
      <c r="TL153" s="31"/>
      <c r="TM153" s="31"/>
      <c r="TN153" s="31"/>
      <c r="TO153" s="31"/>
      <c r="TP153" s="31"/>
      <c r="TQ153" s="31"/>
      <c r="TR153" s="31"/>
      <c r="TS153" s="31"/>
      <c r="TT153" s="31"/>
      <c r="TU153" s="31"/>
      <c r="TV153" s="31"/>
      <c r="TW153" s="31"/>
      <c r="TX153" s="31"/>
      <c r="TY153" s="31"/>
      <c r="TZ153" s="31"/>
      <c r="UA153" s="31"/>
      <c r="UB153" s="31"/>
      <c r="UC153" s="31"/>
      <c r="UD153" s="31"/>
      <c r="UE153" s="31"/>
      <c r="UF153" s="31"/>
      <c r="UG153" s="31"/>
      <c r="UH153" s="31"/>
      <c r="UI153" s="31"/>
      <c r="UJ153" s="31"/>
      <c r="UK153" s="31"/>
      <c r="UL153" s="31"/>
      <c r="UM153" s="31"/>
      <c r="UN153" s="31"/>
      <c r="UO153" s="31"/>
      <c r="UP153" s="31"/>
      <c r="UQ153" s="31"/>
      <c r="UR153" s="31"/>
      <c r="US153" s="31"/>
      <c r="UT153" s="31"/>
      <c r="UU153" s="31"/>
      <c r="UV153" s="31"/>
      <c r="UW153" s="31"/>
      <c r="UX153" s="31"/>
      <c r="UY153" s="31"/>
      <c r="UZ153" s="31"/>
      <c r="VA153" s="31"/>
      <c r="VB153" s="31"/>
      <c r="VC153" s="31"/>
      <c r="VD153" s="31"/>
      <c r="VE153" s="31"/>
      <c r="VF153" s="31"/>
      <c r="VG153" s="31"/>
      <c r="VH153" s="31"/>
      <c r="VI153" s="31"/>
      <c r="VJ153" s="31"/>
      <c r="VK153" s="31"/>
      <c r="VL153" s="31"/>
      <c r="VM153" s="31"/>
      <c r="VN153" s="31"/>
      <c r="VO153" s="31"/>
      <c r="VP153" s="31"/>
      <c r="VQ153" s="31"/>
      <c r="VR153" s="31"/>
      <c r="VS153" s="31"/>
      <c r="VT153" s="31"/>
      <c r="VU153" s="31"/>
      <c r="VV153" s="31"/>
      <c r="VW153" s="31"/>
      <c r="VX153" s="31"/>
      <c r="VY153" s="31"/>
      <c r="VZ153" s="31"/>
      <c r="WA153" s="31"/>
      <c r="WB153" s="31"/>
      <c r="WC153" s="31"/>
      <c r="WD153" s="31"/>
      <c r="WE153" s="31"/>
      <c r="WF153" s="31"/>
      <c r="WG153" s="31"/>
      <c r="WH153" s="31"/>
      <c r="WI153" s="31"/>
      <c r="WJ153" s="31"/>
      <c r="WK153" s="31"/>
      <c r="WL153" s="31"/>
      <c r="WM153" s="31"/>
      <c r="WN153" s="31"/>
      <c r="WO153" s="31"/>
      <c r="WP153" s="31"/>
      <c r="WQ153" s="31"/>
      <c r="WR153" s="31"/>
      <c r="WS153" s="31"/>
      <c r="WT153" s="31"/>
      <c r="WU153" s="31"/>
      <c r="WV153" s="31"/>
      <c r="WW153" s="31"/>
      <c r="WX153" s="31"/>
      <c r="WY153" s="31"/>
      <c r="WZ153" s="31"/>
      <c r="XA153" s="31"/>
      <c r="XB153" s="31"/>
      <c r="XC153" s="31"/>
      <c r="XD153" s="31"/>
      <c r="XE153" s="31"/>
      <c r="XF153" s="31"/>
      <c r="XG153" s="31"/>
      <c r="XH153" s="31"/>
      <c r="XI153" s="31"/>
      <c r="XJ153" s="31"/>
      <c r="XK153" s="31"/>
      <c r="XL153" s="31"/>
      <c r="XM153" s="31"/>
      <c r="XN153" s="31"/>
      <c r="XO153" s="31"/>
      <c r="XP153" s="31"/>
      <c r="XQ153" s="31"/>
      <c r="XR153" s="31"/>
      <c r="XS153" s="31"/>
      <c r="XT153" s="31"/>
      <c r="XU153" s="31"/>
      <c r="XV153" s="31"/>
      <c r="XW153" s="31"/>
      <c r="XX153" s="31"/>
      <c r="XY153" s="31"/>
      <c r="XZ153" s="31"/>
      <c r="YA153" s="31"/>
      <c r="YB153" s="31"/>
      <c r="YC153" s="31"/>
      <c r="YD153" s="31"/>
      <c r="YE153" s="31"/>
      <c r="YF153" s="31"/>
      <c r="YG153" s="31"/>
      <c r="YH153" s="31"/>
      <c r="YI153" s="31"/>
      <c r="YJ153" s="31"/>
      <c r="YK153" s="31"/>
      <c r="YL153" s="31"/>
      <c r="YM153" s="31"/>
      <c r="YN153" s="31"/>
      <c r="YO153" s="31"/>
      <c r="YP153" s="31"/>
      <c r="YQ153" s="31"/>
      <c r="YR153" s="31"/>
      <c r="YS153" s="31"/>
      <c r="YT153" s="31"/>
      <c r="YU153" s="31"/>
      <c r="YV153" s="31"/>
      <c r="YW153" s="31"/>
      <c r="YX153" s="31"/>
      <c r="YY153" s="31"/>
      <c r="YZ153" s="31"/>
      <c r="ZA153" s="31"/>
      <c r="ZB153" s="31"/>
      <c r="ZC153" s="31"/>
      <c r="ZD153" s="31"/>
      <c r="ZE153" s="31"/>
      <c r="ZF153" s="31"/>
      <c r="ZG153" s="31"/>
      <c r="ZH153" s="31"/>
      <c r="ZI153" s="31"/>
      <c r="ZJ153" s="31"/>
      <c r="ZK153" s="31"/>
      <c r="ZL153" s="31"/>
      <c r="ZM153" s="31"/>
      <c r="ZN153" s="31"/>
      <c r="ZO153" s="31"/>
      <c r="ZP153" s="31"/>
      <c r="ZQ153" s="31"/>
      <c r="ZR153" s="31"/>
      <c r="ZS153" s="31"/>
      <c r="ZT153" s="31"/>
      <c r="ZU153" s="31"/>
      <c r="ZV153" s="31"/>
      <c r="ZW153" s="31"/>
      <c r="ZX153" s="31"/>
      <c r="ZY153" s="31"/>
      <c r="ZZ153" s="31"/>
      <c r="AAA153" s="31"/>
      <c r="AAB153" s="31"/>
      <c r="AAC153" s="31"/>
      <c r="AAD153" s="31"/>
      <c r="AAE153" s="31"/>
      <c r="AAF153" s="31"/>
      <c r="AAG153" s="31"/>
      <c r="AAH153" s="31"/>
      <c r="AAI153" s="31"/>
      <c r="AAJ153" s="31"/>
      <c r="AAK153" s="31"/>
      <c r="AAL153" s="31"/>
      <c r="AAM153" s="31"/>
      <c r="AAN153" s="31"/>
      <c r="AAO153" s="31"/>
      <c r="AAP153" s="31"/>
      <c r="AAQ153" s="31"/>
      <c r="AAR153" s="31"/>
      <c r="AAS153" s="31"/>
      <c r="AAT153" s="31"/>
      <c r="AAU153" s="31"/>
      <c r="AAV153" s="31"/>
      <c r="AAW153" s="31"/>
      <c r="AAX153" s="31"/>
      <c r="AAY153" s="31"/>
      <c r="AAZ153" s="31"/>
      <c r="ABA153" s="31"/>
      <c r="ABB153" s="31"/>
      <c r="ABC153" s="31"/>
      <c r="ABD153" s="31"/>
      <c r="ABE153" s="31"/>
      <c r="ABF153" s="31"/>
      <c r="ABG153" s="31"/>
      <c r="ABH153" s="31"/>
      <c r="ABI153" s="31"/>
      <c r="ABJ153" s="31"/>
      <c r="ABK153" s="31"/>
      <c r="ABL153" s="31"/>
      <c r="ABM153" s="31"/>
      <c r="ABN153" s="31"/>
      <c r="ABO153" s="31"/>
      <c r="ABP153" s="31"/>
      <c r="ABQ153" s="31"/>
      <c r="ABR153" s="31"/>
      <c r="ABS153" s="31"/>
      <c r="ABT153" s="31"/>
      <c r="ABU153" s="31"/>
      <c r="ABV153" s="31"/>
      <c r="ABW153" s="31"/>
      <c r="ABX153" s="31"/>
      <c r="ABY153" s="31"/>
      <c r="ABZ153" s="31"/>
      <c r="ACA153" s="31"/>
      <c r="ACB153" s="31"/>
      <c r="ACC153" s="31"/>
      <c r="ACD153" s="31"/>
      <c r="ACE153" s="31"/>
      <c r="ACF153" s="31"/>
      <c r="ACG153" s="31"/>
      <c r="ACH153" s="31"/>
      <c r="ACI153" s="31"/>
      <c r="ACJ153" s="31"/>
      <c r="ACK153" s="31"/>
      <c r="ACL153" s="31"/>
      <c r="ACM153" s="31"/>
      <c r="ACN153" s="31"/>
      <c r="ACO153" s="31"/>
      <c r="ACP153" s="31"/>
      <c r="ACQ153" s="31"/>
      <c r="ACR153" s="31"/>
      <c r="ACS153" s="31"/>
      <c r="ACT153" s="31"/>
      <c r="ACU153" s="31"/>
      <c r="ACV153" s="31"/>
      <c r="ACW153" s="31"/>
      <c r="ACX153" s="31"/>
      <c r="ACY153" s="31"/>
      <c r="ACZ153" s="31"/>
      <c r="ADA153" s="31"/>
      <c r="ADB153" s="31"/>
      <c r="ADC153" s="31"/>
      <c r="ADD153" s="31"/>
      <c r="ADE153" s="31"/>
      <c r="ADF153" s="31"/>
      <c r="ADG153" s="31"/>
      <c r="ADH153" s="31"/>
      <c r="ADI153" s="31"/>
      <c r="ADJ153" s="31"/>
      <c r="ADK153" s="31"/>
      <c r="ADL153" s="31"/>
      <c r="ADM153" s="31"/>
      <c r="ADN153" s="31"/>
      <c r="ADO153" s="31"/>
      <c r="ADP153" s="31"/>
      <c r="ADQ153" s="31"/>
      <c r="ADR153" s="31"/>
      <c r="ADS153" s="31"/>
      <c r="ADT153" s="31"/>
      <c r="ADU153" s="31"/>
      <c r="ADV153" s="31"/>
      <c r="ADW153" s="31"/>
      <c r="ADX153" s="31"/>
      <c r="ADY153" s="31"/>
      <c r="ADZ153" s="31"/>
      <c r="AEA153" s="31"/>
      <c r="AEB153" s="31"/>
      <c r="AEC153" s="31"/>
      <c r="AED153" s="31"/>
      <c r="AEE153" s="31"/>
      <c r="AEF153" s="31"/>
      <c r="AEG153" s="31"/>
      <c r="AEH153" s="31"/>
      <c r="AEI153" s="31"/>
      <c r="AEJ153" s="31"/>
      <c r="AEK153" s="31"/>
      <c r="AEL153" s="31"/>
      <c r="AEM153" s="31"/>
      <c r="AEN153" s="31"/>
      <c r="AEO153" s="31"/>
      <c r="AEP153" s="31"/>
      <c r="AEQ153" s="31"/>
      <c r="AER153" s="31"/>
      <c r="AES153" s="31"/>
      <c r="AET153" s="31"/>
      <c r="AEU153" s="31"/>
      <c r="AEV153" s="31"/>
      <c r="AEW153" s="31"/>
      <c r="AEX153" s="31"/>
      <c r="AEY153" s="31"/>
      <c r="AEZ153" s="31"/>
      <c r="AFA153" s="31"/>
      <c r="AFB153" s="31"/>
      <c r="AFC153" s="31"/>
      <c r="AFD153" s="31"/>
      <c r="AFE153" s="31"/>
      <c r="AFF153" s="31"/>
      <c r="AFG153" s="31"/>
      <c r="AFH153" s="31"/>
      <c r="AFI153" s="31"/>
      <c r="AFJ153" s="31"/>
      <c r="AFK153" s="31"/>
      <c r="AFL153" s="31"/>
      <c r="AFM153" s="31"/>
      <c r="AFN153" s="31"/>
      <c r="AFO153" s="31"/>
      <c r="AFP153" s="31"/>
      <c r="AFQ153" s="31"/>
      <c r="AFR153" s="31"/>
      <c r="AFS153" s="31"/>
      <c r="AFT153" s="31"/>
      <c r="AFU153" s="31"/>
      <c r="AFV153" s="31"/>
      <c r="AFW153" s="31"/>
      <c r="AFX153" s="31"/>
      <c r="AFY153" s="31"/>
      <c r="AFZ153" s="31"/>
      <c r="AGA153" s="31"/>
      <c r="AGB153" s="31"/>
      <c r="AGC153" s="31"/>
      <c r="AGD153" s="31"/>
      <c r="AGE153" s="31"/>
      <c r="AGF153" s="31"/>
      <c r="AGG153" s="31"/>
      <c r="AGH153" s="31"/>
      <c r="AGI153" s="31"/>
      <c r="AGJ153" s="31"/>
      <c r="AGK153" s="31"/>
      <c r="AGL153" s="31"/>
      <c r="AGM153" s="31"/>
      <c r="AGN153" s="31"/>
      <c r="AGO153" s="31"/>
      <c r="AGP153" s="31"/>
      <c r="AGQ153" s="31"/>
      <c r="AGR153" s="31"/>
      <c r="AGS153" s="31"/>
      <c r="AGT153" s="31"/>
      <c r="AGU153" s="31"/>
      <c r="AGV153" s="31"/>
      <c r="AGW153" s="31"/>
      <c r="AGX153" s="31"/>
      <c r="AGY153" s="31"/>
      <c r="AGZ153" s="31"/>
      <c r="AHA153" s="31"/>
      <c r="AHB153" s="31"/>
      <c r="AHC153" s="31"/>
      <c r="AHD153" s="31"/>
      <c r="AHE153" s="31"/>
      <c r="AHF153" s="31"/>
      <c r="AHG153" s="31"/>
      <c r="AHH153" s="31"/>
      <c r="AHI153" s="31"/>
      <c r="AHJ153" s="31"/>
      <c r="AHK153" s="31"/>
      <c r="AHL153" s="31"/>
      <c r="AHM153" s="31"/>
      <c r="AHN153" s="31"/>
      <c r="AHO153" s="31"/>
      <c r="AHP153" s="31"/>
      <c r="AHQ153" s="31"/>
      <c r="AHR153" s="31"/>
      <c r="AHS153" s="31"/>
      <c r="AHT153" s="31"/>
      <c r="AHU153" s="31"/>
      <c r="AHV153" s="31"/>
      <c r="AHW153" s="31"/>
      <c r="AHX153" s="31"/>
      <c r="AHY153" s="31"/>
      <c r="AHZ153" s="31"/>
      <c r="AIA153" s="31"/>
      <c r="AIB153" s="31"/>
      <c r="AIC153" s="31"/>
      <c r="AID153" s="31"/>
      <c r="AIE153" s="31"/>
      <c r="AIF153" s="31"/>
      <c r="AIG153" s="31"/>
      <c r="AIH153" s="31"/>
      <c r="AII153" s="31"/>
      <c r="AIJ153" s="31"/>
      <c r="AIK153" s="31"/>
      <c r="AIL153" s="31"/>
      <c r="AIM153" s="31"/>
      <c r="AIN153" s="31"/>
      <c r="AIO153" s="31"/>
      <c r="AIP153" s="31"/>
      <c r="AIQ153" s="31"/>
      <c r="AIR153" s="31"/>
      <c r="AIS153" s="31"/>
      <c r="AIT153" s="31"/>
      <c r="AIU153" s="31"/>
      <c r="AIV153" s="31"/>
      <c r="AIW153" s="31"/>
      <c r="AIX153" s="31"/>
      <c r="AIY153" s="31"/>
      <c r="AIZ153" s="31"/>
      <c r="AJA153" s="31"/>
      <c r="AJB153" s="31"/>
      <c r="AJC153" s="31"/>
      <c r="AJD153" s="31"/>
      <c r="AJE153" s="31"/>
      <c r="AJF153" s="31"/>
      <c r="AJG153" s="31"/>
      <c r="AJH153" s="31"/>
      <c r="AJI153" s="31"/>
      <c r="AJJ153" s="31"/>
      <c r="AJK153" s="31"/>
      <c r="AJL153" s="31"/>
      <c r="AJM153" s="31"/>
      <c r="AJN153" s="31"/>
      <c r="AJO153" s="31"/>
      <c r="AJP153" s="31"/>
      <c r="AJQ153" s="31"/>
      <c r="AJR153" s="31"/>
      <c r="AJS153" s="31"/>
      <c r="AJT153" s="31"/>
      <c r="AJU153" s="31"/>
      <c r="AJV153" s="31"/>
      <c r="AJW153" s="31"/>
      <c r="AJX153" s="31"/>
      <c r="AJY153" s="31"/>
      <c r="AJZ153" s="31"/>
      <c r="AKA153" s="31"/>
      <c r="AKB153" s="31"/>
      <c r="AKC153" s="31"/>
      <c r="AKD153" s="31"/>
      <c r="AKE153" s="31"/>
      <c r="AKF153" s="31"/>
      <c r="AKG153" s="31"/>
      <c r="AKH153" s="31"/>
      <c r="AKI153" s="31"/>
      <c r="AKJ153" s="31"/>
      <c r="AKK153" s="31"/>
      <c r="AKL153" s="31"/>
      <c r="AKM153" s="31"/>
      <c r="AKN153" s="31"/>
      <c r="AKO153" s="31"/>
      <c r="AKP153" s="31"/>
      <c r="AKQ153" s="31"/>
      <c r="AKR153" s="31"/>
      <c r="AKS153" s="31"/>
      <c r="AKT153" s="31"/>
      <c r="AKU153" s="31"/>
      <c r="AKV153" s="31"/>
      <c r="AKW153" s="31"/>
      <c r="AKX153" s="31"/>
      <c r="AKY153" s="31"/>
      <c r="AKZ153" s="31"/>
      <c r="ALA153" s="31"/>
      <c r="ALB153" s="31"/>
      <c r="ALC153" s="31"/>
      <c r="ALD153" s="31"/>
      <c r="ALE153" s="31"/>
      <c r="ALF153" s="31"/>
      <c r="ALG153" s="31"/>
      <c r="ALH153" s="31"/>
      <c r="ALI153" s="31"/>
      <c r="ALJ153" s="31"/>
      <c r="ALK153" s="31"/>
      <c r="ALL153" s="31"/>
      <c r="ALM153" s="31"/>
      <c r="ALN153" s="31"/>
      <c r="ALO153" s="31"/>
      <c r="ALP153" s="31"/>
      <c r="ALQ153" s="31"/>
      <c r="ALR153" s="31"/>
      <c r="ALS153" s="31"/>
      <c r="ALT153" s="31"/>
      <c r="ALU153" s="31"/>
      <c r="ALV153" s="31"/>
      <c r="ALW153" s="31"/>
      <c r="ALX153" s="31"/>
      <c r="ALY153" s="31"/>
      <c r="ALZ153" s="31"/>
      <c r="AMA153" s="31"/>
      <c r="AMB153" s="31"/>
      <c r="AMC153" s="31"/>
      <c r="AMD153" s="31"/>
      <c r="AME153" s="31"/>
      <c r="AMF153" s="31"/>
      <c r="AMG153" s="31"/>
      <c r="AMH153" s="31"/>
      <c r="AMI153" s="31"/>
      <c r="AMJ153" s="31"/>
      <c r="AMK153" s="31"/>
      <c r="AML153" s="31"/>
      <c r="AMM153" s="31"/>
      <c r="AMN153" s="31"/>
      <c r="AMO153" s="31"/>
      <c r="AMP153" s="31"/>
      <c r="AMQ153" s="31"/>
      <c r="AMR153" s="31"/>
      <c r="AMS153" s="31"/>
      <c r="AMT153" s="31"/>
      <c r="AMU153" s="31"/>
      <c r="AMV153" s="31"/>
      <c r="AMW153" s="31"/>
      <c r="AMX153" s="31"/>
      <c r="AMY153" s="31"/>
      <c r="AMZ153" s="31"/>
      <c r="ANA153" s="31"/>
      <c r="ANB153" s="31"/>
      <c r="ANC153" s="31"/>
      <c r="AND153" s="31"/>
      <c r="ANE153" s="31"/>
      <c r="ANF153" s="31"/>
      <c r="ANG153" s="31"/>
      <c r="ANH153" s="31"/>
      <c r="ANI153" s="31"/>
      <c r="ANJ153" s="31"/>
      <c r="ANK153" s="31"/>
      <c r="ANL153" s="31"/>
      <c r="ANM153" s="31"/>
      <c r="ANN153" s="31"/>
      <c r="ANO153" s="31"/>
      <c r="ANP153" s="31"/>
      <c r="ANQ153" s="31"/>
      <c r="ANR153" s="31"/>
      <c r="ANS153" s="31"/>
      <c r="ANT153" s="31"/>
      <c r="ANU153" s="31"/>
      <c r="ANV153" s="31"/>
      <c r="ANW153" s="31"/>
      <c r="ANX153" s="31"/>
      <c r="ANY153" s="31"/>
      <c r="ANZ153" s="31"/>
      <c r="AOA153" s="31"/>
      <c r="AOB153" s="31"/>
      <c r="AOC153" s="31"/>
      <c r="AOD153" s="31"/>
      <c r="AOE153" s="31"/>
      <c r="AOF153" s="31"/>
      <c r="AOG153" s="31"/>
      <c r="AOH153" s="31"/>
      <c r="AOI153" s="31"/>
      <c r="AOJ153" s="31"/>
      <c r="AOK153" s="31"/>
      <c r="AOL153" s="31"/>
      <c r="AOM153" s="31"/>
      <c r="AON153" s="31"/>
      <c r="AOO153" s="31"/>
      <c r="AOP153" s="31"/>
      <c r="AOQ153" s="31"/>
      <c r="AOR153" s="31"/>
      <c r="AOS153" s="31"/>
      <c r="AOT153" s="31"/>
      <c r="AOU153" s="31"/>
      <c r="AOV153" s="31"/>
      <c r="AOW153" s="31"/>
      <c r="AOX153" s="31"/>
      <c r="AOY153" s="31"/>
      <c r="AOZ153" s="31"/>
      <c r="APA153" s="31"/>
      <c r="APB153" s="31"/>
      <c r="APC153" s="31"/>
      <c r="APD153" s="31"/>
      <c r="APE153" s="31"/>
      <c r="APF153" s="31"/>
      <c r="APG153" s="31"/>
      <c r="APH153" s="31"/>
      <c r="API153" s="31"/>
      <c r="APJ153" s="31"/>
      <c r="APK153" s="31"/>
      <c r="APL153" s="31"/>
      <c r="APM153" s="31"/>
      <c r="APN153" s="31"/>
      <c r="APO153" s="31"/>
      <c r="APP153" s="31"/>
      <c r="APQ153" s="31"/>
      <c r="APR153" s="31"/>
      <c r="APS153" s="31"/>
      <c r="APT153" s="31"/>
      <c r="APU153" s="31"/>
      <c r="APV153" s="31"/>
      <c r="APW153" s="31"/>
      <c r="APX153" s="31"/>
      <c r="APY153" s="31"/>
      <c r="APZ153" s="31"/>
      <c r="AQA153" s="31"/>
      <c r="AQB153" s="31"/>
      <c r="AQC153" s="31"/>
      <c r="AQD153" s="31"/>
      <c r="AQE153" s="31"/>
      <c r="AQF153" s="31"/>
      <c r="AQG153" s="31"/>
      <c r="AQH153" s="31"/>
      <c r="AQI153" s="31"/>
      <c r="AQJ153" s="31"/>
      <c r="AQK153" s="31"/>
      <c r="AQL153" s="31"/>
      <c r="AQM153" s="31"/>
      <c r="AQN153" s="31"/>
      <c r="AQO153" s="31"/>
      <c r="AQP153" s="31"/>
      <c r="AQQ153" s="31"/>
      <c r="AQR153" s="31"/>
      <c r="AQS153" s="31"/>
      <c r="AQT153" s="31"/>
      <c r="AQU153" s="31"/>
      <c r="AQV153" s="31"/>
      <c r="AQW153" s="31"/>
      <c r="AQX153" s="31"/>
      <c r="AQY153" s="31"/>
      <c r="AQZ153" s="31"/>
      <c r="ARA153" s="31"/>
      <c r="ARB153" s="31"/>
      <c r="ARC153" s="31"/>
      <c r="ARD153" s="31"/>
      <c r="ARE153" s="31"/>
      <c r="ARF153" s="31"/>
      <c r="ARG153" s="31"/>
      <c r="ARH153" s="31"/>
      <c r="ARI153" s="31"/>
      <c r="ARJ153" s="31"/>
      <c r="ARK153" s="31"/>
      <c r="ARL153" s="31"/>
      <c r="ARM153" s="31"/>
      <c r="ARN153" s="31"/>
      <c r="ARO153" s="31"/>
      <c r="ARP153" s="31"/>
      <c r="ARQ153" s="31"/>
      <c r="ARR153" s="31"/>
      <c r="ARS153" s="31"/>
      <c r="ART153" s="31"/>
      <c r="ARU153" s="31"/>
      <c r="ARV153" s="31"/>
      <c r="ARW153" s="31"/>
      <c r="ARX153" s="31"/>
      <c r="ARY153" s="31"/>
      <c r="ARZ153" s="31"/>
      <c r="ASA153" s="31"/>
      <c r="ASB153" s="31"/>
      <c r="ASC153" s="31"/>
      <c r="ASD153" s="31"/>
      <c r="ASE153" s="31"/>
      <c r="ASF153" s="31"/>
      <c r="ASG153" s="31"/>
      <c r="ASH153" s="31"/>
      <c r="ASI153" s="31"/>
      <c r="ASJ153" s="31"/>
      <c r="ASK153" s="31"/>
      <c r="ASL153" s="31"/>
      <c r="ASM153" s="31"/>
      <c r="ASN153" s="31"/>
      <c r="ASO153" s="31"/>
      <c r="ASP153" s="31"/>
      <c r="ASQ153" s="31"/>
      <c r="ASR153" s="31"/>
      <c r="ASS153" s="31"/>
      <c r="AST153" s="31"/>
      <c r="ASU153" s="31"/>
      <c r="ASV153" s="31"/>
      <c r="ASW153" s="31"/>
      <c r="ASX153" s="31"/>
      <c r="ASY153" s="31"/>
      <c r="ASZ153" s="31"/>
      <c r="ATA153" s="31"/>
      <c r="ATB153" s="31"/>
      <c r="ATC153" s="31"/>
      <c r="ATD153" s="31"/>
      <c r="ATE153" s="31"/>
      <c r="ATF153" s="31"/>
      <c r="ATG153" s="31"/>
      <c r="ATH153" s="31"/>
      <c r="ATI153" s="31"/>
      <c r="ATJ153" s="31"/>
      <c r="ATK153" s="31"/>
      <c r="ATL153" s="31"/>
      <c r="ATM153" s="31"/>
      <c r="ATN153" s="31"/>
      <c r="ATO153" s="31"/>
      <c r="ATP153" s="31"/>
      <c r="ATQ153" s="31"/>
      <c r="ATR153" s="31"/>
      <c r="ATS153" s="31"/>
      <c r="ATT153" s="31"/>
      <c r="ATU153" s="31"/>
      <c r="ATV153" s="31"/>
      <c r="ATW153" s="31"/>
      <c r="ATX153" s="31"/>
      <c r="ATY153" s="31"/>
      <c r="ATZ153" s="31"/>
      <c r="AUA153" s="31"/>
      <c r="AUB153" s="31"/>
      <c r="AUC153" s="31"/>
      <c r="AUD153" s="31"/>
      <c r="AUE153" s="31"/>
      <c r="AUF153" s="31"/>
      <c r="AUG153" s="31"/>
      <c r="AUH153" s="31"/>
      <c r="AUI153" s="31"/>
      <c r="AUJ153" s="31"/>
      <c r="AUK153" s="31"/>
      <c r="AUL153" s="31"/>
      <c r="AUM153" s="31"/>
      <c r="AUN153" s="31"/>
      <c r="AUO153" s="31"/>
      <c r="AUP153" s="31"/>
      <c r="AUQ153" s="31"/>
      <c r="AUR153" s="31"/>
      <c r="AUS153" s="31"/>
      <c r="AUT153" s="31"/>
      <c r="AUU153" s="31"/>
      <c r="AUV153" s="31"/>
      <c r="AUW153" s="31"/>
      <c r="AUX153" s="31"/>
      <c r="AUY153" s="31"/>
      <c r="AUZ153" s="31"/>
      <c r="AVA153" s="31"/>
      <c r="AVB153" s="31"/>
      <c r="AVC153" s="31"/>
      <c r="AVD153" s="31"/>
      <c r="AVE153" s="31"/>
      <c r="AVF153" s="31"/>
      <c r="AVG153" s="31"/>
      <c r="AVH153" s="31"/>
      <c r="AVI153" s="31"/>
      <c r="AVJ153" s="31"/>
      <c r="AVK153" s="31"/>
      <c r="AVL153" s="31"/>
      <c r="AVM153" s="31"/>
      <c r="AVN153" s="31"/>
      <c r="AVO153" s="31"/>
      <c r="AVP153" s="31"/>
      <c r="AVQ153" s="31"/>
      <c r="AVR153" s="31"/>
      <c r="AVS153" s="31"/>
      <c r="AVT153" s="31"/>
      <c r="AVU153" s="31"/>
      <c r="AVV153" s="31"/>
      <c r="AVW153" s="31"/>
      <c r="AVX153" s="31"/>
      <c r="AVY153" s="31"/>
      <c r="AVZ153" s="31"/>
      <c r="AWA153" s="31"/>
      <c r="AWB153" s="31"/>
      <c r="AWC153" s="31"/>
      <c r="AWD153" s="31"/>
      <c r="AWE153" s="31"/>
      <c r="AWF153" s="31"/>
      <c r="AWG153" s="31"/>
      <c r="AWH153" s="31"/>
      <c r="AWI153" s="31"/>
      <c r="AWJ153" s="31"/>
      <c r="AWK153" s="31"/>
      <c r="AWL153" s="31"/>
      <c r="AWM153" s="31"/>
      <c r="AWN153" s="31"/>
      <c r="AWO153" s="31"/>
      <c r="AWP153" s="31"/>
      <c r="AWQ153" s="31"/>
      <c r="AWR153" s="31"/>
      <c r="AWS153" s="31"/>
      <c r="AWT153" s="31"/>
      <c r="AWU153" s="31"/>
      <c r="AWV153" s="31"/>
      <c r="AWW153" s="31"/>
      <c r="AWX153" s="31"/>
      <c r="AWY153" s="31"/>
      <c r="AWZ153" s="31"/>
      <c r="AXA153" s="31"/>
      <c r="AXB153" s="31"/>
      <c r="AXC153" s="31"/>
      <c r="AXD153" s="31"/>
      <c r="AXE153" s="31"/>
      <c r="AXF153" s="31"/>
      <c r="AXG153" s="31"/>
      <c r="AXH153" s="31"/>
      <c r="AXI153" s="31"/>
      <c r="AXJ153" s="31"/>
      <c r="AXK153" s="31"/>
      <c r="AXL153" s="31"/>
      <c r="AXM153" s="31"/>
      <c r="AXN153" s="31"/>
      <c r="AXO153" s="31"/>
      <c r="AXP153" s="31"/>
      <c r="AXQ153" s="31"/>
      <c r="AXR153" s="31"/>
      <c r="AXS153" s="31"/>
      <c r="AXT153" s="31"/>
      <c r="AXU153" s="31"/>
      <c r="AXV153" s="31"/>
      <c r="AXW153" s="31"/>
      <c r="AXX153" s="31"/>
      <c r="AXY153" s="31"/>
      <c r="AXZ153" s="31"/>
      <c r="AYA153" s="31"/>
      <c r="AYB153" s="31"/>
      <c r="AYC153" s="31"/>
      <c r="AYD153" s="31"/>
      <c r="AYE153" s="31"/>
      <c r="AYF153" s="31"/>
      <c r="AYG153" s="31"/>
      <c r="AYH153" s="31"/>
      <c r="AYI153" s="31"/>
      <c r="AYJ153" s="31"/>
      <c r="AYK153" s="31"/>
      <c r="AYL153" s="31"/>
      <c r="AYM153" s="31"/>
      <c r="AYN153" s="31"/>
      <c r="AYO153" s="31"/>
      <c r="AYP153" s="31"/>
      <c r="AYQ153" s="31"/>
      <c r="AYR153" s="31"/>
      <c r="AYS153" s="31"/>
      <c r="AYT153" s="31"/>
      <c r="AYU153" s="31"/>
      <c r="AYV153" s="31"/>
      <c r="AYW153" s="31"/>
      <c r="AYX153" s="31"/>
      <c r="AYY153" s="31"/>
      <c r="AYZ153" s="31"/>
      <c r="AZA153" s="31"/>
      <c r="AZB153" s="31"/>
      <c r="AZC153" s="31"/>
      <c r="AZD153" s="31"/>
      <c r="AZE153" s="31"/>
      <c r="AZF153" s="31"/>
      <c r="AZG153" s="31"/>
      <c r="AZH153" s="31"/>
      <c r="AZI153" s="31"/>
      <c r="AZJ153" s="31"/>
      <c r="AZK153" s="31"/>
      <c r="AZL153" s="31"/>
      <c r="AZM153" s="31"/>
      <c r="AZN153" s="31"/>
      <c r="AZO153" s="31"/>
      <c r="AZP153" s="31"/>
      <c r="AZQ153" s="31"/>
      <c r="AZR153" s="31"/>
      <c r="AZS153" s="31"/>
      <c r="AZT153" s="31"/>
      <c r="AZU153" s="31"/>
      <c r="AZV153" s="31"/>
      <c r="AZW153" s="31"/>
      <c r="AZX153" s="31"/>
      <c r="AZY153" s="31"/>
      <c r="AZZ153" s="31"/>
      <c r="BAA153" s="31"/>
      <c r="BAB153" s="31"/>
      <c r="BAC153" s="31"/>
      <c r="BAD153" s="31"/>
      <c r="BAE153" s="31"/>
      <c r="BAF153" s="31"/>
      <c r="BAG153" s="31"/>
      <c r="BAH153" s="31"/>
      <c r="BAI153" s="31"/>
      <c r="BAJ153" s="31"/>
      <c r="BAK153" s="31"/>
      <c r="BAL153" s="31"/>
      <c r="BAM153" s="31"/>
      <c r="BAN153" s="31"/>
      <c r="BAO153" s="31"/>
      <c r="BAP153" s="31"/>
      <c r="BAQ153" s="31"/>
      <c r="BAR153" s="31"/>
      <c r="BAS153" s="31"/>
      <c r="BAT153" s="31"/>
      <c r="BAU153" s="31"/>
      <c r="BAV153" s="31"/>
      <c r="BAW153" s="31"/>
      <c r="BAX153" s="31"/>
      <c r="BAY153" s="31"/>
      <c r="BAZ153" s="31"/>
      <c r="BBA153" s="31"/>
      <c r="BBB153" s="31"/>
      <c r="BBC153" s="31"/>
      <c r="BBD153" s="31"/>
      <c r="BBE153" s="31"/>
      <c r="BBF153" s="31"/>
      <c r="BBG153" s="31"/>
      <c r="BBH153" s="31"/>
      <c r="BBI153" s="31"/>
      <c r="BBJ153" s="31"/>
      <c r="BBK153" s="31"/>
      <c r="BBL153" s="31"/>
      <c r="BBM153" s="31"/>
      <c r="BBN153" s="31"/>
      <c r="BBO153" s="31"/>
      <c r="BBP153" s="31"/>
      <c r="BBQ153" s="31"/>
      <c r="BBR153" s="31"/>
      <c r="BBS153" s="31"/>
      <c r="BBT153" s="31"/>
      <c r="BBU153" s="31"/>
      <c r="BBV153" s="31"/>
      <c r="BBW153" s="31"/>
      <c r="BBX153" s="31"/>
      <c r="BBY153" s="31"/>
      <c r="BBZ153" s="31"/>
      <c r="BCA153" s="31"/>
      <c r="BCB153" s="31"/>
      <c r="BCC153" s="31"/>
      <c r="BCD153" s="31"/>
      <c r="BCE153" s="31"/>
      <c r="BCF153" s="31"/>
      <c r="BCG153" s="31"/>
      <c r="BCH153" s="31"/>
      <c r="BCI153" s="31"/>
      <c r="BCJ153" s="31"/>
      <c r="BCK153" s="31"/>
      <c r="BCL153" s="31"/>
      <c r="BCM153" s="31"/>
      <c r="BCN153" s="31"/>
      <c r="BCO153" s="31"/>
      <c r="BCP153" s="31"/>
      <c r="BCQ153" s="31"/>
      <c r="BCR153" s="31"/>
      <c r="BCS153" s="31"/>
      <c r="BCT153" s="31"/>
      <c r="BCU153" s="31"/>
      <c r="BCV153" s="31"/>
      <c r="BCW153" s="31"/>
      <c r="BCX153" s="31"/>
      <c r="BCY153" s="31"/>
      <c r="BCZ153" s="31"/>
      <c r="BDA153" s="31"/>
      <c r="BDB153" s="31"/>
      <c r="BDC153" s="31"/>
      <c r="BDD153" s="31"/>
      <c r="BDE153" s="31"/>
      <c r="BDF153" s="31"/>
      <c r="BDG153" s="31"/>
      <c r="BDH153" s="31"/>
      <c r="BDI153" s="31"/>
      <c r="BDJ153" s="31"/>
      <c r="BDK153" s="31"/>
      <c r="BDL153" s="31"/>
      <c r="BDM153" s="31"/>
      <c r="BDN153" s="31"/>
      <c r="BDO153" s="31"/>
      <c r="BDP153" s="31"/>
      <c r="BDQ153" s="31"/>
      <c r="BDR153" s="31"/>
      <c r="BDS153" s="31"/>
      <c r="BDT153" s="31"/>
      <c r="BDU153" s="31"/>
      <c r="BDV153" s="31"/>
      <c r="BDW153" s="31"/>
      <c r="BDX153" s="31"/>
      <c r="BDY153" s="31"/>
      <c r="BDZ153" s="31"/>
      <c r="BEA153" s="31"/>
      <c r="BEB153" s="31"/>
      <c r="BEC153" s="31"/>
      <c r="BED153" s="31"/>
      <c r="BEE153" s="31"/>
      <c r="BEF153" s="31"/>
      <c r="BEG153" s="31"/>
      <c r="BEH153" s="31"/>
      <c r="BEI153" s="31"/>
      <c r="BEJ153" s="31"/>
      <c r="BEK153" s="31"/>
      <c r="BEL153" s="31"/>
      <c r="BEM153" s="31"/>
      <c r="BEN153" s="31"/>
      <c r="BEO153" s="31"/>
      <c r="BEP153" s="31"/>
      <c r="BEQ153" s="31"/>
      <c r="BER153" s="31"/>
      <c r="BES153" s="31"/>
      <c r="BET153" s="31"/>
      <c r="BEU153" s="31"/>
      <c r="BEV153" s="31"/>
      <c r="BEW153" s="31"/>
      <c r="BEX153" s="31"/>
      <c r="BEY153" s="31"/>
      <c r="BEZ153" s="31"/>
      <c r="BFA153" s="31"/>
      <c r="BFB153" s="31"/>
      <c r="BFC153" s="31"/>
      <c r="BFD153" s="31"/>
      <c r="BFE153" s="31"/>
      <c r="BFF153" s="31"/>
      <c r="BFG153" s="31"/>
      <c r="BFH153" s="31"/>
      <c r="BFI153" s="31"/>
      <c r="BFJ153" s="31"/>
      <c r="BFK153" s="31"/>
      <c r="BFL153" s="31"/>
      <c r="BFM153" s="31"/>
      <c r="BFN153" s="31"/>
      <c r="BFO153" s="31"/>
      <c r="BFP153" s="31"/>
      <c r="BFQ153" s="31"/>
      <c r="BFR153" s="31"/>
      <c r="BFS153" s="31"/>
      <c r="BFT153" s="31"/>
      <c r="BFU153" s="31"/>
      <c r="BFV153" s="31"/>
      <c r="BFW153" s="31"/>
      <c r="BFX153" s="31"/>
      <c r="BFY153" s="31"/>
      <c r="BFZ153" s="31"/>
      <c r="BGA153" s="31"/>
      <c r="BGB153" s="31"/>
      <c r="BGC153" s="31"/>
      <c r="BGD153" s="31"/>
      <c r="BGE153" s="31"/>
      <c r="BGF153" s="31"/>
      <c r="BGG153" s="31"/>
      <c r="BGH153" s="31"/>
      <c r="BGI153" s="31"/>
      <c r="BGJ153" s="31"/>
      <c r="BGK153" s="31"/>
      <c r="BGL153" s="31"/>
      <c r="BGM153" s="31"/>
      <c r="BGN153" s="31"/>
      <c r="BGO153" s="31"/>
      <c r="BGP153" s="31"/>
      <c r="BGQ153" s="31"/>
      <c r="BGR153" s="31"/>
      <c r="BGS153" s="31"/>
      <c r="BGT153" s="31"/>
      <c r="BGU153" s="31"/>
      <c r="BGV153" s="31"/>
      <c r="BGW153" s="31"/>
      <c r="BGX153" s="31"/>
      <c r="BGY153" s="31"/>
      <c r="BGZ153" s="31"/>
      <c r="BHA153" s="31"/>
      <c r="BHB153" s="31"/>
      <c r="BHC153" s="31"/>
      <c r="BHD153" s="31"/>
      <c r="BHE153" s="31"/>
      <c r="BHF153" s="31"/>
      <c r="BHG153" s="31"/>
      <c r="BHH153" s="31"/>
      <c r="BHI153" s="31"/>
      <c r="BHJ153" s="31"/>
      <c r="BHK153" s="31"/>
      <c r="BHL153" s="31"/>
      <c r="BHM153" s="31"/>
      <c r="BHN153" s="31"/>
      <c r="BHO153" s="31"/>
      <c r="BHP153" s="31"/>
      <c r="BHQ153" s="31"/>
      <c r="BHR153" s="31"/>
      <c r="BHS153" s="31"/>
      <c r="BHT153" s="31"/>
      <c r="BHU153" s="31"/>
      <c r="BHV153" s="31"/>
      <c r="BHW153" s="31"/>
      <c r="BHX153" s="31"/>
      <c r="BHY153" s="31"/>
      <c r="BHZ153" s="31"/>
      <c r="BIA153" s="31"/>
      <c r="BIB153" s="31"/>
      <c r="BIC153" s="31"/>
      <c r="BID153" s="31"/>
      <c r="BIE153" s="31"/>
      <c r="BIF153" s="31"/>
      <c r="BIG153" s="31"/>
      <c r="BIH153" s="31"/>
      <c r="BII153" s="31"/>
      <c r="BIJ153" s="31"/>
      <c r="BIK153" s="31"/>
      <c r="BIL153" s="31"/>
      <c r="BIM153" s="31"/>
      <c r="BIN153" s="31"/>
      <c r="BIO153" s="31"/>
      <c r="BIP153" s="31"/>
      <c r="BIQ153" s="31"/>
      <c r="BIR153" s="31"/>
      <c r="BIS153" s="31"/>
      <c r="BIT153" s="31"/>
      <c r="BIU153" s="31"/>
      <c r="BIV153" s="31"/>
      <c r="BIW153" s="31"/>
      <c r="BIX153" s="31"/>
      <c r="BIY153" s="31"/>
      <c r="BIZ153" s="31"/>
      <c r="BJA153" s="31"/>
      <c r="BJB153" s="31"/>
      <c r="BJC153" s="31"/>
      <c r="BJD153" s="31"/>
      <c r="BJE153" s="31"/>
      <c r="BJF153" s="31"/>
      <c r="BJG153" s="31"/>
      <c r="BJH153" s="31"/>
      <c r="BJI153" s="31"/>
      <c r="BJJ153" s="31"/>
      <c r="BJK153" s="31"/>
      <c r="BJL153" s="31"/>
      <c r="BJM153" s="31"/>
      <c r="BJN153" s="31"/>
      <c r="BJO153" s="31"/>
      <c r="BJP153" s="31"/>
      <c r="BJQ153" s="31"/>
      <c r="BJR153" s="31"/>
      <c r="BJS153" s="31"/>
      <c r="BJT153" s="31"/>
      <c r="BJU153" s="31"/>
      <c r="BJV153" s="31"/>
      <c r="BJW153" s="31"/>
      <c r="BJX153" s="31"/>
      <c r="BJY153" s="31"/>
      <c r="BJZ153" s="31"/>
      <c r="BKA153" s="31"/>
      <c r="BKB153" s="31"/>
      <c r="BKC153" s="31"/>
      <c r="BKD153" s="31"/>
      <c r="BKE153" s="31"/>
      <c r="BKF153" s="31"/>
      <c r="BKG153" s="31"/>
      <c r="BKH153" s="31"/>
      <c r="BKI153" s="31"/>
      <c r="BKJ153" s="31"/>
      <c r="BKK153" s="31"/>
      <c r="BKL153" s="31"/>
      <c r="BKM153" s="31"/>
      <c r="BKN153" s="31"/>
      <c r="BKO153" s="31"/>
      <c r="BKP153" s="31"/>
      <c r="BKQ153" s="31"/>
      <c r="BKR153" s="31"/>
      <c r="BKS153" s="31"/>
      <c r="BKT153" s="31"/>
      <c r="BKU153" s="31"/>
      <c r="BKV153" s="31"/>
      <c r="BKW153" s="31"/>
      <c r="BKX153" s="31"/>
      <c r="BKY153" s="31"/>
      <c r="BKZ153" s="31"/>
      <c r="BLA153" s="31"/>
      <c r="BLB153" s="31"/>
      <c r="BLC153" s="31"/>
      <c r="BLD153" s="31"/>
      <c r="BLE153" s="31"/>
      <c r="BLF153" s="31"/>
      <c r="BLG153" s="31"/>
      <c r="BLH153" s="31"/>
      <c r="BLI153" s="31"/>
      <c r="BLJ153" s="31"/>
      <c r="BLK153" s="31"/>
      <c r="BLL153" s="31"/>
      <c r="BLM153" s="31"/>
      <c r="BLN153" s="31"/>
      <c r="BLO153" s="31"/>
      <c r="BLP153" s="31"/>
      <c r="BLQ153" s="31"/>
      <c r="BLR153" s="31"/>
      <c r="BLS153" s="31"/>
      <c r="BLT153" s="31"/>
      <c r="BLU153" s="31"/>
      <c r="BLV153" s="31"/>
      <c r="BLW153" s="31"/>
      <c r="BLX153" s="31"/>
      <c r="BLY153" s="31"/>
      <c r="BLZ153" s="31"/>
      <c r="BMA153" s="31"/>
      <c r="BMB153" s="31"/>
      <c r="BMC153" s="31"/>
      <c r="BMD153" s="31"/>
      <c r="BME153" s="31"/>
      <c r="BMF153" s="31"/>
      <c r="BMG153" s="31"/>
      <c r="BMH153" s="31"/>
      <c r="BMI153" s="31"/>
      <c r="BMJ153" s="31"/>
      <c r="BMK153" s="31"/>
      <c r="BML153" s="31"/>
      <c r="BMM153" s="31"/>
      <c r="BMN153" s="31"/>
      <c r="BMO153" s="31"/>
      <c r="BMP153" s="31"/>
      <c r="BMQ153" s="31"/>
      <c r="BMR153" s="31"/>
      <c r="BMS153" s="31"/>
      <c r="BMT153" s="31"/>
      <c r="BMU153" s="31"/>
      <c r="BMV153" s="31"/>
      <c r="BMW153" s="31"/>
      <c r="BMX153" s="31"/>
      <c r="BMY153" s="31"/>
      <c r="BMZ153" s="31"/>
      <c r="BNA153" s="31"/>
      <c r="BNB153" s="31"/>
      <c r="BNC153" s="31"/>
      <c r="BND153" s="31"/>
      <c r="BNE153" s="31"/>
      <c r="BNF153" s="31"/>
      <c r="BNG153" s="31"/>
      <c r="BNH153" s="31"/>
      <c r="BNI153" s="31"/>
      <c r="BNJ153" s="31"/>
      <c r="BNK153" s="31"/>
      <c r="BNL153" s="31"/>
      <c r="BNM153" s="31"/>
      <c r="BNN153" s="31"/>
      <c r="BNO153" s="31"/>
      <c r="BNP153" s="31"/>
      <c r="BNQ153" s="31"/>
      <c r="BNR153" s="31"/>
      <c r="BNS153" s="31"/>
      <c r="BNT153" s="31"/>
      <c r="BNU153" s="31"/>
      <c r="BNV153" s="31"/>
      <c r="BNW153" s="31"/>
      <c r="BNX153" s="31"/>
      <c r="BNY153" s="31"/>
      <c r="BNZ153" s="31"/>
      <c r="BOA153" s="31"/>
      <c r="BOB153" s="31"/>
      <c r="BOC153" s="31"/>
      <c r="BOD153" s="31"/>
      <c r="BOE153" s="31"/>
      <c r="BOF153" s="31"/>
      <c r="BOG153" s="31"/>
      <c r="BOH153" s="31"/>
      <c r="BOI153" s="31"/>
      <c r="BOJ153" s="31"/>
      <c r="BOK153" s="31"/>
      <c r="BOL153" s="31"/>
      <c r="BOM153" s="31"/>
      <c r="BON153" s="31"/>
      <c r="BOO153" s="31"/>
      <c r="BOP153" s="31"/>
      <c r="BOQ153" s="31"/>
      <c r="BOR153" s="31"/>
      <c r="BOS153" s="31"/>
      <c r="BOT153" s="31"/>
      <c r="BOU153" s="31"/>
      <c r="BOV153" s="31"/>
      <c r="BOW153" s="31"/>
      <c r="BOX153" s="31"/>
      <c r="BOY153" s="31"/>
      <c r="BOZ153" s="31"/>
      <c r="BPA153" s="31"/>
      <c r="BPB153" s="31"/>
      <c r="BPC153" s="31"/>
      <c r="BPD153" s="31"/>
      <c r="BPE153" s="31"/>
      <c r="BPF153" s="31"/>
      <c r="BPG153" s="31"/>
      <c r="BPH153" s="31"/>
      <c r="BPI153" s="31"/>
      <c r="BPJ153" s="31"/>
      <c r="BPK153" s="31"/>
      <c r="BPL153" s="31"/>
      <c r="BPM153" s="31"/>
      <c r="BPN153" s="31"/>
      <c r="BPO153" s="31"/>
      <c r="BPP153" s="31"/>
      <c r="BPQ153" s="31"/>
      <c r="BPR153" s="31"/>
      <c r="BPS153" s="31"/>
      <c r="BPT153" s="31"/>
      <c r="BPU153" s="31"/>
      <c r="BPV153" s="31"/>
      <c r="BPW153" s="31"/>
      <c r="BPX153" s="31"/>
      <c r="BPY153" s="31"/>
      <c r="BPZ153" s="31"/>
      <c r="BQA153" s="31"/>
      <c r="BQB153" s="31"/>
      <c r="BQC153" s="31"/>
      <c r="BQD153" s="31"/>
      <c r="BQE153" s="31"/>
      <c r="BQF153" s="31"/>
      <c r="BQG153" s="31"/>
      <c r="BQH153" s="31"/>
      <c r="BQI153" s="31"/>
      <c r="BQJ153" s="31"/>
      <c r="BQK153" s="31"/>
      <c r="BQL153" s="31"/>
      <c r="BQM153" s="31"/>
      <c r="BQN153" s="31"/>
      <c r="BQO153" s="31"/>
      <c r="BQP153" s="31"/>
      <c r="BQQ153" s="31"/>
      <c r="BQR153" s="31"/>
      <c r="BQS153" s="31"/>
      <c r="BQT153" s="31"/>
      <c r="BQU153" s="31"/>
      <c r="BQV153" s="31"/>
      <c r="BQW153" s="31"/>
      <c r="BQX153" s="31"/>
      <c r="BQY153" s="31"/>
      <c r="BQZ153" s="31"/>
      <c r="BRA153" s="31"/>
      <c r="BRB153" s="31"/>
      <c r="BRC153" s="31"/>
      <c r="BRD153" s="31"/>
      <c r="BRE153" s="31"/>
      <c r="BRF153" s="31"/>
      <c r="BRG153" s="31"/>
      <c r="BRH153" s="31"/>
      <c r="BRI153" s="31"/>
      <c r="BRJ153" s="31"/>
      <c r="BRK153" s="31"/>
      <c r="BRL153" s="31"/>
      <c r="BRM153" s="31"/>
      <c r="BRN153" s="31"/>
      <c r="BRO153" s="31"/>
      <c r="BRP153" s="31"/>
      <c r="BRQ153" s="31"/>
      <c r="BRR153" s="31"/>
      <c r="BRS153" s="31"/>
      <c r="BRT153" s="31"/>
      <c r="BRU153" s="31"/>
      <c r="BRV153" s="31"/>
      <c r="BRW153" s="31"/>
      <c r="BRX153" s="31"/>
      <c r="BRY153" s="31"/>
      <c r="BRZ153" s="31"/>
      <c r="BSA153" s="31"/>
      <c r="BSB153" s="31"/>
      <c r="BSC153" s="31"/>
      <c r="BSD153" s="31"/>
      <c r="BSE153" s="31"/>
      <c r="BSF153" s="31"/>
      <c r="BSG153" s="31"/>
      <c r="BSH153" s="31"/>
      <c r="BSI153" s="31"/>
      <c r="BSJ153" s="31"/>
      <c r="BSK153" s="31"/>
      <c r="BSL153" s="31"/>
      <c r="BSM153" s="31"/>
      <c r="BSN153" s="31"/>
      <c r="BSO153" s="31"/>
      <c r="BSP153" s="31"/>
      <c r="BSQ153" s="31"/>
      <c r="BSR153" s="31"/>
      <c r="BSS153" s="31"/>
      <c r="BST153" s="31"/>
      <c r="BSU153" s="31"/>
      <c r="BSV153" s="31"/>
      <c r="BSW153" s="31"/>
      <c r="BSX153" s="31"/>
      <c r="BSY153" s="31"/>
      <c r="BSZ153" s="31"/>
      <c r="BTA153" s="31"/>
      <c r="BTB153" s="31"/>
      <c r="BTC153" s="31"/>
      <c r="BTD153" s="31"/>
      <c r="BTE153" s="31"/>
      <c r="BTF153" s="31"/>
      <c r="BTG153" s="31"/>
      <c r="BTH153" s="31"/>
      <c r="BTI153" s="31"/>
      <c r="BTJ153" s="31"/>
      <c r="BTK153" s="31"/>
      <c r="BTL153" s="31"/>
      <c r="BTM153" s="31"/>
      <c r="BTN153" s="31"/>
      <c r="BTO153" s="31"/>
      <c r="BTP153" s="31"/>
      <c r="BTQ153" s="31"/>
      <c r="BTR153" s="31"/>
      <c r="BTS153" s="31"/>
      <c r="BTT153" s="31"/>
      <c r="BTU153" s="31"/>
      <c r="BTV153" s="31"/>
      <c r="BTW153" s="31"/>
      <c r="BTX153" s="31"/>
      <c r="BTY153" s="31"/>
      <c r="BTZ153" s="31"/>
      <c r="BUA153" s="31"/>
      <c r="BUB153" s="31"/>
      <c r="BUC153" s="31"/>
      <c r="BUD153" s="31"/>
      <c r="BUE153" s="31"/>
      <c r="BUF153" s="31"/>
      <c r="BUG153" s="31"/>
      <c r="BUH153" s="31"/>
      <c r="BUI153" s="31"/>
      <c r="BUJ153" s="31"/>
      <c r="BUK153" s="31"/>
      <c r="BUL153" s="31"/>
      <c r="BUM153" s="31"/>
      <c r="BUN153" s="31"/>
      <c r="BUO153" s="31"/>
      <c r="BUP153" s="31"/>
      <c r="BUQ153" s="31"/>
      <c r="BUR153" s="31"/>
      <c r="BUS153" s="31"/>
      <c r="BUT153" s="31"/>
      <c r="BUU153" s="31"/>
      <c r="BUV153" s="31"/>
      <c r="BUW153" s="31"/>
      <c r="BUX153" s="31"/>
      <c r="BUY153" s="31"/>
      <c r="BUZ153" s="31"/>
      <c r="BVA153" s="31"/>
      <c r="BVB153" s="31"/>
      <c r="BVC153" s="31"/>
      <c r="BVD153" s="31"/>
      <c r="BVE153" s="31"/>
      <c r="BVF153" s="31"/>
      <c r="BVG153" s="31"/>
      <c r="BVH153" s="31"/>
      <c r="BVI153" s="31"/>
      <c r="BVJ153" s="31"/>
      <c r="BVK153" s="31"/>
      <c r="BVL153" s="31"/>
      <c r="BVM153" s="31"/>
      <c r="BVN153" s="31"/>
      <c r="BVO153" s="31"/>
      <c r="BVP153" s="31"/>
      <c r="BVQ153" s="31"/>
      <c r="BVR153" s="31"/>
      <c r="BVS153" s="31"/>
      <c r="BVT153" s="31"/>
      <c r="BVU153" s="31"/>
      <c r="BVV153" s="31"/>
      <c r="BVW153" s="31"/>
      <c r="BVX153" s="31"/>
      <c r="BVY153" s="31"/>
      <c r="BVZ153" s="31"/>
      <c r="BWA153" s="31"/>
      <c r="BWB153" s="31"/>
      <c r="BWC153" s="31"/>
      <c r="BWD153" s="31"/>
      <c r="BWE153" s="31"/>
      <c r="BWF153" s="31"/>
      <c r="BWG153" s="31"/>
      <c r="BWH153" s="31"/>
      <c r="BWI153" s="31"/>
      <c r="BWJ153" s="31"/>
      <c r="BWK153" s="31"/>
      <c r="BWL153" s="31"/>
      <c r="BWM153" s="31"/>
      <c r="BWN153" s="31"/>
      <c r="BWO153" s="31"/>
      <c r="BWP153" s="31"/>
      <c r="BWQ153" s="31"/>
      <c r="BWR153" s="31"/>
      <c r="BWS153" s="31"/>
      <c r="BWT153" s="31"/>
      <c r="BWU153" s="31"/>
      <c r="BWV153" s="31"/>
      <c r="BWW153" s="31"/>
      <c r="BWX153" s="31"/>
      <c r="BWY153" s="31"/>
      <c r="BWZ153" s="31"/>
      <c r="BXA153" s="31"/>
      <c r="BXB153" s="31"/>
      <c r="BXC153" s="31"/>
      <c r="BXD153" s="31"/>
      <c r="BXE153" s="31"/>
      <c r="BXF153" s="31"/>
      <c r="BXG153" s="31"/>
      <c r="BXH153" s="31"/>
      <c r="BXI153" s="31"/>
      <c r="BXJ153" s="31"/>
      <c r="BXK153" s="31"/>
      <c r="BXL153" s="31"/>
      <c r="BXM153" s="31"/>
      <c r="BXN153" s="31"/>
      <c r="BXO153" s="31"/>
      <c r="BXP153" s="31"/>
      <c r="BXQ153" s="31"/>
      <c r="BXR153" s="31"/>
      <c r="BXS153" s="31"/>
      <c r="BXT153" s="31"/>
      <c r="BXU153" s="31"/>
      <c r="BXV153" s="31"/>
      <c r="BXW153" s="31"/>
      <c r="BXX153" s="31"/>
      <c r="BXY153" s="31"/>
      <c r="BXZ153" s="31"/>
      <c r="BYA153" s="31"/>
      <c r="BYB153" s="31"/>
      <c r="BYC153" s="31"/>
      <c r="BYD153" s="31"/>
      <c r="BYE153" s="31"/>
      <c r="BYF153" s="31"/>
      <c r="BYG153" s="31"/>
      <c r="BYH153" s="31"/>
      <c r="BYI153" s="31"/>
      <c r="BYJ153" s="31"/>
      <c r="BYK153" s="31"/>
      <c r="BYL153" s="31"/>
      <c r="BYM153" s="31"/>
      <c r="BYN153" s="31"/>
      <c r="BYO153" s="31"/>
      <c r="BYP153" s="31"/>
      <c r="BYQ153" s="31"/>
      <c r="BYR153" s="31"/>
      <c r="BYS153" s="31"/>
      <c r="BYT153" s="31"/>
      <c r="BYU153" s="31"/>
      <c r="BYV153" s="31"/>
      <c r="BYW153" s="31"/>
      <c r="BYX153" s="31"/>
      <c r="BYY153" s="31"/>
      <c r="BYZ153" s="31"/>
      <c r="BZA153" s="31"/>
      <c r="BZB153" s="31"/>
      <c r="BZC153" s="31"/>
      <c r="BZD153" s="31"/>
      <c r="BZE153" s="31"/>
      <c r="BZF153" s="31"/>
      <c r="BZG153" s="31"/>
      <c r="BZH153" s="31"/>
      <c r="BZI153" s="31"/>
      <c r="BZJ153" s="31"/>
      <c r="BZK153" s="31"/>
      <c r="BZL153" s="31"/>
      <c r="BZM153" s="31"/>
      <c r="BZN153" s="31"/>
      <c r="BZO153" s="31"/>
      <c r="BZP153" s="31"/>
      <c r="BZQ153" s="31"/>
      <c r="BZR153" s="31"/>
      <c r="BZS153" s="31"/>
      <c r="BZT153" s="31"/>
      <c r="BZU153" s="31"/>
      <c r="BZV153" s="31"/>
      <c r="BZW153" s="31"/>
      <c r="BZX153" s="31"/>
      <c r="BZY153" s="31"/>
      <c r="BZZ153" s="31"/>
      <c r="CAA153" s="31"/>
      <c r="CAB153" s="31"/>
      <c r="CAC153" s="31"/>
      <c r="CAD153" s="31"/>
      <c r="CAE153" s="31"/>
      <c r="CAF153" s="31"/>
      <c r="CAG153" s="31"/>
      <c r="CAH153" s="31"/>
      <c r="CAI153" s="31"/>
      <c r="CAJ153" s="31"/>
      <c r="CAK153" s="31"/>
      <c r="CAL153" s="31"/>
      <c r="CAM153" s="31"/>
      <c r="CAN153" s="31"/>
      <c r="CAO153" s="31"/>
      <c r="CAP153" s="31"/>
      <c r="CAQ153" s="31"/>
      <c r="CAR153" s="31"/>
      <c r="CAS153" s="31"/>
      <c r="CAT153" s="31"/>
      <c r="CAU153" s="31"/>
      <c r="CAV153" s="31"/>
      <c r="CAW153" s="31"/>
      <c r="CAX153" s="31"/>
      <c r="CAY153" s="31"/>
      <c r="CAZ153" s="31"/>
      <c r="CBA153" s="31"/>
      <c r="CBB153" s="31"/>
      <c r="CBC153" s="31"/>
      <c r="CBD153" s="31"/>
      <c r="CBE153" s="31"/>
      <c r="CBF153" s="31"/>
      <c r="CBG153" s="31"/>
      <c r="CBH153" s="31"/>
      <c r="CBI153" s="31"/>
      <c r="CBJ153" s="31"/>
      <c r="CBK153" s="31"/>
      <c r="CBL153" s="31"/>
      <c r="CBM153" s="31"/>
      <c r="CBN153" s="31"/>
      <c r="CBO153" s="31"/>
      <c r="CBP153" s="31"/>
      <c r="CBQ153" s="31"/>
      <c r="CBR153" s="31"/>
      <c r="CBS153" s="31"/>
      <c r="CBT153" s="31"/>
      <c r="CBU153" s="31"/>
      <c r="CBV153" s="31"/>
      <c r="CBW153" s="31"/>
      <c r="CBX153" s="31"/>
      <c r="CBY153" s="31"/>
      <c r="CBZ153" s="31"/>
      <c r="CCA153" s="31"/>
      <c r="CCB153" s="31"/>
      <c r="CCC153" s="31"/>
      <c r="CCD153" s="31"/>
      <c r="CCE153" s="31"/>
      <c r="CCF153" s="31"/>
      <c r="CCG153" s="31"/>
      <c r="CCH153" s="31"/>
      <c r="CCI153" s="31"/>
      <c r="CCJ153" s="31"/>
      <c r="CCK153" s="31"/>
      <c r="CCL153" s="31"/>
      <c r="CCM153" s="31"/>
      <c r="CCN153" s="31"/>
      <c r="CCO153" s="31"/>
      <c r="CCP153" s="31"/>
      <c r="CCQ153" s="31"/>
      <c r="CCR153" s="31"/>
      <c r="CCS153" s="31"/>
      <c r="CCT153" s="31"/>
      <c r="CCU153" s="31"/>
      <c r="CCV153" s="31"/>
      <c r="CCW153" s="31"/>
      <c r="CCX153" s="31"/>
      <c r="CCY153" s="31"/>
      <c r="CCZ153" s="31"/>
      <c r="CDA153" s="31"/>
      <c r="CDB153" s="31"/>
      <c r="CDC153" s="31"/>
      <c r="CDD153" s="31"/>
      <c r="CDE153" s="31"/>
      <c r="CDF153" s="31"/>
      <c r="CDG153" s="31"/>
      <c r="CDH153" s="31"/>
      <c r="CDI153" s="31"/>
      <c r="CDJ153" s="31"/>
      <c r="CDK153" s="31"/>
      <c r="CDL153" s="31"/>
      <c r="CDM153" s="31"/>
      <c r="CDN153" s="31"/>
      <c r="CDO153" s="31"/>
      <c r="CDP153" s="31"/>
      <c r="CDQ153" s="31"/>
      <c r="CDR153" s="31"/>
      <c r="CDS153" s="31"/>
      <c r="CDT153" s="31"/>
      <c r="CDU153" s="31"/>
      <c r="CDV153" s="31"/>
      <c r="CDW153" s="31"/>
      <c r="CDX153" s="31"/>
      <c r="CDY153" s="31"/>
      <c r="CDZ153" s="31"/>
      <c r="CEA153" s="31"/>
      <c r="CEB153" s="31"/>
      <c r="CEC153" s="31"/>
      <c r="CED153" s="31"/>
      <c r="CEE153" s="31"/>
      <c r="CEF153" s="31"/>
      <c r="CEG153" s="31"/>
      <c r="CEH153" s="31"/>
      <c r="CEI153" s="31"/>
      <c r="CEJ153" s="31"/>
      <c r="CEK153" s="31"/>
      <c r="CEL153" s="31"/>
      <c r="CEM153" s="31"/>
      <c r="CEN153" s="31"/>
      <c r="CEO153" s="31"/>
      <c r="CEP153" s="31"/>
      <c r="CEQ153" s="31"/>
      <c r="CER153" s="31"/>
      <c r="CES153" s="31"/>
      <c r="CET153" s="31"/>
      <c r="CEU153" s="31"/>
      <c r="CEV153" s="31"/>
      <c r="CEW153" s="31"/>
      <c r="CEX153" s="31"/>
      <c r="CEY153" s="31"/>
      <c r="CEZ153" s="31"/>
      <c r="CFA153" s="31"/>
      <c r="CFB153" s="31"/>
      <c r="CFC153" s="31"/>
      <c r="CFD153" s="31"/>
      <c r="CFE153" s="31"/>
      <c r="CFF153" s="31"/>
      <c r="CFG153" s="31"/>
      <c r="CFH153" s="31"/>
      <c r="CFI153" s="31"/>
      <c r="CFJ153" s="31"/>
      <c r="CFK153" s="31"/>
      <c r="CFL153" s="31"/>
      <c r="CFM153" s="31"/>
      <c r="CFN153" s="31"/>
      <c r="CFO153" s="31"/>
      <c r="CFP153" s="31"/>
      <c r="CFQ153" s="31"/>
      <c r="CFR153" s="31"/>
      <c r="CFS153" s="31"/>
      <c r="CFT153" s="31"/>
      <c r="CFU153" s="31"/>
      <c r="CFV153" s="31"/>
      <c r="CFW153" s="31"/>
      <c r="CFX153" s="31"/>
      <c r="CFY153" s="31"/>
      <c r="CFZ153" s="31"/>
      <c r="CGA153" s="31"/>
      <c r="CGB153" s="31"/>
      <c r="CGC153" s="31"/>
      <c r="CGD153" s="31"/>
      <c r="CGE153" s="31"/>
      <c r="CGF153" s="31"/>
      <c r="CGG153" s="31"/>
      <c r="CGH153" s="31"/>
      <c r="CGI153" s="31"/>
      <c r="CGJ153" s="31"/>
      <c r="CGK153" s="31"/>
      <c r="CGL153" s="31"/>
      <c r="CGM153" s="31"/>
      <c r="CGN153" s="31"/>
      <c r="CGO153" s="31"/>
      <c r="CGP153" s="31"/>
      <c r="CGQ153" s="31"/>
      <c r="CGR153" s="31"/>
      <c r="CGS153" s="31"/>
      <c r="CGT153" s="31"/>
      <c r="CGU153" s="31"/>
      <c r="CGV153" s="31"/>
      <c r="CGW153" s="31"/>
      <c r="CGX153" s="31"/>
      <c r="CGY153" s="31"/>
      <c r="CGZ153" s="31"/>
      <c r="CHA153" s="31"/>
      <c r="CHB153" s="31"/>
      <c r="CHC153" s="31"/>
      <c r="CHD153" s="31"/>
      <c r="CHE153" s="31"/>
      <c r="CHF153" s="31"/>
      <c r="CHG153" s="31"/>
      <c r="CHH153" s="31"/>
      <c r="CHI153" s="31"/>
      <c r="CHJ153" s="31"/>
      <c r="CHK153" s="31"/>
      <c r="CHL153" s="31"/>
      <c r="CHM153" s="31"/>
      <c r="CHN153" s="31"/>
      <c r="CHO153" s="31"/>
      <c r="CHP153" s="31"/>
      <c r="CHQ153" s="31"/>
      <c r="CHR153" s="31"/>
      <c r="CHS153" s="31"/>
      <c r="CHT153" s="31"/>
      <c r="CHU153" s="31"/>
      <c r="CHV153" s="31"/>
      <c r="CHW153" s="31"/>
      <c r="CHX153" s="31"/>
      <c r="CHY153" s="31"/>
      <c r="CHZ153" s="31"/>
      <c r="CIA153" s="31"/>
      <c r="CIB153" s="31"/>
      <c r="CIC153" s="31"/>
      <c r="CID153" s="31"/>
      <c r="CIE153" s="31"/>
      <c r="CIF153" s="31"/>
      <c r="CIG153" s="31"/>
      <c r="CIH153" s="31"/>
      <c r="CII153" s="31"/>
      <c r="CIJ153" s="31"/>
      <c r="CIK153" s="31"/>
      <c r="CIL153" s="31"/>
      <c r="CIM153" s="31"/>
      <c r="CIN153" s="31"/>
      <c r="CIO153" s="31"/>
      <c r="CIP153" s="31"/>
      <c r="CIQ153" s="31"/>
      <c r="CIR153" s="31"/>
      <c r="CIS153" s="31"/>
      <c r="CIT153" s="31"/>
      <c r="CIU153" s="31"/>
      <c r="CIV153" s="31"/>
      <c r="CIW153" s="31"/>
      <c r="CIX153" s="31"/>
      <c r="CIY153" s="31"/>
      <c r="CIZ153" s="31"/>
      <c r="CJA153" s="31"/>
      <c r="CJB153" s="31"/>
      <c r="CJC153" s="31"/>
      <c r="CJD153" s="31"/>
      <c r="CJE153" s="31"/>
      <c r="CJF153" s="31"/>
      <c r="CJG153" s="31"/>
      <c r="CJH153" s="31"/>
      <c r="CJI153" s="31"/>
      <c r="CJJ153" s="31"/>
      <c r="CJK153" s="31"/>
      <c r="CJL153" s="31"/>
      <c r="CJM153" s="31"/>
      <c r="CJN153" s="31"/>
      <c r="CJO153" s="31"/>
      <c r="CJP153" s="31"/>
      <c r="CJQ153" s="31"/>
      <c r="CJR153" s="31"/>
      <c r="CJS153" s="31"/>
      <c r="CJT153" s="31"/>
      <c r="CJU153" s="31"/>
      <c r="CJV153" s="31"/>
      <c r="CJW153" s="31"/>
      <c r="CJX153" s="31"/>
      <c r="CJY153" s="31"/>
      <c r="CJZ153" s="31"/>
      <c r="CKA153" s="31"/>
      <c r="CKB153" s="31"/>
      <c r="CKC153" s="31"/>
      <c r="CKD153" s="31"/>
      <c r="CKE153" s="31"/>
      <c r="CKF153" s="31"/>
      <c r="CKG153" s="31"/>
      <c r="CKH153" s="31"/>
      <c r="CKI153" s="31"/>
      <c r="CKJ153" s="31"/>
      <c r="CKK153" s="31"/>
      <c r="CKL153" s="31"/>
      <c r="CKM153" s="31"/>
      <c r="CKN153" s="31"/>
      <c r="CKO153" s="31"/>
      <c r="CKP153" s="31"/>
      <c r="CKQ153" s="31"/>
      <c r="CKR153" s="31"/>
      <c r="CKS153" s="31"/>
      <c r="CKT153" s="31"/>
      <c r="CKU153" s="31"/>
      <c r="CKV153" s="31"/>
      <c r="CKW153" s="31"/>
      <c r="CKX153" s="31"/>
      <c r="CKY153" s="31"/>
      <c r="CKZ153" s="31"/>
      <c r="CLA153" s="31"/>
      <c r="CLB153" s="31"/>
      <c r="CLC153" s="31"/>
      <c r="CLD153" s="31"/>
      <c r="CLE153" s="31"/>
      <c r="CLF153" s="31"/>
      <c r="CLG153" s="31"/>
      <c r="CLH153" s="31"/>
      <c r="CLI153" s="31"/>
      <c r="CLJ153" s="31"/>
      <c r="CLK153" s="31"/>
      <c r="CLL153" s="31"/>
      <c r="CLM153" s="31"/>
      <c r="CLN153" s="31"/>
      <c r="CLO153" s="31"/>
      <c r="CLP153" s="31"/>
      <c r="CLQ153" s="31"/>
      <c r="CLR153" s="31"/>
      <c r="CLS153" s="31"/>
      <c r="CLT153" s="31"/>
      <c r="CLU153" s="31"/>
      <c r="CLV153" s="31"/>
      <c r="CLW153" s="31"/>
      <c r="CLX153" s="31"/>
      <c r="CLY153" s="31"/>
      <c r="CLZ153" s="31"/>
      <c r="CMA153" s="31"/>
      <c r="CMB153" s="31"/>
      <c r="CMC153" s="31"/>
      <c r="CMD153" s="31"/>
      <c r="CME153" s="31"/>
      <c r="CMF153" s="31"/>
      <c r="CMG153" s="31"/>
      <c r="CMH153" s="31"/>
      <c r="CMI153" s="31"/>
      <c r="CMJ153" s="31"/>
      <c r="CMK153" s="31"/>
      <c r="CML153" s="31"/>
      <c r="CMM153" s="31"/>
      <c r="CMN153" s="31"/>
      <c r="CMO153" s="31"/>
      <c r="CMP153" s="31"/>
      <c r="CMQ153" s="31"/>
      <c r="CMR153" s="31"/>
      <c r="CMS153" s="31"/>
      <c r="CMT153" s="31"/>
      <c r="CMU153" s="31"/>
      <c r="CMV153" s="31"/>
      <c r="CMW153" s="31"/>
      <c r="CMX153" s="31"/>
      <c r="CMY153" s="31"/>
      <c r="CMZ153" s="31"/>
      <c r="CNA153" s="31"/>
      <c r="CNB153" s="31"/>
      <c r="CNC153" s="31"/>
      <c r="CND153" s="31"/>
      <c r="CNE153" s="31"/>
      <c r="CNF153" s="31"/>
      <c r="CNG153" s="31"/>
      <c r="CNH153" s="31"/>
      <c r="CNI153" s="31"/>
      <c r="CNJ153" s="31"/>
      <c r="CNK153" s="31"/>
      <c r="CNL153" s="31"/>
      <c r="CNM153" s="31"/>
      <c r="CNN153" s="31"/>
      <c r="CNO153" s="31"/>
      <c r="CNP153" s="31"/>
      <c r="CNQ153" s="31"/>
      <c r="CNR153" s="31"/>
      <c r="CNS153" s="31"/>
      <c r="CNT153" s="31"/>
      <c r="CNU153" s="31"/>
      <c r="CNV153" s="31"/>
      <c r="CNW153" s="31"/>
      <c r="CNX153" s="31"/>
      <c r="CNY153" s="31"/>
      <c r="CNZ153" s="31"/>
      <c r="COA153" s="31"/>
      <c r="COB153" s="31"/>
      <c r="COC153" s="31"/>
      <c r="COD153" s="31"/>
      <c r="COE153" s="31"/>
      <c r="COF153" s="31"/>
      <c r="COG153" s="31"/>
      <c r="COH153" s="31"/>
      <c r="COI153" s="31"/>
      <c r="COJ153" s="31"/>
      <c r="COK153" s="31"/>
      <c r="COL153" s="31"/>
      <c r="COM153" s="31"/>
      <c r="CON153" s="31"/>
      <c r="COO153" s="31"/>
      <c r="COP153" s="31"/>
      <c r="COQ153" s="31"/>
      <c r="COR153" s="31"/>
      <c r="COS153" s="31"/>
      <c r="COT153" s="31"/>
      <c r="COU153" s="31"/>
      <c r="COV153" s="31"/>
      <c r="COW153" s="31"/>
      <c r="COX153" s="31"/>
      <c r="COY153" s="31"/>
      <c r="COZ153" s="31"/>
      <c r="CPA153" s="31"/>
      <c r="CPB153" s="31"/>
      <c r="CPC153" s="31"/>
      <c r="CPD153" s="31"/>
      <c r="CPE153" s="31"/>
      <c r="CPF153" s="31"/>
      <c r="CPG153" s="31"/>
      <c r="CPH153" s="31"/>
      <c r="CPI153" s="31"/>
      <c r="CPJ153" s="31"/>
      <c r="CPK153" s="31"/>
      <c r="CPL153" s="31"/>
      <c r="CPM153" s="31"/>
      <c r="CPN153" s="31"/>
      <c r="CPO153" s="31"/>
      <c r="CPP153" s="31"/>
      <c r="CPQ153" s="31"/>
      <c r="CPR153" s="31"/>
      <c r="CPS153" s="31"/>
      <c r="CPT153" s="31"/>
      <c r="CPU153" s="31"/>
      <c r="CPV153" s="31"/>
      <c r="CPW153" s="31"/>
      <c r="CPX153" s="31"/>
      <c r="CPY153" s="31"/>
      <c r="CPZ153" s="31"/>
      <c r="CQA153" s="31"/>
      <c r="CQB153" s="31"/>
      <c r="CQC153" s="31"/>
      <c r="CQD153" s="31"/>
      <c r="CQE153" s="31"/>
      <c r="CQF153" s="31"/>
      <c r="CQG153" s="31"/>
      <c r="CQH153" s="31"/>
      <c r="CQI153" s="31"/>
      <c r="CQJ153" s="31"/>
      <c r="CQK153" s="31"/>
      <c r="CQL153" s="31"/>
      <c r="CQM153" s="31"/>
      <c r="CQN153" s="31"/>
      <c r="CQO153" s="31"/>
      <c r="CQP153" s="31"/>
      <c r="CQQ153" s="31"/>
      <c r="CQR153" s="31"/>
      <c r="CQS153" s="31"/>
      <c r="CQT153" s="31"/>
      <c r="CQU153" s="31"/>
      <c r="CQV153" s="31"/>
      <c r="CQW153" s="31"/>
      <c r="CQX153" s="31"/>
      <c r="CQY153" s="31"/>
      <c r="CQZ153" s="31"/>
      <c r="CRA153" s="31"/>
      <c r="CRB153" s="31"/>
      <c r="CRC153" s="31"/>
      <c r="CRD153" s="31"/>
      <c r="CRE153" s="31"/>
      <c r="CRF153" s="31"/>
      <c r="CRG153" s="31"/>
      <c r="CRH153" s="31"/>
      <c r="CRI153" s="31"/>
      <c r="CRJ153" s="31"/>
      <c r="CRK153" s="31"/>
      <c r="CRL153" s="31"/>
      <c r="CRM153" s="31"/>
      <c r="CRN153" s="31"/>
      <c r="CRO153" s="31"/>
      <c r="CRP153" s="31"/>
      <c r="CRQ153" s="31"/>
      <c r="CRR153" s="31"/>
      <c r="CRS153" s="31"/>
      <c r="CRT153" s="31"/>
      <c r="CRU153" s="31"/>
      <c r="CRV153" s="31"/>
      <c r="CRW153" s="31"/>
      <c r="CRX153" s="31"/>
      <c r="CRY153" s="31"/>
      <c r="CRZ153" s="31"/>
      <c r="CSA153" s="31"/>
      <c r="CSB153" s="31"/>
      <c r="CSC153" s="31"/>
      <c r="CSD153" s="31"/>
      <c r="CSE153" s="31"/>
      <c r="CSF153" s="31"/>
      <c r="CSG153" s="31"/>
      <c r="CSH153" s="31"/>
      <c r="CSI153" s="31"/>
      <c r="CSJ153" s="31"/>
      <c r="CSK153" s="31"/>
      <c r="CSL153" s="31"/>
      <c r="CSM153" s="31"/>
      <c r="CSN153" s="31"/>
      <c r="CSO153" s="31"/>
      <c r="CSP153" s="31"/>
      <c r="CSQ153" s="31"/>
      <c r="CSR153" s="31"/>
      <c r="CSS153" s="31"/>
      <c r="CST153" s="31"/>
      <c r="CSU153" s="31"/>
      <c r="CSV153" s="31"/>
      <c r="CSW153" s="31"/>
      <c r="CSX153" s="31"/>
      <c r="CSY153" s="31"/>
      <c r="CSZ153" s="31"/>
      <c r="CTA153" s="31"/>
      <c r="CTB153" s="31"/>
      <c r="CTC153" s="31"/>
      <c r="CTD153" s="31"/>
      <c r="CTE153" s="31"/>
      <c r="CTF153" s="31"/>
      <c r="CTG153" s="31"/>
      <c r="CTH153" s="31"/>
      <c r="CTI153" s="31"/>
      <c r="CTJ153" s="31"/>
      <c r="CTK153" s="31"/>
      <c r="CTL153" s="31"/>
      <c r="CTM153" s="31"/>
      <c r="CTN153" s="31"/>
      <c r="CTO153" s="31"/>
      <c r="CTP153" s="31"/>
      <c r="CTQ153" s="31"/>
      <c r="CTR153" s="31"/>
      <c r="CTS153" s="31"/>
      <c r="CTT153" s="31"/>
      <c r="CTU153" s="31"/>
      <c r="CTV153" s="31"/>
      <c r="CTW153" s="31"/>
      <c r="CTX153" s="31"/>
      <c r="CTY153" s="31"/>
      <c r="CTZ153" s="31"/>
      <c r="CUA153" s="31"/>
      <c r="CUB153" s="31"/>
      <c r="CUC153" s="31"/>
      <c r="CUD153" s="31"/>
      <c r="CUE153" s="31"/>
      <c r="CUF153" s="31"/>
      <c r="CUG153" s="31"/>
      <c r="CUH153" s="31"/>
      <c r="CUI153" s="31"/>
      <c r="CUJ153" s="31"/>
      <c r="CUK153" s="31"/>
      <c r="CUL153" s="31"/>
      <c r="CUM153" s="31"/>
      <c r="CUN153" s="31"/>
      <c r="CUO153" s="31"/>
      <c r="CUP153" s="31"/>
      <c r="CUQ153" s="31"/>
      <c r="CUR153" s="31"/>
      <c r="CUS153" s="31"/>
      <c r="CUT153" s="31"/>
      <c r="CUU153" s="31"/>
      <c r="CUV153" s="31"/>
      <c r="CUW153" s="31"/>
      <c r="CUX153" s="31"/>
      <c r="CUY153" s="31"/>
      <c r="CUZ153" s="31"/>
      <c r="CVA153" s="31"/>
      <c r="CVB153" s="31"/>
      <c r="CVC153" s="31"/>
      <c r="CVD153" s="31"/>
      <c r="CVE153" s="31"/>
      <c r="CVF153" s="31"/>
      <c r="CVG153" s="31"/>
      <c r="CVH153" s="31"/>
      <c r="CVI153" s="31"/>
      <c r="CVJ153" s="31"/>
      <c r="CVK153" s="31"/>
      <c r="CVL153" s="31"/>
      <c r="CVM153" s="31"/>
      <c r="CVN153" s="31"/>
      <c r="CVO153" s="31"/>
      <c r="CVP153" s="31"/>
      <c r="CVQ153" s="31"/>
      <c r="CVR153" s="31"/>
      <c r="CVS153" s="31"/>
      <c r="CVT153" s="31"/>
      <c r="CVU153" s="31"/>
      <c r="CVV153" s="31"/>
      <c r="CVW153" s="31"/>
      <c r="CVX153" s="31"/>
      <c r="CVY153" s="31"/>
      <c r="CVZ153" s="31"/>
      <c r="CWA153" s="31"/>
      <c r="CWB153" s="31"/>
      <c r="CWC153" s="31"/>
      <c r="CWD153" s="31"/>
      <c r="CWE153" s="31"/>
      <c r="CWF153" s="31"/>
      <c r="CWG153" s="31"/>
      <c r="CWH153" s="31"/>
      <c r="CWI153" s="31"/>
      <c r="CWJ153" s="31"/>
      <c r="CWK153" s="31"/>
      <c r="CWL153" s="31"/>
      <c r="CWM153" s="31"/>
      <c r="CWN153" s="31"/>
      <c r="CWO153" s="31"/>
      <c r="CWP153" s="31"/>
      <c r="CWQ153" s="31"/>
      <c r="CWR153" s="31"/>
      <c r="CWS153" s="31"/>
      <c r="CWT153" s="31"/>
      <c r="CWU153" s="31"/>
      <c r="CWV153" s="31"/>
      <c r="CWW153" s="31"/>
      <c r="CWX153" s="31"/>
      <c r="CWY153" s="31"/>
      <c r="CWZ153" s="31"/>
      <c r="CXA153" s="31"/>
      <c r="CXB153" s="31"/>
      <c r="CXC153" s="31"/>
      <c r="CXD153" s="31"/>
      <c r="CXE153" s="31"/>
      <c r="CXF153" s="31"/>
      <c r="CXG153" s="31"/>
      <c r="CXH153" s="31"/>
      <c r="CXI153" s="31"/>
      <c r="CXJ153" s="31"/>
      <c r="CXK153" s="31"/>
      <c r="CXL153" s="31"/>
      <c r="CXM153" s="31"/>
      <c r="CXN153" s="31"/>
      <c r="CXO153" s="31"/>
      <c r="CXP153" s="31"/>
      <c r="CXQ153" s="31"/>
      <c r="CXR153" s="31"/>
      <c r="CXS153" s="31"/>
      <c r="CXT153" s="31"/>
      <c r="CXU153" s="31"/>
      <c r="CXV153" s="31"/>
      <c r="CXW153" s="31"/>
      <c r="CXX153" s="31"/>
      <c r="CXY153" s="31"/>
      <c r="CXZ153" s="31"/>
      <c r="CYA153" s="31"/>
      <c r="CYB153" s="31"/>
      <c r="CYC153" s="31"/>
      <c r="CYD153" s="31"/>
      <c r="CYE153" s="31"/>
      <c r="CYF153" s="31"/>
      <c r="CYG153" s="31"/>
      <c r="CYH153" s="31"/>
      <c r="CYI153" s="31"/>
      <c r="CYJ153" s="31"/>
      <c r="CYK153" s="31"/>
      <c r="CYL153" s="31"/>
      <c r="CYM153" s="31"/>
      <c r="CYN153" s="31"/>
      <c r="CYO153" s="31"/>
      <c r="CYP153" s="31"/>
      <c r="CYQ153" s="31"/>
      <c r="CYR153" s="31"/>
      <c r="CYS153" s="31"/>
      <c r="CYT153" s="31"/>
      <c r="CYU153" s="31"/>
      <c r="CYV153" s="31"/>
      <c r="CYW153" s="31"/>
      <c r="CYX153" s="31"/>
      <c r="CYY153" s="31"/>
      <c r="CYZ153" s="31"/>
      <c r="CZA153" s="31"/>
      <c r="CZB153" s="31"/>
      <c r="CZC153" s="31"/>
      <c r="CZD153" s="31"/>
      <c r="CZE153" s="31"/>
      <c r="CZF153" s="31"/>
      <c r="CZG153" s="31"/>
      <c r="CZH153" s="31"/>
      <c r="CZI153" s="31"/>
      <c r="CZJ153" s="31"/>
      <c r="CZK153" s="31"/>
      <c r="CZL153" s="31"/>
      <c r="CZM153" s="31"/>
      <c r="CZN153" s="31"/>
      <c r="CZO153" s="31"/>
      <c r="CZP153" s="31"/>
      <c r="CZQ153" s="31"/>
      <c r="CZR153" s="31"/>
      <c r="CZS153" s="31"/>
      <c r="CZT153" s="31"/>
      <c r="CZU153" s="31"/>
      <c r="CZV153" s="31"/>
      <c r="CZW153" s="31"/>
      <c r="CZX153" s="31"/>
      <c r="CZY153" s="31"/>
      <c r="CZZ153" s="31"/>
      <c r="DAA153" s="31"/>
      <c r="DAB153" s="31"/>
      <c r="DAC153" s="31"/>
      <c r="DAD153" s="31"/>
      <c r="DAE153" s="31"/>
      <c r="DAF153" s="31"/>
      <c r="DAG153" s="31"/>
      <c r="DAH153" s="31"/>
      <c r="DAI153" s="31"/>
      <c r="DAJ153" s="31"/>
      <c r="DAK153" s="31"/>
      <c r="DAL153" s="31"/>
      <c r="DAM153" s="31"/>
      <c r="DAN153" s="31"/>
      <c r="DAO153" s="31"/>
      <c r="DAP153" s="31"/>
      <c r="DAQ153" s="31"/>
      <c r="DAR153" s="31"/>
      <c r="DAS153" s="31"/>
      <c r="DAT153" s="31"/>
      <c r="DAU153" s="31"/>
      <c r="DAV153" s="31"/>
      <c r="DAW153" s="31"/>
      <c r="DAX153" s="31"/>
      <c r="DAY153" s="31"/>
      <c r="DAZ153" s="31"/>
      <c r="DBA153" s="31"/>
      <c r="DBB153" s="31"/>
      <c r="DBC153" s="31"/>
      <c r="DBD153" s="31"/>
      <c r="DBE153" s="31"/>
      <c r="DBF153" s="31"/>
      <c r="DBG153" s="31"/>
      <c r="DBH153" s="31"/>
      <c r="DBI153" s="31"/>
      <c r="DBJ153" s="31"/>
      <c r="DBK153" s="31"/>
      <c r="DBL153" s="31"/>
      <c r="DBM153" s="31"/>
      <c r="DBN153" s="31"/>
      <c r="DBO153" s="31"/>
      <c r="DBP153" s="31"/>
      <c r="DBQ153" s="31"/>
      <c r="DBR153" s="31"/>
      <c r="DBS153" s="31"/>
      <c r="DBT153" s="31"/>
      <c r="DBU153" s="31"/>
      <c r="DBV153" s="31"/>
      <c r="DBW153" s="31"/>
      <c r="DBX153" s="31"/>
      <c r="DBY153" s="31"/>
      <c r="DBZ153" s="31"/>
      <c r="DCA153" s="31"/>
      <c r="DCB153" s="31"/>
      <c r="DCC153" s="31"/>
      <c r="DCD153" s="31"/>
      <c r="DCE153" s="31"/>
      <c r="DCF153" s="31"/>
      <c r="DCG153" s="31"/>
      <c r="DCH153" s="31"/>
      <c r="DCI153" s="31"/>
      <c r="DCJ153" s="31"/>
      <c r="DCK153" s="31"/>
      <c r="DCL153" s="31"/>
      <c r="DCM153" s="31"/>
      <c r="DCN153" s="31"/>
      <c r="DCO153" s="31"/>
      <c r="DCP153" s="31"/>
      <c r="DCQ153" s="31"/>
      <c r="DCR153" s="31"/>
      <c r="DCS153" s="31"/>
      <c r="DCT153" s="31"/>
      <c r="DCU153" s="31"/>
      <c r="DCV153" s="31"/>
      <c r="DCW153" s="31"/>
      <c r="DCX153" s="31"/>
      <c r="DCY153" s="31"/>
      <c r="DCZ153" s="31"/>
      <c r="DDA153" s="31"/>
      <c r="DDB153" s="31"/>
      <c r="DDC153" s="31"/>
      <c r="DDD153" s="31"/>
      <c r="DDE153" s="31"/>
      <c r="DDF153" s="31"/>
      <c r="DDG153" s="31"/>
      <c r="DDH153" s="31"/>
      <c r="DDI153" s="31"/>
      <c r="DDJ153" s="31"/>
      <c r="DDK153" s="31"/>
      <c r="DDL153" s="31"/>
      <c r="DDM153" s="31"/>
      <c r="DDN153" s="31"/>
      <c r="DDO153" s="31"/>
      <c r="DDP153" s="31"/>
      <c r="DDQ153" s="31"/>
      <c r="DDR153" s="31"/>
      <c r="DDS153" s="31"/>
      <c r="DDT153" s="31"/>
      <c r="DDU153" s="31"/>
      <c r="DDV153" s="31"/>
      <c r="DDW153" s="31"/>
      <c r="DDX153" s="31"/>
      <c r="DDY153" s="31"/>
      <c r="DDZ153" s="31"/>
      <c r="DEA153" s="31"/>
      <c r="DEB153" s="31"/>
      <c r="DEC153" s="31"/>
      <c r="DED153" s="31"/>
      <c r="DEE153" s="31"/>
      <c r="DEF153" s="31"/>
      <c r="DEG153" s="31"/>
      <c r="DEH153" s="31"/>
      <c r="DEI153" s="31"/>
      <c r="DEJ153" s="31"/>
      <c r="DEK153" s="31"/>
      <c r="DEL153" s="31"/>
      <c r="DEM153" s="31"/>
      <c r="DEN153" s="31"/>
      <c r="DEO153" s="31"/>
      <c r="DEP153" s="31"/>
      <c r="DEQ153" s="31"/>
      <c r="DER153" s="31"/>
      <c r="DES153" s="31"/>
      <c r="DET153" s="31"/>
      <c r="DEU153" s="31"/>
      <c r="DEV153" s="31"/>
      <c r="DEW153" s="31"/>
      <c r="DEX153" s="31"/>
      <c r="DEY153" s="31"/>
      <c r="DEZ153" s="31"/>
      <c r="DFA153" s="31"/>
      <c r="DFB153" s="31"/>
      <c r="DFC153" s="31"/>
      <c r="DFD153" s="31"/>
      <c r="DFE153" s="31"/>
      <c r="DFF153" s="31"/>
      <c r="DFG153" s="31"/>
      <c r="DFH153" s="31"/>
      <c r="DFI153" s="31"/>
      <c r="DFJ153" s="31"/>
      <c r="DFK153" s="31"/>
      <c r="DFL153" s="31"/>
      <c r="DFM153" s="31"/>
      <c r="DFN153" s="31"/>
      <c r="DFO153" s="31"/>
      <c r="DFP153" s="31"/>
      <c r="DFQ153" s="31"/>
      <c r="DFR153" s="31"/>
      <c r="DFS153" s="31"/>
      <c r="DFT153" s="31"/>
      <c r="DFU153" s="31"/>
      <c r="DFV153" s="31"/>
      <c r="DFW153" s="31"/>
      <c r="DFX153" s="31"/>
      <c r="DFY153" s="31"/>
      <c r="DFZ153" s="31"/>
      <c r="DGA153" s="31"/>
      <c r="DGB153" s="31"/>
      <c r="DGC153" s="31"/>
      <c r="DGD153" s="31"/>
      <c r="DGE153" s="31"/>
      <c r="DGF153" s="31"/>
      <c r="DGG153" s="31"/>
      <c r="DGH153" s="31"/>
      <c r="DGI153" s="31"/>
      <c r="DGJ153" s="31"/>
      <c r="DGK153" s="31"/>
      <c r="DGL153" s="31"/>
      <c r="DGM153" s="31"/>
      <c r="DGN153" s="31"/>
      <c r="DGO153" s="31"/>
      <c r="DGP153" s="31"/>
      <c r="DGQ153" s="31"/>
      <c r="DGR153" s="31"/>
      <c r="DGS153" s="31"/>
      <c r="DGT153" s="31"/>
      <c r="DGU153" s="31"/>
      <c r="DGV153" s="31"/>
      <c r="DGW153" s="31"/>
      <c r="DGX153" s="31"/>
      <c r="DGY153" s="31"/>
      <c r="DGZ153" s="31"/>
      <c r="DHA153" s="31"/>
      <c r="DHB153" s="31"/>
      <c r="DHC153" s="31"/>
      <c r="DHD153" s="31"/>
      <c r="DHE153" s="31"/>
      <c r="DHF153" s="31"/>
      <c r="DHG153" s="31"/>
      <c r="DHH153" s="31"/>
      <c r="DHI153" s="31"/>
      <c r="DHJ153" s="31"/>
      <c r="DHK153" s="31"/>
      <c r="DHL153" s="31"/>
      <c r="DHM153" s="31"/>
      <c r="DHN153" s="31"/>
      <c r="DHO153" s="31"/>
      <c r="DHP153" s="31"/>
      <c r="DHQ153" s="31"/>
      <c r="DHR153" s="31"/>
      <c r="DHS153" s="31"/>
      <c r="DHT153" s="31"/>
      <c r="DHU153" s="31"/>
      <c r="DHV153" s="31"/>
      <c r="DHW153" s="31"/>
      <c r="DHX153" s="31"/>
      <c r="DHY153" s="31"/>
      <c r="DHZ153" s="31"/>
      <c r="DIA153" s="31"/>
      <c r="DIB153" s="31"/>
      <c r="DIC153" s="31"/>
      <c r="DID153" s="31"/>
      <c r="DIE153" s="31"/>
      <c r="DIF153" s="31"/>
      <c r="DIG153" s="31"/>
      <c r="DIH153" s="31"/>
      <c r="DII153" s="31"/>
      <c r="DIJ153" s="31"/>
      <c r="DIK153" s="31"/>
      <c r="DIL153" s="31"/>
      <c r="DIM153" s="31"/>
      <c r="DIN153" s="31"/>
      <c r="DIO153" s="31"/>
      <c r="DIP153" s="31"/>
      <c r="DIQ153" s="31"/>
      <c r="DIR153" s="31"/>
      <c r="DIS153" s="31"/>
      <c r="DIT153" s="31"/>
      <c r="DIU153" s="31"/>
      <c r="DIV153" s="31"/>
      <c r="DIW153" s="31"/>
      <c r="DIX153" s="31"/>
      <c r="DIY153" s="31"/>
      <c r="DIZ153" s="31"/>
      <c r="DJA153" s="31"/>
      <c r="DJB153" s="31"/>
      <c r="DJC153" s="31"/>
      <c r="DJD153" s="31"/>
      <c r="DJE153" s="31"/>
      <c r="DJF153" s="31"/>
      <c r="DJG153" s="31"/>
      <c r="DJH153" s="31"/>
      <c r="DJI153" s="31"/>
      <c r="DJJ153" s="31"/>
      <c r="DJK153" s="31"/>
      <c r="DJL153" s="31"/>
      <c r="DJM153" s="31"/>
      <c r="DJN153" s="31"/>
      <c r="DJO153" s="31"/>
      <c r="DJP153" s="31"/>
      <c r="DJQ153" s="31"/>
      <c r="DJR153" s="31"/>
      <c r="DJS153" s="31"/>
      <c r="DJT153" s="31"/>
      <c r="DJU153" s="31"/>
      <c r="DJV153" s="31"/>
      <c r="DJW153" s="31"/>
      <c r="DJX153" s="31"/>
      <c r="DJY153" s="31"/>
      <c r="DJZ153" s="31"/>
      <c r="DKA153" s="31"/>
      <c r="DKB153" s="31"/>
      <c r="DKC153" s="31"/>
      <c r="DKD153" s="31"/>
      <c r="DKE153" s="31"/>
      <c r="DKF153" s="31"/>
      <c r="DKG153" s="31"/>
      <c r="DKH153" s="31"/>
      <c r="DKI153" s="31"/>
      <c r="DKJ153" s="31"/>
      <c r="DKK153" s="31"/>
      <c r="DKL153" s="31"/>
      <c r="DKM153" s="31"/>
      <c r="DKN153" s="31"/>
      <c r="DKO153" s="31"/>
      <c r="DKP153" s="31"/>
      <c r="DKQ153" s="31"/>
      <c r="DKR153" s="31"/>
      <c r="DKS153" s="31"/>
      <c r="DKT153" s="31"/>
      <c r="DKU153" s="31"/>
      <c r="DKV153" s="31"/>
      <c r="DKW153" s="31"/>
      <c r="DKX153" s="31"/>
      <c r="DKY153" s="31"/>
      <c r="DKZ153" s="31"/>
      <c r="DLA153" s="31"/>
      <c r="DLB153" s="31"/>
      <c r="DLC153" s="31"/>
      <c r="DLD153" s="31"/>
      <c r="DLE153" s="31"/>
      <c r="DLF153" s="31"/>
      <c r="DLG153" s="31"/>
      <c r="DLH153" s="31"/>
      <c r="DLI153" s="31"/>
      <c r="DLJ153" s="31"/>
      <c r="DLK153" s="31"/>
      <c r="DLL153" s="31"/>
      <c r="DLM153" s="31"/>
      <c r="DLN153" s="31"/>
      <c r="DLO153" s="31"/>
      <c r="DLP153" s="31"/>
      <c r="DLQ153" s="31"/>
      <c r="DLR153" s="31"/>
      <c r="DLS153" s="31"/>
      <c r="DLT153" s="31"/>
      <c r="DLU153" s="31"/>
      <c r="DLV153" s="31"/>
      <c r="DLW153" s="31"/>
      <c r="DLX153" s="31"/>
      <c r="DLY153" s="31"/>
      <c r="DLZ153" s="31"/>
      <c r="DMA153" s="31"/>
      <c r="DMB153" s="31"/>
      <c r="DMC153" s="31"/>
      <c r="DMD153" s="31"/>
      <c r="DME153" s="31"/>
      <c r="DMF153" s="31"/>
      <c r="DMG153" s="31"/>
      <c r="DMH153" s="31"/>
      <c r="DMI153" s="31"/>
      <c r="DMJ153" s="31"/>
      <c r="DMK153" s="31"/>
      <c r="DML153" s="31"/>
      <c r="DMM153" s="31"/>
      <c r="DMN153" s="31"/>
      <c r="DMO153" s="31"/>
      <c r="DMP153" s="31"/>
      <c r="DMQ153" s="31"/>
      <c r="DMR153" s="31"/>
      <c r="DMS153" s="31"/>
      <c r="DMT153" s="31"/>
      <c r="DMU153" s="31"/>
      <c r="DMV153" s="31"/>
      <c r="DMW153" s="31"/>
      <c r="DMX153" s="31"/>
      <c r="DMY153" s="31"/>
      <c r="DMZ153" s="31"/>
      <c r="DNA153" s="31"/>
      <c r="DNB153" s="31"/>
      <c r="DNC153" s="31"/>
      <c r="DND153" s="31"/>
      <c r="DNE153" s="31"/>
      <c r="DNF153" s="31"/>
      <c r="DNG153" s="31"/>
      <c r="DNH153" s="31"/>
      <c r="DNI153" s="31"/>
      <c r="DNJ153" s="31"/>
      <c r="DNK153" s="31"/>
      <c r="DNL153" s="31"/>
      <c r="DNM153" s="31"/>
      <c r="DNN153" s="31"/>
      <c r="DNO153" s="31"/>
      <c r="DNP153" s="31"/>
      <c r="DNQ153" s="31"/>
      <c r="DNR153" s="31"/>
      <c r="DNS153" s="31"/>
      <c r="DNT153" s="31"/>
      <c r="DNU153" s="31"/>
      <c r="DNV153" s="31"/>
      <c r="DNW153" s="31"/>
      <c r="DNX153" s="31"/>
      <c r="DNY153" s="31"/>
      <c r="DNZ153" s="31"/>
      <c r="DOA153" s="31"/>
      <c r="DOB153" s="31"/>
      <c r="DOC153" s="31"/>
      <c r="DOD153" s="31"/>
      <c r="DOE153" s="31"/>
      <c r="DOF153" s="31"/>
      <c r="DOG153" s="31"/>
      <c r="DOH153" s="31"/>
      <c r="DOI153" s="31"/>
      <c r="DOJ153" s="31"/>
      <c r="DOK153" s="31"/>
      <c r="DOL153" s="31"/>
      <c r="DOM153" s="31"/>
      <c r="DON153" s="31"/>
      <c r="DOO153" s="31"/>
      <c r="DOP153" s="31"/>
      <c r="DOQ153" s="31"/>
      <c r="DOR153" s="31"/>
      <c r="DOS153" s="31"/>
      <c r="DOT153" s="31"/>
      <c r="DOU153" s="31"/>
      <c r="DOV153" s="31"/>
      <c r="DOW153" s="31"/>
      <c r="DOX153" s="31"/>
      <c r="DOY153" s="31"/>
      <c r="DOZ153" s="31"/>
      <c r="DPA153" s="31"/>
      <c r="DPB153" s="31"/>
      <c r="DPC153" s="31"/>
      <c r="DPD153" s="31"/>
      <c r="DPE153" s="31"/>
      <c r="DPF153" s="31"/>
      <c r="DPG153" s="31"/>
      <c r="DPH153" s="31"/>
      <c r="DPI153" s="31"/>
      <c r="DPJ153" s="31"/>
      <c r="DPK153" s="31"/>
      <c r="DPL153" s="31"/>
      <c r="DPM153" s="31"/>
      <c r="DPN153" s="31"/>
      <c r="DPO153" s="31"/>
      <c r="DPP153" s="31"/>
      <c r="DPQ153" s="31"/>
      <c r="DPR153" s="31"/>
      <c r="DPS153" s="31"/>
      <c r="DPT153" s="31"/>
      <c r="DPU153" s="31"/>
      <c r="DPV153" s="31"/>
      <c r="DPW153" s="31"/>
      <c r="DPX153" s="31"/>
      <c r="DPY153" s="31"/>
      <c r="DPZ153" s="31"/>
      <c r="DQA153" s="31"/>
      <c r="DQB153" s="31"/>
      <c r="DQC153" s="31"/>
      <c r="DQD153" s="31"/>
      <c r="DQE153" s="31"/>
      <c r="DQF153" s="31"/>
      <c r="DQG153" s="31"/>
      <c r="DQH153" s="31"/>
      <c r="DQI153" s="31"/>
      <c r="DQJ153" s="31"/>
      <c r="DQK153" s="31"/>
      <c r="DQL153" s="31"/>
      <c r="DQM153" s="31"/>
      <c r="DQN153" s="31"/>
      <c r="DQO153" s="31"/>
      <c r="DQP153" s="31"/>
      <c r="DQQ153" s="31"/>
      <c r="DQR153" s="31"/>
      <c r="DQS153" s="31"/>
      <c r="DQT153" s="31"/>
      <c r="DQU153" s="31"/>
      <c r="DQV153" s="31"/>
      <c r="DQW153" s="31"/>
      <c r="DQX153" s="31"/>
      <c r="DQY153" s="31"/>
      <c r="DQZ153" s="31"/>
      <c r="DRA153" s="31"/>
      <c r="DRB153" s="31"/>
      <c r="DRC153" s="31"/>
      <c r="DRD153" s="31"/>
      <c r="DRE153" s="31"/>
      <c r="DRF153" s="31"/>
      <c r="DRG153" s="31"/>
      <c r="DRH153" s="31"/>
      <c r="DRI153" s="31"/>
      <c r="DRJ153" s="31"/>
      <c r="DRK153" s="31"/>
      <c r="DRL153" s="31"/>
      <c r="DRM153" s="31"/>
      <c r="DRN153" s="31"/>
      <c r="DRO153" s="31"/>
      <c r="DRP153" s="31"/>
      <c r="DRQ153" s="31"/>
      <c r="DRR153" s="31"/>
      <c r="DRS153" s="31"/>
      <c r="DRT153" s="31"/>
      <c r="DRU153" s="31"/>
      <c r="DRV153" s="31"/>
      <c r="DRW153" s="31"/>
      <c r="DRX153" s="31"/>
      <c r="DRY153" s="31"/>
      <c r="DRZ153" s="31"/>
      <c r="DSA153" s="31"/>
      <c r="DSB153" s="31"/>
      <c r="DSC153" s="31"/>
      <c r="DSD153" s="31"/>
      <c r="DSE153" s="31"/>
      <c r="DSF153" s="31"/>
      <c r="DSG153" s="31"/>
      <c r="DSH153" s="31"/>
      <c r="DSI153" s="31"/>
      <c r="DSJ153" s="31"/>
      <c r="DSK153" s="31"/>
      <c r="DSL153" s="31"/>
      <c r="DSM153" s="31"/>
      <c r="DSN153" s="31"/>
      <c r="DSO153" s="31"/>
      <c r="DSP153" s="31"/>
      <c r="DSQ153" s="31"/>
      <c r="DSR153" s="31"/>
      <c r="DSS153" s="31"/>
      <c r="DST153" s="31"/>
      <c r="DSU153" s="31"/>
      <c r="DSV153" s="31"/>
      <c r="DSW153" s="31"/>
      <c r="DSX153" s="31"/>
      <c r="DSY153" s="31"/>
      <c r="DSZ153" s="31"/>
      <c r="DTA153" s="31"/>
      <c r="DTB153" s="31"/>
      <c r="DTC153" s="31"/>
      <c r="DTD153" s="31"/>
      <c r="DTE153" s="31"/>
      <c r="DTF153" s="31"/>
      <c r="DTG153" s="31"/>
      <c r="DTH153" s="31"/>
      <c r="DTI153" s="31"/>
      <c r="DTJ153" s="31"/>
      <c r="DTK153" s="31"/>
      <c r="DTL153" s="31"/>
      <c r="DTM153" s="31"/>
      <c r="DTN153" s="31"/>
      <c r="DTO153" s="31"/>
      <c r="DTP153" s="31"/>
      <c r="DTQ153" s="31"/>
      <c r="DTR153" s="31"/>
      <c r="DTS153" s="31"/>
      <c r="DTT153" s="31"/>
      <c r="DTU153" s="31"/>
      <c r="DTV153" s="31"/>
      <c r="DTW153" s="31"/>
      <c r="DTX153" s="31"/>
      <c r="DTY153" s="31"/>
      <c r="DTZ153" s="31"/>
      <c r="DUA153" s="31"/>
      <c r="DUB153" s="31"/>
      <c r="DUC153" s="31"/>
      <c r="DUD153" s="31"/>
      <c r="DUE153" s="31"/>
      <c r="DUF153" s="31"/>
      <c r="DUG153" s="31"/>
      <c r="DUH153" s="31"/>
      <c r="DUI153" s="31"/>
      <c r="DUJ153" s="31"/>
      <c r="DUK153" s="31"/>
      <c r="DUL153" s="31"/>
      <c r="DUM153" s="31"/>
      <c r="DUN153" s="31"/>
      <c r="DUO153" s="31"/>
      <c r="DUP153" s="31"/>
      <c r="DUQ153" s="31"/>
      <c r="DUR153" s="31"/>
      <c r="DUS153" s="31"/>
      <c r="DUT153" s="31"/>
      <c r="DUU153" s="31"/>
      <c r="DUV153" s="31"/>
      <c r="DUW153" s="31"/>
      <c r="DUX153" s="31"/>
      <c r="DUY153" s="31"/>
      <c r="DUZ153" s="31"/>
      <c r="DVA153" s="31"/>
      <c r="DVB153" s="31"/>
      <c r="DVC153" s="31"/>
      <c r="DVD153" s="31"/>
      <c r="DVE153" s="31"/>
      <c r="DVF153" s="31"/>
      <c r="DVG153" s="31"/>
      <c r="DVH153" s="31"/>
      <c r="DVI153" s="31"/>
      <c r="DVJ153" s="31"/>
      <c r="DVK153" s="31"/>
      <c r="DVL153" s="31"/>
      <c r="DVM153" s="31"/>
      <c r="DVN153" s="31"/>
      <c r="DVO153" s="31"/>
      <c r="DVP153" s="31"/>
      <c r="DVQ153" s="31"/>
      <c r="DVR153" s="31"/>
      <c r="DVS153" s="31"/>
      <c r="DVT153" s="31"/>
      <c r="DVU153" s="31"/>
      <c r="DVV153" s="31"/>
      <c r="DVW153" s="31"/>
      <c r="DVX153" s="31"/>
      <c r="DVY153" s="31"/>
      <c r="DVZ153" s="31"/>
      <c r="DWA153" s="31"/>
      <c r="DWB153" s="31"/>
      <c r="DWC153" s="31"/>
      <c r="DWD153" s="31"/>
      <c r="DWE153" s="31"/>
      <c r="DWF153" s="31"/>
      <c r="DWG153" s="31"/>
      <c r="DWH153" s="31"/>
      <c r="DWI153" s="31"/>
      <c r="DWJ153" s="31"/>
      <c r="DWK153" s="31"/>
      <c r="DWL153" s="31"/>
      <c r="DWM153" s="31"/>
      <c r="DWN153" s="31"/>
      <c r="DWO153" s="31"/>
      <c r="DWP153" s="31"/>
      <c r="DWQ153" s="31"/>
      <c r="DWR153" s="31"/>
      <c r="DWS153" s="31"/>
      <c r="DWT153" s="31"/>
      <c r="DWU153" s="31"/>
      <c r="DWV153" s="31"/>
      <c r="DWW153" s="31"/>
      <c r="DWX153" s="31"/>
      <c r="DWY153" s="31"/>
      <c r="DWZ153" s="31"/>
      <c r="DXA153" s="31"/>
      <c r="DXB153" s="31"/>
      <c r="DXC153" s="31"/>
      <c r="DXD153" s="31"/>
      <c r="DXE153" s="31"/>
      <c r="DXF153" s="31"/>
      <c r="DXG153" s="31"/>
      <c r="DXH153" s="31"/>
      <c r="DXI153" s="31"/>
      <c r="DXJ153" s="31"/>
      <c r="DXK153" s="31"/>
      <c r="DXL153" s="31"/>
      <c r="DXM153" s="31"/>
      <c r="DXN153" s="31"/>
      <c r="DXO153" s="31"/>
      <c r="DXP153" s="31"/>
      <c r="DXQ153" s="31"/>
      <c r="DXR153" s="31"/>
      <c r="DXS153" s="31"/>
      <c r="DXT153" s="31"/>
      <c r="DXU153" s="31"/>
      <c r="DXV153" s="31"/>
      <c r="DXW153" s="31"/>
      <c r="DXX153" s="31"/>
      <c r="DXY153" s="31"/>
      <c r="DXZ153" s="31"/>
      <c r="DYA153" s="31"/>
      <c r="DYB153" s="31"/>
      <c r="DYC153" s="31"/>
      <c r="DYD153" s="31"/>
      <c r="DYE153" s="31"/>
      <c r="DYF153" s="31"/>
      <c r="DYG153" s="31"/>
      <c r="DYH153" s="31"/>
      <c r="DYI153" s="31"/>
      <c r="DYJ153" s="31"/>
      <c r="DYK153" s="31"/>
      <c r="DYL153" s="31"/>
      <c r="DYM153" s="31"/>
      <c r="DYN153" s="31"/>
      <c r="DYO153" s="31"/>
      <c r="DYP153" s="31"/>
      <c r="DYQ153" s="31"/>
      <c r="DYR153" s="31"/>
      <c r="DYS153" s="31"/>
      <c r="DYT153" s="31"/>
      <c r="DYU153" s="31"/>
      <c r="DYV153" s="31"/>
      <c r="DYW153" s="31"/>
      <c r="DYX153" s="31"/>
      <c r="DYY153" s="31"/>
      <c r="DYZ153" s="31"/>
      <c r="DZA153" s="31"/>
      <c r="DZB153" s="31"/>
      <c r="DZC153" s="31"/>
      <c r="DZD153" s="31"/>
      <c r="DZE153" s="31"/>
      <c r="DZF153" s="31"/>
      <c r="DZG153" s="31"/>
      <c r="DZH153" s="31"/>
      <c r="DZI153" s="31"/>
      <c r="DZJ153" s="31"/>
      <c r="DZK153" s="31"/>
      <c r="DZL153" s="31"/>
      <c r="DZM153" s="31"/>
      <c r="DZN153" s="31"/>
      <c r="DZO153" s="31"/>
      <c r="DZP153" s="31"/>
      <c r="DZQ153" s="31"/>
      <c r="DZR153" s="31"/>
      <c r="DZS153" s="31"/>
      <c r="DZT153" s="31"/>
      <c r="DZU153" s="31"/>
      <c r="DZV153" s="31"/>
      <c r="DZW153" s="31"/>
      <c r="DZX153" s="31"/>
      <c r="DZY153" s="31"/>
      <c r="DZZ153" s="31"/>
      <c r="EAA153" s="31"/>
      <c r="EAB153" s="31"/>
      <c r="EAC153" s="31"/>
      <c r="EAD153" s="31"/>
      <c r="EAE153" s="31"/>
      <c r="EAF153" s="31"/>
      <c r="EAG153" s="31"/>
      <c r="EAH153" s="31"/>
      <c r="EAI153" s="31"/>
      <c r="EAJ153" s="31"/>
      <c r="EAK153" s="31"/>
      <c r="EAL153" s="31"/>
      <c r="EAM153" s="31"/>
      <c r="EAN153" s="31"/>
      <c r="EAO153" s="31"/>
      <c r="EAP153" s="31"/>
      <c r="EAQ153" s="31"/>
      <c r="EAR153" s="31"/>
      <c r="EAS153" s="31"/>
      <c r="EAT153" s="31"/>
      <c r="EAU153" s="31"/>
      <c r="EAV153" s="31"/>
      <c r="EAW153" s="31"/>
      <c r="EAX153" s="31"/>
      <c r="EAY153" s="31"/>
      <c r="EAZ153" s="31"/>
      <c r="EBA153" s="31"/>
      <c r="EBB153" s="31"/>
      <c r="EBC153" s="31"/>
      <c r="EBD153" s="31"/>
      <c r="EBE153" s="31"/>
      <c r="EBF153" s="31"/>
      <c r="EBG153" s="31"/>
      <c r="EBH153" s="31"/>
      <c r="EBI153" s="31"/>
      <c r="EBJ153" s="31"/>
      <c r="EBK153" s="31"/>
      <c r="EBL153" s="31"/>
      <c r="EBM153" s="31"/>
      <c r="EBN153" s="31"/>
      <c r="EBO153" s="31"/>
      <c r="EBP153" s="31"/>
      <c r="EBQ153" s="31"/>
      <c r="EBR153" s="31"/>
      <c r="EBS153" s="31"/>
      <c r="EBT153" s="31"/>
      <c r="EBU153" s="31"/>
      <c r="EBV153" s="31"/>
      <c r="EBW153" s="31"/>
      <c r="EBX153" s="31"/>
      <c r="EBY153" s="31"/>
      <c r="EBZ153" s="31"/>
      <c r="ECA153" s="31"/>
      <c r="ECB153" s="31"/>
      <c r="ECC153" s="31"/>
      <c r="ECD153" s="31"/>
      <c r="ECE153" s="31"/>
      <c r="ECF153" s="31"/>
      <c r="ECG153" s="31"/>
      <c r="ECH153" s="31"/>
      <c r="ECI153" s="31"/>
      <c r="ECJ153" s="31"/>
      <c r="ECK153" s="31"/>
      <c r="ECL153" s="31"/>
      <c r="ECM153" s="31"/>
      <c r="ECN153" s="31"/>
      <c r="ECO153" s="31"/>
      <c r="ECP153" s="31"/>
      <c r="ECQ153" s="31"/>
      <c r="ECR153" s="31"/>
      <c r="ECS153" s="31"/>
      <c r="ECT153" s="31"/>
      <c r="ECU153" s="31"/>
      <c r="ECV153" s="31"/>
      <c r="ECW153" s="31"/>
      <c r="ECX153" s="31"/>
      <c r="ECY153" s="31"/>
      <c r="ECZ153" s="31"/>
      <c r="EDA153" s="31"/>
      <c r="EDB153" s="31"/>
      <c r="EDC153" s="31"/>
      <c r="EDD153" s="31"/>
      <c r="EDE153" s="31"/>
      <c r="EDF153" s="31"/>
      <c r="EDG153" s="31"/>
      <c r="EDH153" s="31"/>
      <c r="EDI153" s="31"/>
      <c r="EDJ153" s="31"/>
      <c r="EDK153" s="31"/>
      <c r="EDL153" s="31"/>
      <c r="EDM153" s="31"/>
      <c r="EDN153" s="31"/>
      <c r="EDO153" s="31"/>
      <c r="EDP153" s="31"/>
      <c r="EDQ153" s="31"/>
      <c r="EDR153" s="31"/>
      <c r="EDS153" s="31"/>
      <c r="EDT153" s="31"/>
      <c r="EDU153" s="31"/>
      <c r="EDV153" s="31"/>
      <c r="EDW153" s="31"/>
      <c r="EDX153" s="31"/>
      <c r="EDY153" s="31"/>
      <c r="EDZ153" s="31"/>
      <c r="EEA153" s="31"/>
      <c r="EEB153" s="31"/>
      <c r="EEC153" s="31"/>
      <c r="EED153" s="31"/>
      <c r="EEE153" s="31"/>
      <c r="EEF153" s="31"/>
      <c r="EEG153" s="31"/>
      <c r="EEH153" s="31"/>
      <c r="EEI153" s="31"/>
      <c r="EEJ153" s="31"/>
      <c r="EEK153" s="31"/>
      <c r="EEL153" s="31"/>
      <c r="EEM153" s="31"/>
      <c r="EEN153" s="31"/>
      <c r="EEO153" s="31"/>
      <c r="EEP153" s="31"/>
      <c r="EEQ153" s="31"/>
      <c r="EER153" s="31"/>
      <c r="EES153" s="31"/>
      <c r="EET153" s="31"/>
      <c r="EEU153" s="31"/>
      <c r="EEV153" s="31"/>
      <c r="EEW153" s="31"/>
      <c r="EEX153" s="31"/>
      <c r="EEY153" s="31"/>
      <c r="EEZ153" s="31"/>
      <c r="EFA153" s="31"/>
      <c r="EFB153" s="31"/>
      <c r="EFC153" s="31"/>
      <c r="EFD153" s="31"/>
      <c r="EFE153" s="31"/>
      <c r="EFF153" s="31"/>
      <c r="EFG153" s="31"/>
      <c r="EFH153" s="31"/>
      <c r="EFI153" s="31"/>
      <c r="EFJ153" s="31"/>
      <c r="EFK153" s="31"/>
      <c r="EFL153" s="31"/>
      <c r="EFM153" s="31"/>
      <c r="EFN153" s="31"/>
      <c r="EFO153" s="31"/>
      <c r="EFP153" s="31"/>
      <c r="EFQ153" s="31"/>
      <c r="EFR153" s="31"/>
      <c r="EFS153" s="31"/>
      <c r="EFT153" s="31"/>
      <c r="EFU153" s="31"/>
      <c r="EFV153" s="31"/>
      <c r="EFW153" s="31"/>
      <c r="EFX153" s="31"/>
      <c r="EFY153" s="31"/>
      <c r="EFZ153" s="31"/>
      <c r="EGA153" s="31"/>
      <c r="EGB153" s="31"/>
      <c r="EGC153" s="31"/>
      <c r="EGD153" s="31"/>
      <c r="EGE153" s="31"/>
      <c r="EGF153" s="31"/>
      <c r="EGG153" s="31"/>
      <c r="EGH153" s="31"/>
      <c r="EGI153" s="31"/>
      <c r="EGJ153" s="31"/>
      <c r="EGK153" s="31"/>
      <c r="EGL153" s="31"/>
      <c r="EGM153" s="31"/>
      <c r="EGN153" s="31"/>
      <c r="EGO153" s="31"/>
      <c r="EGP153" s="31"/>
      <c r="EGQ153" s="31"/>
      <c r="EGR153" s="31"/>
      <c r="EGS153" s="31"/>
      <c r="EGT153" s="31"/>
      <c r="EGU153" s="31"/>
      <c r="EGV153" s="31"/>
      <c r="EGW153" s="31"/>
      <c r="EGX153" s="31"/>
      <c r="EGY153" s="31"/>
      <c r="EGZ153" s="31"/>
      <c r="EHA153" s="31"/>
      <c r="EHB153" s="31"/>
      <c r="EHC153" s="31"/>
      <c r="EHD153" s="31"/>
      <c r="EHE153" s="31"/>
      <c r="EHF153" s="31"/>
      <c r="EHG153" s="31"/>
      <c r="EHH153" s="31"/>
      <c r="EHI153" s="31"/>
      <c r="EHJ153" s="31"/>
      <c r="EHK153" s="31"/>
      <c r="EHL153" s="31"/>
      <c r="EHM153" s="31"/>
      <c r="EHN153" s="31"/>
      <c r="EHO153" s="31"/>
      <c r="EHP153" s="31"/>
      <c r="EHQ153" s="31"/>
      <c r="EHR153" s="31"/>
      <c r="EHS153" s="31"/>
      <c r="EHT153" s="31"/>
      <c r="EHU153" s="31"/>
      <c r="EHV153" s="31"/>
      <c r="EHW153" s="31"/>
      <c r="EHX153" s="31"/>
      <c r="EHY153" s="31"/>
      <c r="EHZ153" s="31"/>
      <c r="EIA153" s="31"/>
      <c r="EIB153" s="31"/>
      <c r="EIC153" s="31"/>
      <c r="EID153" s="31"/>
      <c r="EIE153" s="31"/>
      <c r="EIF153" s="31"/>
      <c r="EIG153" s="31"/>
      <c r="EIH153" s="31"/>
      <c r="EII153" s="31"/>
      <c r="EIJ153" s="31"/>
      <c r="EIK153" s="31"/>
      <c r="EIL153" s="31"/>
      <c r="EIM153" s="31"/>
      <c r="EIN153" s="31"/>
      <c r="EIO153" s="31"/>
      <c r="EIP153" s="31"/>
      <c r="EIQ153" s="31"/>
      <c r="EIR153" s="31"/>
      <c r="EIS153" s="31"/>
      <c r="EIT153" s="31"/>
      <c r="EIU153" s="31"/>
      <c r="EIV153" s="31"/>
      <c r="EIW153" s="31"/>
      <c r="EIX153" s="31"/>
      <c r="EIY153" s="31"/>
      <c r="EIZ153" s="31"/>
      <c r="EJA153" s="31"/>
      <c r="EJB153" s="31"/>
      <c r="EJC153" s="31"/>
      <c r="EJD153" s="31"/>
      <c r="EJE153" s="31"/>
      <c r="EJF153" s="31"/>
      <c r="EJG153" s="31"/>
      <c r="EJH153" s="31"/>
      <c r="EJI153" s="31"/>
      <c r="EJJ153" s="31"/>
      <c r="EJK153" s="31"/>
      <c r="EJL153" s="31"/>
      <c r="EJM153" s="31"/>
      <c r="EJN153" s="31"/>
      <c r="EJO153" s="31"/>
      <c r="EJP153" s="31"/>
      <c r="EJQ153" s="31"/>
      <c r="EJR153" s="31"/>
      <c r="EJS153" s="31"/>
      <c r="EJT153" s="31"/>
      <c r="EJU153" s="31"/>
      <c r="EJV153" s="31"/>
      <c r="EJW153" s="31"/>
      <c r="EJX153" s="31"/>
      <c r="EJY153" s="31"/>
      <c r="EJZ153" s="31"/>
      <c r="EKA153" s="31"/>
      <c r="EKB153" s="31"/>
      <c r="EKC153" s="31"/>
      <c r="EKD153" s="31"/>
      <c r="EKE153" s="31"/>
      <c r="EKF153" s="31"/>
      <c r="EKG153" s="31"/>
      <c r="EKH153" s="31"/>
      <c r="EKI153" s="31"/>
      <c r="EKJ153" s="31"/>
      <c r="EKK153" s="31"/>
      <c r="EKL153" s="31"/>
      <c r="EKM153" s="31"/>
      <c r="EKN153" s="31"/>
      <c r="EKO153" s="31"/>
      <c r="EKP153" s="31"/>
      <c r="EKQ153" s="31"/>
      <c r="EKR153" s="31"/>
      <c r="EKS153" s="31"/>
      <c r="EKT153" s="31"/>
      <c r="EKU153" s="31"/>
      <c r="EKV153" s="31"/>
      <c r="EKW153" s="31"/>
      <c r="EKX153" s="31"/>
      <c r="EKY153" s="31"/>
      <c r="EKZ153" s="31"/>
      <c r="ELA153" s="31"/>
      <c r="ELB153" s="31"/>
      <c r="ELC153" s="31"/>
      <c r="ELD153" s="31"/>
      <c r="ELE153" s="31"/>
      <c r="ELF153" s="31"/>
      <c r="ELG153" s="31"/>
      <c r="ELH153" s="31"/>
      <c r="ELI153" s="31"/>
      <c r="ELJ153" s="31"/>
      <c r="ELK153" s="31"/>
      <c r="ELL153" s="31"/>
      <c r="ELM153" s="31"/>
      <c r="ELN153" s="31"/>
      <c r="ELO153" s="31"/>
      <c r="ELP153" s="31"/>
      <c r="ELQ153" s="31"/>
      <c r="ELR153" s="31"/>
      <c r="ELS153" s="31"/>
      <c r="ELT153" s="31"/>
      <c r="ELU153" s="31"/>
      <c r="ELV153" s="31"/>
      <c r="ELW153" s="31"/>
      <c r="ELX153" s="31"/>
      <c r="ELY153" s="31"/>
      <c r="ELZ153" s="31"/>
      <c r="EMA153" s="31"/>
      <c r="EMB153" s="31"/>
      <c r="EMC153" s="31"/>
      <c r="EMD153" s="31"/>
      <c r="EME153" s="31"/>
      <c r="EMF153" s="31"/>
      <c r="EMG153" s="31"/>
      <c r="EMH153" s="31"/>
      <c r="EMI153" s="31"/>
      <c r="EMJ153" s="31"/>
      <c r="EMK153" s="31"/>
      <c r="EML153" s="31"/>
      <c r="EMM153" s="31"/>
      <c r="EMN153" s="31"/>
      <c r="EMO153" s="31"/>
      <c r="EMP153" s="31"/>
      <c r="EMQ153" s="31"/>
      <c r="EMR153" s="31"/>
      <c r="EMS153" s="31"/>
      <c r="EMT153" s="31"/>
      <c r="EMU153" s="31"/>
      <c r="EMV153" s="31"/>
      <c r="EMW153" s="31"/>
      <c r="EMX153" s="31"/>
      <c r="EMY153" s="31"/>
      <c r="EMZ153" s="31"/>
      <c r="ENA153" s="31"/>
      <c r="ENB153" s="31"/>
      <c r="ENC153" s="31"/>
      <c r="END153" s="31"/>
      <c r="ENE153" s="31"/>
      <c r="ENF153" s="31"/>
      <c r="ENG153" s="31"/>
      <c r="ENH153" s="31"/>
      <c r="ENI153" s="31"/>
      <c r="ENJ153" s="31"/>
      <c r="ENK153" s="31"/>
      <c r="ENL153" s="31"/>
      <c r="ENM153" s="31"/>
      <c r="ENN153" s="31"/>
      <c r="ENO153" s="31"/>
      <c r="ENP153" s="31"/>
      <c r="ENQ153" s="31"/>
      <c r="ENR153" s="31"/>
      <c r="ENS153" s="31"/>
      <c r="ENT153" s="31"/>
      <c r="ENU153" s="31"/>
      <c r="ENV153" s="31"/>
      <c r="ENW153" s="31"/>
      <c r="ENX153" s="31"/>
      <c r="ENY153" s="31"/>
      <c r="ENZ153" s="31"/>
      <c r="EOA153" s="31"/>
      <c r="EOB153" s="31"/>
      <c r="EOC153" s="31"/>
      <c r="EOD153" s="31"/>
      <c r="EOE153" s="31"/>
      <c r="EOF153" s="31"/>
      <c r="EOG153" s="31"/>
      <c r="EOH153" s="31"/>
      <c r="EOI153" s="31"/>
      <c r="EOJ153" s="31"/>
      <c r="EOK153" s="31"/>
      <c r="EOL153" s="31"/>
      <c r="EOM153" s="31"/>
      <c r="EON153" s="31"/>
      <c r="EOO153" s="31"/>
      <c r="EOP153" s="31"/>
      <c r="EOQ153" s="31"/>
      <c r="EOR153" s="31"/>
      <c r="EOS153" s="31"/>
      <c r="EOT153" s="31"/>
      <c r="EOU153" s="31"/>
      <c r="EOV153" s="31"/>
      <c r="EOW153" s="31"/>
      <c r="EOX153" s="31"/>
      <c r="EOY153" s="31"/>
      <c r="EOZ153" s="31"/>
      <c r="EPA153" s="31"/>
      <c r="EPB153" s="31"/>
      <c r="EPC153" s="31"/>
      <c r="EPD153" s="31"/>
      <c r="EPE153" s="31"/>
      <c r="EPF153" s="31"/>
      <c r="EPG153" s="31"/>
      <c r="EPH153" s="31"/>
      <c r="EPI153" s="31"/>
      <c r="EPJ153" s="31"/>
      <c r="EPK153" s="31"/>
      <c r="EPL153" s="31"/>
      <c r="EPM153" s="31"/>
      <c r="EPN153" s="31"/>
      <c r="EPO153" s="31"/>
      <c r="EPP153" s="31"/>
      <c r="EPQ153" s="31"/>
      <c r="EPR153" s="31"/>
      <c r="EPS153" s="31"/>
      <c r="EPT153" s="31"/>
      <c r="EPU153" s="31"/>
      <c r="EPV153" s="31"/>
      <c r="EPW153" s="31"/>
      <c r="EPX153" s="31"/>
      <c r="EPY153" s="31"/>
      <c r="EPZ153" s="31"/>
      <c r="EQA153" s="31"/>
      <c r="EQB153" s="31"/>
      <c r="EQC153" s="31"/>
      <c r="EQD153" s="31"/>
      <c r="EQE153" s="31"/>
      <c r="EQF153" s="31"/>
      <c r="EQG153" s="31"/>
      <c r="EQH153" s="31"/>
      <c r="EQI153" s="31"/>
      <c r="EQJ153" s="31"/>
      <c r="EQK153" s="31"/>
      <c r="EQL153" s="31"/>
      <c r="EQM153" s="31"/>
      <c r="EQN153" s="31"/>
      <c r="EQO153" s="31"/>
      <c r="EQP153" s="31"/>
      <c r="EQQ153" s="31"/>
      <c r="EQR153" s="31"/>
      <c r="EQS153" s="31"/>
      <c r="EQT153" s="31"/>
      <c r="EQU153" s="31"/>
      <c r="EQV153" s="31"/>
      <c r="EQW153" s="31"/>
      <c r="EQX153" s="31"/>
      <c r="EQY153" s="31"/>
      <c r="EQZ153" s="31"/>
      <c r="ERA153" s="31"/>
      <c r="ERB153" s="31"/>
      <c r="ERC153" s="31"/>
      <c r="ERD153" s="31"/>
      <c r="ERE153" s="31"/>
      <c r="ERF153" s="31"/>
      <c r="ERG153" s="31"/>
      <c r="ERH153" s="31"/>
      <c r="ERI153" s="31"/>
      <c r="ERJ153" s="31"/>
      <c r="ERK153" s="31"/>
      <c r="ERL153" s="31"/>
      <c r="ERM153" s="31"/>
      <c r="ERN153" s="31"/>
      <c r="ERO153" s="31"/>
      <c r="ERP153" s="31"/>
      <c r="ERQ153" s="31"/>
      <c r="ERR153" s="31"/>
      <c r="ERS153" s="31"/>
      <c r="ERT153" s="31"/>
      <c r="ERU153" s="31"/>
      <c r="ERV153" s="31"/>
      <c r="ERW153" s="31"/>
      <c r="ERX153" s="31"/>
      <c r="ERY153" s="31"/>
      <c r="ERZ153" s="31"/>
      <c r="ESA153" s="31"/>
      <c r="ESB153" s="31"/>
      <c r="ESC153" s="31"/>
      <c r="ESD153" s="31"/>
      <c r="ESE153" s="31"/>
      <c r="ESF153" s="31"/>
      <c r="ESG153" s="31"/>
      <c r="ESH153" s="31"/>
      <c r="ESI153" s="31"/>
      <c r="ESJ153" s="31"/>
      <c r="ESK153" s="31"/>
      <c r="ESL153" s="31"/>
      <c r="ESM153" s="31"/>
      <c r="ESN153" s="31"/>
      <c r="ESO153" s="31"/>
      <c r="ESP153" s="31"/>
      <c r="ESQ153" s="31"/>
      <c r="ESR153" s="31"/>
      <c r="ESS153" s="31"/>
      <c r="EST153" s="31"/>
      <c r="ESU153" s="31"/>
      <c r="ESV153" s="31"/>
      <c r="ESW153" s="31"/>
      <c r="ESX153" s="31"/>
      <c r="ESY153" s="31"/>
      <c r="ESZ153" s="31"/>
      <c r="ETA153" s="31"/>
      <c r="ETB153" s="31"/>
      <c r="ETC153" s="31"/>
      <c r="ETD153" s="31"/>
      <c r="ETE153" s="31"/>
      <c r="ETF153" s="31"/>
      <c r="ETG153" s="31"/>
      <c r="ETH153" s="31"/>
      <c r="ETI153" s="31"/>
      <c r="ETJ153" s="31"/>
      <c r="ETK153" s="31"/>
      <c r="ETL153" s="31"/>
      <c r="ETM153" s="31"/>
      <c r="ETN153" s="31"/>
      <c r="ETO153" s="31"/>
      <c r="ETP153" s="31"/>
      <c r="ETQ153" s="31"/>
      <c r="ETR153" s="31"/>
      <c r="ETS153" s="31"/>
      <c r="ETT153" s="31"/>
      <c r="ETU153" s="31"/>
      <c r="ETV153" s="31"/>
      <c r="ETW153" s="31"/>
      <c r="ETX153" s="31"/>
      <c r="ETY153" s="31"/>
      <c r="ETZ153" s="31"/>
      <c r="EUA153" s="31"/>
      <c r="EUB153" s="31"/>
      <c r="EUC153" s="31"/>
      <c r="EUD153" s="31"/>
      <c r="EUE153" s="31"/>
      <c r="EUF153" s="31"/>
      <c r="EUG153" s="31"/>
      <c r="EUH153" s="31"/>
      <c r="EUI153" s="31"/>
      <c r="EUJ153" s="31"/>
      <c r="EUK153" s="31"/>
      <c r="EUL153" s="31"/>
      <c r="EUM153" s="31"/>
      <c r="EUN153" s="31"/>
      <c r="EUO153" s="31"/>
      <c r="EUP153" s="31"/>
      <c r="EUQ153" s="31"/>
      <c r="EUR153" s="31"/>
      <c r="EUS153" s="31"/>
      <c r="EUT153" s="31"/>
      <c r="EUU153" s="31"/>
      <c r="EUV153" s="31"/>
      <c r="EUW153" s="31"/>
      <c r="EUX153" s="31"/>
      <c r="EUY153" s="31"/>
      <c r="EUZ153" s="31"/>
      <c r="EVA153" s="31"/>
      <c r="EVB153" s="31"/>
      <c r="EVC153" s="31"/>
      <c r="EVD153" s="31"/>
      <c r="EVE153" s="31"/>
      <c r="EVF153" s="31"/>
      <c r="EVG153" s="31"/>
      <c r="EVH153" s="31"/>
      <c r="EVI153" s="31"/>
      <c r="EVJ153" s="31"/>
      <c r="EVK153" s="31"/>
      <c r="EVL153" s="31"/>
      <c r="EVM153" s="31"/>
      <c r="EVN153" s="31"/>
      <c r="EVO153" s="31"/>
      <c r="EVP153" s="31"/>
      <c r="EVQ153" s="31"/>
      <c r="EVR153" s="31"/>
      <c r="EVS153" s="31"/>
      <c r="EVT153" s="31"/>
      <c r="EVU153" s="31"/>
      <c r="EVV153" s="31"/>
      <c r="EVW153" s="31"/>
      <c r="EVX153" s="31"/>
      <c r="EVY153" s="31"/>
      <c r="EVZ153" s="31"/>
      <c r="EWA153" s="31"/>
      <c r="EWB153" s="31"/>
      <c r="EWC153" s="31"/>
      <c r="EWD153" s="31"/>
      <c r="EWE153" s="31"/>
      <c r="EWF153" s="31"/>
      <c r="EWG153" s="31"/>
      <c r="EWH153" s="31"/>
      <c r="EWI153" s="31"/>
      <c r="EWJ153" s="31"/>
      <c r="EWK153" s="31"/>
      <c r="EWL153" s="31"/>
      <c r="EWM153" s="31"/>
      <c r="EWN153" s="31"/>
      <c r="EWO153" s="31"/>
      <c r="EWP153" s="31"/>
      <c r="EWQ153" s="31"/>
      <c r="EWR153" s="31"/>
      <c r="EWS153" s="31"/>
      <c r="EWT153" s="31"/>
      <c r="EWU153" s="31"/>
      <c r="EWV153" s="31"/>
      <c r="EWW153" s="31"/>
      <c r="EWX153" s="31"/>
      <c r="EWY153" s="31"/>
      <c r="EWZ153" s="31"/>
      <c r="EXA153" s="31"/>
      <c r="EXB153" s="31"/>
      <c r="EXC153" s="31"/>
      <c r="EXD153" s="31"/>
      <c r="EXE153" s="31"/>
      <c r="EXF153" s="31"/>
      <c r="EXG153" s="31"/>
      <c r="EXH153" s="31"/>
      <c r="EXI153" s="31"/>
      <c r="EXJ153" s="31"/>
      <c r="EXK153" s="31"/>
      <c r="EXL153" s="31"/>
      <c r="EXM153" s="31"/>
      <c r="EXN153" s="31"/>
      <c r="EXO153" s="31"/>
      <c r="EXP153" s="31"/>
      <c r="EXQ153" s="31"/>
      <c r="EXR153" s="31"/>
      <c r="EXS153" s="31"/>
      <c r="EXT153" s="31"/>
      <c r="EXU153" s="31"/>
      <c r="EXV153" s="31"/>
      <c r="EXW153" s="31"/>
      <c r="EXX153" s="31"/>
      <c r="EXY153" s="31"/>
      <c r="EXZ153" s="31"/>
      <c r="EYA153" s="31"/>
      <c r="EYB153" s="31"/>
      <c r="EYC153" s="31"/>
      <c r="EYD153" s="31"/>
      <c r="EYE153" s="31"/>
      <c r="EYF153" s="31"/>
      <c r="EYG153" s="31"/>
      <c r="EYH153" s="31"/>
      <c r="EYI153" s="31"/>
      <c r="EYJ153" s="31"/>
      <c r="EYK153" s="31"/>
      <c r="EYL153" s="31"/>
      <c r="EYM153" s="31"/>
      <c r="EYN153" s="31"/>
      <c r="EYO153" s="31"/>
      <c r="EYP153" s="31"/>
      <c r="EYQ153" s="31"/>
      <c r="EYR153" s="31"/>
      <c r="EYS153" s="31"/>
      <c r="EYT153" s="31"/>
      <c r="EYU153" s="31"/>
      <c r="EYV153" s="31"/>
      <c r="EYW153" s="31"/>
      <c r="EYX153" s="31"/>
      <c r="EYY153" s="31"/>
      <c r="EYZ153" s="31"/>
      <c r="EZA153" s="31"/>
      <c r="EZB153" s="31"/>
      <c r="EZC153" s="31"/>
      <c r="EZD153" s="31"/>
      <c r="EZE153" s="31"/>
      <c r="EZF153" s="31"/>
      <c r="EZG153" s="31"/>
      <c r="EZH153" s="31"/>
      <c r="EZI153" s="31"/>
      <c r="EZJ153" s="31"/>
      <c r="EZK153" s="31"/>
      <c r="EZL153" s="31"/>
      <c r="EZM153" s="31"/>
      <c r="EZN153" s="31"/>
      <c r="EZO153" s="31"/>
      <c r="EZP153" s="31"/>
      <c r="EZQ153" s="31"/>
      <c r="EZR153" s="31"/>
      <c r="EZS153" s="31"/>
      <c r="EZT153" s="31"/>
      <c r="EZU153" s="31"/>
      <c r="EZV153" s="31"/>
      <c r="EZW153" s="31"/>
      <c r="EZX153" s="31"/>
      <c r="EZY153" s="31"/>
      <c r="EZZ153" s="31"/>
      <c r="FAA153" s="31"/>
      <c r="FAB153" s="31"/>
      <c r="FAC153" s="31"/>
      <c r="FAD153" s="31"/>
      <c r="FAE153" s="31"/>
      <c r="FAF153" s="31"/>
      <c r="FAG153" s="31"/>
      <c r="FAH153" s="31"/>
      <c r="FAI153" s="31"/>
      <c r="FAJ153" s="31"/>
      <c r="FAK153" s="31"/>
      <c r="FAL153" s="31"/>
      <c r="FAM153" s="31"/>
      <c r="FAN153" s="31"/>
      <c r="FAO153" s="31"/>
      <c r="FAP153" s="31"/>
      <c r="FAQ153" s="31"/>
      <c r="FAR153" s="31"/>
      <c r="FAS153" s="31"/>
      <c r="FAT153" s="31"/>
      <c r="FAU153" s="31"/>
      <c r="FAV153" s="31"/>
      <c r="FAW153" s="31"/>
      <c r="FAX153" s="31"/>
      <c r="FAY153" s="31"/>
      <c r="FAZ153" s="31"/>
      <c r="FBA153" s="31"/>
      <c r="FBB153" s="31"/>
      <c r="FBC153" s="31"/>
      <c r="FBD153" s="31"/>
      <c r="FBE153" s="31"/>
      <c r="FBF153" s="31"/>
      <c r="FBG153" s="31"/>
      <c r="FBH153" s="31"/>
      <c r="FBI153" s="31"/>
      <c r="FBJ153" s="31"/>
      <c r="FBK153" s="31"/>
      <c r="FBL153" s="31"/>
      <c r="FBM153" s="31"/>
      <c r="FBN153" s="31"/>
      <c r="FBO153" s="31"/>
      <c r="FBP153" s="31"/>
      <c r="FBQ153" s="31"/>
      <c r="FBR153" s="31"/>
      <c r="FBS153" s="31"/>
      <c r="FBT153" s="31"/>
      <c r="FBU153" s="31"/>
      <c r="FBV153" s="31"/>
      <c r="FBW153" s="31"/>
      <c r="FBX153" s="31"/>
      <c r="FBY153" s="31"/>
      <c r="FBZ153" s="31"/>
      <c r="FCA153" s="31"/>
      <c r="FCB153" s="31"/>
      <c r="FCC153" s="31"/>
      <c r="FCD153" s="31"/>
      <c r="FCE153" s="31"/>
      <c r="FCF153" s="31"/>
      <c r="FCG153" s="31"/>
      <c r="FCH153" s="31"/>
      <c r="FCI153" s="31"/>
      <c r="FCJ153" s="31"/>
      <c r="FCK153" s="31"/>
      <c r="FCL153" s="31"/>
      <c r="FCM153" s="31"/>
      <c r="FCN153" s="31"/>
      <c r="FCO153" s="31"/>
      <c r="FCP153" s="31"/>
      <c r="FCQ153" s="31"/>
      <c r="FCR153" s="31"/>
      <c r="FCS153" s="31"/>
      <c r="FCT153" s="31"/>
      <c r="FCU153" s="31"/>
      <c r="FCV153" s="31"/>
      <c r="FCW153" s="31"/>
      <c r="FCX153" s="31"/>
      <c r="FCY153" s="31"/>
      <c r="FCZ153" s="31"/>
      <c r="FDA153" s="31"/>
      <c r="FDB153" s="31"/>
      <c r="FDC153" s="31"/>
      <c r="FDD153" s="31"/>
      <c r="FDE153" s="31"/>
      <c r="FDF153" s="31"/>
      <c r="FDG153" s="31"/>
      <c r="FDH153" s="31"/>
      <c r="FDI153" s="31"/>
      <c r="FDJ153" s="31"/>
      <c r="FDK153" s="31"/>
      <c r="FDL153" s="31"/>
      <c r="FDM153" s="31"/>
      <c r="FDN153" s="31"/>
      <c r="FDO153" s="31"/>
      <c r="FDP153" s="31"/>
      <c r="FDQ153" s="31"/>
      <c r="FDR153" s="31"/>
      <c r="FDS153" s="31"/>
      <c r="FDT153" s="31"/>
      <c r="FDU153" s="31"/>
      <c r="FDV153" s="31"/>
      <c r="FDW153" s="31"/>
      <c r="FDX153" s="31"/>
      <c r="FDY153" s="31"/>
      <c r="FDZ153" s="31"/>
      <c r="FEA153" s="31"/>
      <c r="FEB153" s="31"/>
      <c r="FEC153" s="31"/>
      <c r="FED153" s="31"/>
      <c r="FEE153" s="31"/>
      <c r="FEF153" s="31"/>
      <c r="FEG153" s="31"/>
      <c r="FEH153" s="31"/>
      <c r="FEI153" s="31"/>
      <c r="FEJ153" s="31"/>
      <c r="FEK153" s="31"/>
      <c r="FEL153" s="31"/>
      <c r="FEM153" s="31"/>
      <c r="FEN153" s="31"/>
      <c r="FEO153" s="31"/>
      <c r="FEP153" s="31"/>
      <c r="FEQ153" s="31"/>
      <c r="FER153" s="31"/>
      <c r="FES153" s="31"/>
      <c r="FET153" s="31"/>
      <c r="FEU153" s="31"/>
      <c r="FEV153" s="31"/>
      <c r="FEW153" s="31"/>
      <c r="FEX153" s="31"/>
      <c r="FEY153" s="31"/>
      <c r="FEZ153" s="31"/>
      <c r="FFA153" s="31"/>
      <c r="FFB153" s="31"/>
      <c r="FFC153" s="31"/>
      <c r="FFD153" s="31"/>
      <c r="FFE153" s="31"/>
      <c r="FFF153" s="31"/>
      <c r="FFG153" s="31"/>
      <c r="FFH153" s="31"/>
      <c r="FFI153" s="31"/>
      <c r="FFJ153" s="31"/>
      <c r="FFK153" s="31"/>
      <c r="FFL153" s="31"/>
      <c r="FFM153" s="31"/>
      <c r="FFN153" s="31"/>
      <c r="FFO153" s="31"/>
      <c r="FFP153" s="31"/>
      <c r="FFQ153" s="31"/>
      <c r="FFR153" s="31"/>
      <c r="FFS153" s="31"/>
      <c r="FFT153" s="31"/>
      <c r="FFU153" s="31"/>
      <c r="FFV153" s="31"/>
      <c r="FFW153" s="31"/>
      <c r="FFX153" s="31"/>
      <c r="FFY153" s="31"/>
      <c r="FFZ153" s="31"/>
      <c r="FGA153" s="31"/>
      <c r="FGB153" s="31"/>
      <c r="FGC153" s="31"/>
      <c r="FGD153" s="31"/>
      <c r="FGE153" s="31"/>
      <c r="FGF153" s="31"/>
      <c r="FGG153" s="31"/>
      <c r="FGH153" s="31"/>
      <c r="FGI153" s="31"/>
      <c r="FGJ153" s="31"/>
      <c r="FGK153" s="31"/>
      <c r="FGL153" s="31"/>
      <c r="FGM153" s="31"/>
      <c r="FGN153" s="31"/>
      <c r="FGO153" s="31"/>
      <c r="FGP153" s="31"/>
      <c r="FGQ153" s="31"/>
      <c r="FGR153" s="31"/>
      <c r="FGS153" s="31"/>
      <c r="FGT153" s="31"/>
      <c r="FGU153" s="31"/>
      <c r="FGV153" s="31"/>
      <c r="FGW153" s="31"/>
      <c r="FGX153" s="31"/>
      <c r="FGY153" s="31"/>
      <c r="FGZ153" s="31"/>
      <c r="FHA153" s="31"/>
      <c r="FHB153" s="31"/>
      <c r="FHC153" s="31"/>
      <c r="FHD153" s="31"/>
      <c r="FHE153" s="31"/>
      <c r="FHF153" s="31"/>
      <c r="FHG153" s="31"/>
      <c r="FHH153" s="31"/>
      <c r="FHI153" s="31"/>
      <c r="FHJ153" s="31"/>
      <c r="FHK153" s="31"/>
      <c r="FHL153" s="31"/>
      <c r="FHM153" s="31"/>
      <c r="FHN153" s="31"/>
      <c r="FHO153" s="31"/>
      <c r="FHP153" s="31"/>
      <c r="FHQ153" s="31"/>
      <c r="FHR153" s="31"/>
      <c r="FHS153" s="31"/>
      <c r="FHT153" s="31"/>
      <c r="FHU153" s="31"/>
      <c r="FHV153" s="31"/>
      <c r="FHW153" s="31"/>
      <c r="FHX153" s="31"/>
      <c r="FHY153" s="31"/>
      <c r="FHZ153" s="31"/>
      <c r="FIA153" s="31"/>
      <c r="FIB153" s="31"/>
      <c r="FIC153" s="31"/>
      <c r="FID153" s="31"/>
      <c r="FIE153" s="31"/>
      <c r="FIF153" s="31"/>
      <c r="FIG153" s="31"/>
      <c r="FIH153" s="31"/>
      <c r="FII153" s="31"/>
      <c r="FIJ153" s="31"/>
      <c r="FIK153" s="31"/>
      <c r="FIL153" s="31"/>
      <c r="FIM153" s="31"/>
      <c r="FIN153" s="31"/>
      <c r="FIO153" s="31"/>
      <c r="FIP153" s="31"/>
      <c r="FIQ153" s="31"/>
      <c r="FIR153" s="31"/>
      <c r="FIS153" s="31"/>
      <c r="FIT153" s="31"/>
      <c r="FIU153" s="31"/>
      <c r="FIV153" s="31"/>
      <c r="FIW153" s="31"/>
      <c r="FIX153" s="31"/>
      <c r="FIY153" s="31"/>
      <c r="FIZ153" s="31"/>
      <c r="FJA153" s="31"/>
      <c r="FJB153" s="31"/>
      <c r="FJC153" s="31"/>
      <c r="FJD153" s="31"/>
      <c r="FJE153" s="31"/>
      <c r="FJF153" s="31"/>
      <c r="FJG153" s="31"/>
      <c r="FJH153" s="31"/>
      <c r="FJI153" s="31"/>
      <c r="FJJ153" s="31"/>
      <c r="FJK153" s="31"/>
      <c r="FJL153" s="31"/>
      <c r="FJM153" s="31"/>
      <c r="FJN153" s="31"/>
      <c r="FJO153" s="31"/>
      <c r="FJP153" s="31"/>
      <c r="FJQ153" s="31"/>
      <c r="FJR153" s="31"/>
      <c r="FJS153" s="31"/>
      <c r="FJT153" s="31"/>
      <c r="FJU153" s="31"/>
      <c r="FJV153" s="31"/>
      <c r="FJW153" s="31"/>
      <c r="FJX153" s="31"/>
      <c r="FJY153" s="31"/>
      <c r="FJZ153" s="31"/>
      <c r="FKA153" s="31"/>
      <c r="FKB153" s="31"/>
      <c r="FKC153" s="31"/>
      <c r="FKD153" s="31"/>
      <c r="FKE153" s="31"/>
      <c r="FKF153" s="31"/>
      <c r="FKG153" s="31"/>
      <c r="FKH153" s="31"/>
      <c r="FKI153" s="31"/>
      <c r="FKJ153" s="31"/>
      <c r="FKK153" s="31"/>
      <c r="FKL153" s="31"/>
      <c r="FKM153" s="31"/>
      <c r="FKN153" s="31"/>
      <c r="FKO153" s="31"/>
      <c r="FKP153" s="31"/>
      <c r="FKQ153" s="31"/>
      <c r="FKR153" s="31"/>
      <c r="FKS153" s="31"/>
      <c r="FKT153" s="31"/>
      <c r="FKU153" s="31"/>
      <c r="FKV153" s="31"/>
      <c r="FKW153" s="31"/>
      <c r="FKX153" s="31"/>
      <c r="FKY153" s="31"/>
      <c r="FKZ153" s="31"/>
      <c r="FLA153" s="31"/>
      <c r="FLB153" s="31"/>
      <c r="FLC153" s="31"/>
      <c r="FLD153" s="31"/>
      <c r="FLE153" s="31"/>
      <c r="FLF153" s="31"/>
      <c r="FLG153" s="31"/>
      <c r="FLH153" s="31"/>
      <c r="FLI153" s="31"/>
      <c r="FLJ153" s="31"/>
      <c r="FLK153" s="31"/>
      <c r="FLL153" s="31"/>
      <c r="FLM153" s="31"/>
      <c r="FLN153" s="31"/>
      <c r="FLO153" s="31"/>
      <c r="FLP153" s="31"/>
      <c r="FLQ153" s="31"/>
      <c r="FLR153" s="31"/>
      <c r="FLS153" s="31"/>
      <c r="FLT153" s="31"/>
      <c r="FLU153" s="31"/>
      <c r="FLV153" s="31"/>
      <c r="FLW153" s="31"/>
      <c r="FLX153" s="31"/>
      <c r="FLY153" s="31"/>
      <c r="FLZ153" s="31"/>
      <c r="FMA153" s="31"/>
      <c r="FMB153" s="31"/>
      <c r="FMC153" s="31"/>
      <c r="FMD153" s="31"/>
      <c r="FME153" s="31"/>
      <c r="FMF153" s="31"/>
      <c r="FMG153" s="31"/>
      <c r="FMH153" s="31"/>
      <c r="FMI153" s="31"/>
      <c r="FMJ153" s="31"/>
      <c r="FMK153" s="31"/>
      <c r="FML153" s="31"/>
      <c r="FMM153" s="31"/>
      <c r="FMN153" s="31"/>
      <c r="FMO153" s="31"/>
      <c r="FMP153" s="31"/>
      <c r="FMQ153" s="31"/>
      <c r="FMR153" s="31"/>
      <c r="FMS153" s="31"/>
      <c r="FMT153" s="31"/>
      <c r="FMU153" s="31"/>
      <c r="FMV153" s="31"/>
      <c r="FMW153" s="31"/>
      <c r="FMX153" s="31"/>
      <c r="FMY153" s="31"/>
      <c r="FMZ153" s="31"/>
      <c r="FNA153" s="31"/>
      <c r="FNB153" s="31"/>
      <c r="FNC153" s="31"/>
      <c r="FND153" s="31"/>
      <c r="FNE153" s="31"/>
      <c r="FNF153" s="31"/>
      <c r="FNG153" s="31"/>
      <c r="FNH153" s="31"/>
      <c r="FNI153" s="31"/>
      <c r="FNJ153" s="31"/>
      <c r="FNK153" s="31"/>
      <c r="FNL153" s="31"/>
      <c r="FNM153" s="31"/>
      <c r="FNN153" s="31"/>
      <c r="FNO153" s="31"/>
      <c r="FNP153" s="31"/>
      <c r="FNQ153" s="31"/>
      <c r="FNR153" s="31"/>
      <c r="FNS153" s="31"/>
      <c r="FNT153" s="31"/>
      <c r="FNU153" s="31"/>
      <c r="FNV153" s="31"/>
      <c r="FNW153" s="31"/>
      <c r="FNX153" s="31"/>
      <c r="FNY153" s="31"/>
      <c r="FNZ153" s="31"/>
      <c r="FOA153" s="31"/>
      <c r="FOB153" s="31"/>
      <c r="FOC153" s="31"/>
      <c r="FOD153" s="31"/>
      <c r="FOE153" s="31"/>
      <c r="FOF153" s="31"/>
      <c r="FOG153" s="31"/>
      <c r="FOH153" s="31"/>
      <c r="FOI153" s="31"/>
      <c r="FOJ153" s="31"/>
      <c r="FOK153" s="31"/>
      <c r="FOL153" s="31"/>
      <c r="FOM153" s="31"/>
      <c r="FON153" s="31"/>
      <c r="FOO153" s="31"/>
      <c r="FOP153" s="31"/>
      <c r="FOQ153" s="31"/>
      <c r="FOR153" s="31"/>
      <c r="FOS153" s="31"/>
      <c r="FOT153" s="31"/>
      <c r="FOU153" s="31"/>
      <c r="FOV153" s="31"/>
      <c r="FOW153" s="31"/>
      <c r="FOX153" s="31"/>
      <c r="FOY153" s="31"/>
      <c r="FOZ153" s="31"/>
      <c r="FPA153" s="31"/>
      <c r="FPB153" s="31"/>
      <c r="FPC153" s="31"/>
      <c r="FPD153" s="31"/>
      <c r="FPE153" s="31"/>
      <c r="FPF153" s="31"/>
      <c r="FPG153" s="31"/>
      <c r="FPH153" s="31"/>
      <c r="FPI153" s="31"/>
      <c r="FPJ153" s="31"/>
      <c r="FPK153" s="31"/>
      <c r="FPL153" s="31"/>
      <c r="FPM153" s="31"/>
      <c r="FPN153" s="31"/>
      <c r="FPO153" s="31"/>
      <c r="FPP153" s="31"/>
      <c r="FPQ153" s="31"/>
      <c r="FPR153" s="31"/>
      <c r="FPS153" s="31"/>
      <c r="FPT153" s="31"/>
      <c r="FPU153" s="31"/>
      <c r="FPV153" s="31"/>
      <c r="FPW153" s="31"/>
      <c r="FPX153" s="31"/>
      <c r="FPY153" s="31"/>
      <c r="FPZ153" s="31"/>
      <c r="FQA153" s="31"/>
      <c r="FQB153" s="31"/>
      <c r="FQC153" s="31"/>
      <c r="FQD153" s="31"/>
      <c r="FQE153" s="31"/>
      <c r="FQF153" s="31"/>
      <c r="FQG153" s="31"/>
      <c r="FQH153" s="31"/>
      <c r="FQI153" s="31"/>
      <c r="FQJ153" s="31"/>
      <c r="FQK153" s="31"/>
      <c r="FQL153" s="31"/>
      <c r="FQM153" s="31"/>
      <c r="FQN153" s="31"/>
      <c r="FQO153" s="31"/>
      <c r="FQP153" s="31"/>
      <c r="FQQ153" s="31"/>
      <c r="FQR153" s="31"/>
      <c r="FQS153" s="31"/>
      <c r="FQT153" s="31"/>
      <c r="FQU153" s="31"/>
      <c r="FQV153" s="31"/>
      <c r="FQW153" s="31"/>
      <c r="FQX153" s="31"/>
      <c r="FQY153" s="31"/>
      <c r="FQZ153" s="31"/>
      <c r="FRA153" s="31"/>
      <c r="FRB153" s="31"/>
      <c r="FRC153" s="31"/>
      <c r="FRD153" s="31"/>
      <c r="FRE153" s="31"/>
      <c r="FRF153" s="31"/>
      <c r="FRG153" s="31"/>
      <c r="FRH153" s="31"/>
      <c r="FRI153" s="31"/>
      <c r="FRJ153" s="31"/>
      <c r="FRK153" s="31"/>
      <c r="FRL153" s="31"/>
      <c r="FRM153" s="31"/>
      <c r="FRN153" s="31"/>
      <c r="FRO153" s="31"/>
      <c r="FRP153" s="31"/>
      <c r="FRQ153" s="31"/>
      <c r="FRR153" s="31"/>
      <c r="FRS153" s="31"/>
      <c r="FRT153" s="31"/>
      <c r="FRU153" s="31"/>
      <c r="FRV153" s="31"/>
      <c r="FRW153" s="31"/>
      <c r="FRX153" s="31"/>
      <c r="FRY153" s="31"/>
      <c r="FRZ153" s="31"/>
      <c r="FSA153" s="31"/>
      <c r="FSB153" s="31"/>
      <c r="FSC153" s="31"/>
      <c r="FSD153" s="31"/>
      <c r="FSE153" s="31"/>
      <c r="FSF153" s="31"/>
      <c r="FSG153" s="31"/>
      <c r="FSH153" s="31"/>
      <c r="FSI153" s="31"/>
      <c r="FSJ153" s="31"/>
      <c r="FSK153" s="31"/>
      <c r="FSL153" s="31"/>
      <c r="FSM153" s="31"/>
      <c r="FSN153" s="31"/>
      <c r="FSO153" s="31"/>
      <c r="FSP153" s="31"/>
      <c r="FSQ153" s="31"/>
      <c r="FSR153" s="31"/>
      <c r="FSS153" s="31"/>
      <c r="FST153" s="31"/>
      <c r="FSU153" s="31"/>
      <c r="FSV153" s="31"/>
      <c r="FSW153" s="31"/>
      <c r="FSX153" s="31"/>
      <c r="FSY153" s="31"/>
      <c r="FSZ153" s="31"/>
      <c r="FTA153" s="31"/>
      <c r="FTB153" s="31"/>
      <c r="FTC153" s="31"/>
      <c r="FTD153" s="31"/>
      <c r="FTE153" s="31"/>
      <c r="FTF153" s="31"/>
      <c r="FTG153" s="31"/>
      <c r="FTH153" s="31"/>
      <c r="FTI153" s="31"/>
      <c r="FTJ153" s="31"/>
      <c r="FTK153" s="31"/>
      <c r="FTL153" s="31"/>
      <c r="FTM153" s="31"/>
      <c r="FTN153" s="31"/>
      <c r="FTO153" s="31"/>
      <c r="FTP153" s="31"/>
      <c r="FTQ153" s="31"/>
      <c r="FTR153" s="31"/>
      <c r="FTS153" s="31"/>
      <c r="FTT153" s="31"/>
      <c r="FTU153" s="31"/>
      <c r="FTV153" s="31"/>
      <c r="FTW153" s="31"/>
      <c r="FTX153" s="31"/>
      <c r="FTY153" s="31"/>
      <c r="FTZ153" s="31"/>
      <c r="FUA153" s="31"/>
      <c r="FUB153" s="31"/>
      <c r="FUC153" s="31"/>
      <c r="FUD153" s="31"/>
      <c r="FUE153" s="31"/>
      <c r="FUF153" s="31"/>
      <c r="FUG153" s="31"/>
      <c r="FUH153" s="31"/>
      <c r="FUI153" s="31"/>
      <c r="FUJ153" s="31"/>
      <c r="FUK153" s="31"/>
      <c r="FUL153" s="31"/>
      <c r="FUM153" s="31"/>
      <c r="FUN153" s="31"/>
      <c r="FUO153" s="31"/>
      <c r="FUP153" s="31"/>
      <c r="FUQ153" s="31"/>
      <c r="FUR153" s="31"/>
      <c r="FUS153" s="31"/>
      <c r="FUT153" s="31"/>
      <c r="FUU153" s="31"/>
      <c r="FUV153" s="31"/>
      <c r="FUW153" s="31"/>
      <c r="FUX153" s="31"/>
      <c r="FUY153" s="31"/>
      <c r="FUZ153" s="31"/>
      <c r="FVA153" s="31"/>
      <c r="FVB153" s="31"/>
      <c r="FVC153" s="31"/>
      <c r="FVD153" s="31"/>
      <c r="FVE153" s="31"/>
      <c r="FVF153" s="31"/>
      <c r="FVG153" s="31"/>
      <c r="FVH153" s="31"/>
      <c r="FVI153" s="31"/>
      <c r="FVJ153" s="31"/>
      <c r="FVK153" s="31"/>
      <c r="FVL153" s="31"/>
      <c r="FVM153" s="31"/>
      <c r="FVN153" s="31"/>
      <c r="FVO153" s="31"/>
      <c r="FVP153" s="31"/>
      <c r="FVQ153" s="31"/>
      <c r="FVR153" s="31"/>
      <c r="FVS153" s="31"/>
      <c r="FVT153" s="31"/>
      <c r="FVU153" s="31"/>
      <c r="FVV153" s="31"/>
      <c r="FVW153" s="31"/>
      <c r="FVX153" s="31"/>
      <c r="FVY153" s="31"/>
      <c r="FVZ153" s="31"/>
      <c r="FWA153" s="31"/>
      <c r="FWB153" s="31"/>
      <c r="FWC153" s="31"/>
      <c r="FWD153" s="31"/>
      <c r="FWE153" s="31"/>
      <c r="FWF153" s="31"/>
      <c r="FWG153" s="31"/>
      <c r="FWH153" s="31"/>
      <c r="FWI153" s="31"/>
      <c r="FWJ153" s="31"/>
      <c r="FWK153" s="31"/>
      <c r="FWL153" s="31"/>
      <c r="FWM153" s="31"/>
      <c r="FWN153" s="31"/>
      <c r="FWO153" s="31"/>
      <c r="FWP153" s="31"/>
      <c r="FWQ153" s="31"/>
      <c r="FWR153" s="31"/>
      <c r="FWS153" s="31"/>
      <c r="FWT153" s="31"/>
      <c r="FWU153" s="31"/>
      <c r="FWV153" s="31"/>
      <c r="FWW153" s="31"/>
      <c r="FWX153" s="31"/>
      <c r="FWY153" s="31"/>
      <c r="FWZ153" s="31"/>
      <c r="FXA153" s="31"/>
      <c r="FXB153" s="31"/>
      <c r="FXC153" s="31"/>
      <c r="FXD153" s="31"/>
      <c r="FXE153" s="31"/>
      <c r="FXF153" s="31"/>
      <c r="FXG153" s="31"/>
      <c r="FXH153" s="31"/>
      <c r="FXI153" s="31"/>
      <c r="FXJ153" s="31"/>
      <c r="FXK153" s="31"/>
      <c r="FXL153" s="31"/>
      <c r="FXM153" s="31"/>
      <c r="FXN153" s="31"/>
      <c r="FXO153" s="31"/>
      <c r="FXP153" s="31"/>
      <c r="FXQ153" s="31"/>
      <c r="FXR153" s="31"/>
      <c r="FXS153" s="31"/>
      <c r="FXT153" s="31"/>
      <c r="FXU153" s="31"/>
      <c r="FXV153" s="31"/>
      <c r="FXW153" s="31"/>
      <c r="FXX153" s="31"/>
      <c r="FXY153" s="31"/>
      <c r="FXZ153" s="31"/>
      <c r="FYA153" s="31"/>
      <c r="FYB153" s="31"/>
      <c r="FYC153" s="31"/>
      <c r="FYD153" s="31"/>
      <c r="FYE153" s="31"/>
      <c r="FYF153" s="31"/>
      <c r="FYG153" s="31"/>
      <c r="FYH153" s="31"/>
      <c r="FYI153" s="31"/>
      <c r="FYJ153" s="31"/>
      <c r="FYK153" s="31"/>
      <c r="FYL153" s="31"/>
      <c r="FYM153" s="31"/>
      <c r="FYN153" s="31"/>
      <c r="FYO153" s="31"/>
      <c r="FYP153" s="31"/>
      <c r="FYQ153" s="31"/>
      <c r="FYR153" s="31"/>
      <c r="FYS153" s="31"/>
      <c r="FYT153" s="31"/>
      <c r="FYU153" s="31"/>
      <c r="FYV153" s="31"/>
      <c r="FYW153" s="31"/>
      <c r="FYX153" s="31"/>
      <c r="FYY153" s="31"/>
      <c r="FYZ153" s="31"/>
      <c r="FZA153" s="31"/>
      <c r="FZB153" s="31"/>
      <c r="FZC153" s="31"/>
      <c r="FZD153" s="31"/>
      <c r="FZE153" s="31"/>
      <c r="FZF153" s="31"/>
      <c r="FZG153" s="31"/>
      <c r="FZH153" s="31"/>
      <c r="FZI153" s="31"/>
      <c r="FZJ153" s="31"/>
      <c r="FZK153" s="31"/>
      <c r="FZL153" s="31"/>
      <c r="FZM153" s="31"/>
      <c r="FZN153" s="31"/>
      <c r="FZO153" s="31"/>
      <c r="FZP153" s="31"/>
      <c r="FZQ153" s="31"/>
      <c r="FZR153" s="31"/>
      <c r="FZS153" s="31"/>
      <c r="FZT153" s="31"/>
      <c r="FZU153" s="31"/>
      <c r="FZV153" s="31"/>
      <c r="FZW153" s="31"/>
      <c r="FZX153" s="31"/>
      <c r="FZY153" s="31"/>
      <c r="FZZ153" s="31"/>
      <c r="GAA153" s="31"/>
      <c r="GAB153" s="31"/>
      <c r="GAC153" s="31"/>
      <c r="GAD153" s="31"/>
      <c r="GAE153" s="31"/>
      <c r="GAF153" s="31"/>
      <c r="GAG153" s="31"/>
      <c r="GAH153" s="31"/>
      <c r="GAI153" s="31"/>
      <c r="GAJ153" s="31"/>
      <c r="GAK153" s="31"/>
      <c r="GAL153" s="31"/>
      <c r="GAM153" s="31"/>
      <c r="GAN153" s="31"/>
      <c r="GAO153" s="31"/>
      <c r="GAP153" s="31"/>
      <c r="GAQ153" s="31"/>
      <c r="GAR153" s="31"/>
      <c r="GAS153" s="31"/>
      <c r="GAT153" s="31"/>
      <c r="GAU153" s="31"/>
      <c r="GAV153" s="31"/>
      <c r="GAW153" s="31"/>
      <c r="GAX153" s="31"/>
      <c r="GAY153" s="31"/>
      <c r="GAZ153" s="31"/>
      <c r="GBA153" s="31"/>
      <c r="GBB153" s="31"/>
      <c r="GBC153" s="31"/>
      <c r="GBD153" s="31"/>
      <c r="GBE153" s="31"/>
      <c r="GBF153" s="31"/>
      <c r="GBG153" s="31"/>
      <c r="GBH153" s="31"/>
      <c r="GBI153" s="31"/>
      <c r="GBJ153" s="31"/>
      <c r="GBK153" s="31"/>
      <c r="GBL153" s="31"/>
      <c r="GBM153" s="31"/>
      <c r="GBN153" s="31"/>
      <c r="GBO153" s="31"/>
      <c r="GBP153" s="31"/>
      <c r="GBQ153" s="31"/>
      <c r="GBR153" s="31"/>
      <c r="GBS153" s="31"/>
      <c r="GBT153" s="31"/>
      <c r="GBU153" s="31"/>
      <c r="GBV153" s="31"/>
      <c r="GBW153" s="31"/>
      <c r="GBX153" s="31"/>
      <c r="GBY153" s="31"/>
      <c r="GBZ153" s="31"/>
      <c r="GCA153" s="31"/>
      <c r="GCB153" s="31"/>
      <c r="GCC153" s="31"/>
      <c r="GCD153" s="31"/>
      <c r="GCE153" s="31"/>
      <c r="GCF153" s="31"/>
      <c r="GCG153" s="31"/>
      <c r="GCH153" s="31"/>
      <c r="GCI153" s="31"/>
      <c r="GCJ153" s="31"/>
      <c r="GCK153" s="31"/>
      <c r="GCL153" s="31"/>
      <c r="GCM153" s="31"/>
      <c r="GCN153" s="31"/>
      <c r="GCO153" s="31"/>
      <c r="GCP153" s="31"/>
      <c r="GCQ153" s="31"/>
      <c r="GCR153" s="31"/>
      <c r="GCS153" s="31"/>
      <c r="GCT153" s="31"/>
      <c r="GCU153" s="31"/>
      <c r="GCV153" s="31"/>
      <c r="GCW153" s="31"/>
      <c r="GCX153" s="31"/>
      <c r="GCY153" s="31"/>
      <c r="GCZ153" s="31"/>
      <c r="GDA153" s="31"/>
      <c r="GDB153" s="31"/>
      <c r="GDC153" s="31"/>
      <c r="GDD153" s="31"/>
      <c r="GDE153" s="31"/>
      <c r="GDF153" s="31"/>
      <c r="GDG153" s="31"/>
      <c r="GDH153" s="31"/>
      <c r="GDI153" s="31"/>
      <c r="GDJ153" s="31"/>
      <c r="GDK153" s="31"/>
      <c r="GDL153" s="31"/>
      <c r="GDM153" s="31"/>
      <c r="GDN153" s="31"/>
      <c r="GDO153" s="31"/>
      <c r="GDP153" s="31"/>
      <c r="GDQ153" s="31"/>
      <c r="GDR153" s="31"/>
      <c r="GDS153" s="31"/>
      <c r="GDT153" s="31"/>
      <c r="GDU153" s="31"/>
      <c r="GDV153" s="31"/>
      <c r="GDW153" s="31"/>
      <c r="GDX153" s="31"/>
      <c r="GDY153" s="31"/>
      <c r="GDZ153" s="31"/>
      <c r="GEA153" s="31"/>
      <c r="GEB153" s="31"/>
      <c r="GEC153" s="31"/>
      <c r="GED153" s="31"/>
      <c r="GEE153" s="31"/>
      <c r="GEF153" s="31"/>
      <c r="GEG153" s="31"/>
      <c r="GEH153" s="31"/>
      <c r="GEI153" s="31"/>
      <c r="GEJ153" s="31"/>
      <c r="GEK153" s="31"/>
      <c r="GEL153" s="31"/>
      <c r="GEM153" s="31"/>
      <c r="GEN153" s="31"/>
      <c r="GEO153" s="31"/>
      <c r="GEP153" s="31"/>
      <c r="GEQ153" s="31"/>
      <c r="GER153" s="31"/>
      <c r="GES153" s="31"/>
      <c r="GET153" s="31"/>
      <c r="GEU153" s="31"/>
      <c r="GEV153" s="31"/>
      <c r="GEW153" s="31"/>
      <c r="GEX153" s="31"/>
      <c r="GEY153" s="31"/>
      <c r="GEZ153" s="31"/>
      <c r="GFA153" s="31"/>
      <c r="GFB153" s="31"/>
      <c r="GFC153" s="31"/>
      <c r="GFD153" s="31"/>
      <c r="GFE153" s="31"/>
      <c r="GFF153" s="31"/>
      <c r="GFG153" s="31"/>
      <c r="GFH153" s="31"/>
      <c r="GFI153" s="31"/>
      <c r="GFJ153" s="31"/>
      <c r="GFK153" s="31"/>
      <c r="GFL153" s="31"/>
      <c r="GFM153" s="31"/>
      <c r="GFN153" s="31"/>
      <c r="GFO153" s="31"/>
      <c r="GFP153" s="31"/>
      <c r="GFQ153" s="31"/>
      <c r="GFR153" s="31"/>
      <c r="GFS153" s="31"/>
      <c r="GFT153" s="31"/>
      <c r="GFU153" s="31"/>
      <c r="GFV153" s="31"/>
      <c r="GFW153" s="31"/>
      <c r="GFX153" s="31"/>
      <c r="GFY153" s="31"/>
      <c r="GFZ153" s="31"/>
      <c r="GGA153" s="31"/>
      <c r="GGB153" s="31"/>
      <c r="GGC153" s="31"/>
      <c r="GGD153" s="31"/>
      <c r="GGE153" s="31"/>
      <c r="GGF153" s="31"/>
      <c r="GGG153" s="31"/>
      <c r="GGH153" s="31"/>
      <c r="GGI153" s="31"/>
      <c r="GGJ153" s="31"/>
      <c r="GGK153" s="31"/>
      <c r="GGL153" s="31"/>
      <c r="GGM153" s="31"/>
      <c r="GGN153" s="31"/>
      <c r="GGO153" s="31"/>
      <c r="GGP153" s="31"/>
      <c r="GGQ153" s="31"/>
      <c r="GGR153" s="31"/>
      <c r="GGS153" s="31"/>
      <c r="GGT153" s="31"/>
      <c r="GGU153" s="31"/>
      <c r="GGV153" s="31"/>
      <c r="GGW153" s="31"/>
      <c r="GGX153" s="31"/>
      <c r="GGY153" s="31"/>
      <c r="GGZ153" s="31"/>
      <c r="GHA153" s="31"/>
      <c r="GHB153" s="31"/>
      <c r="GHC153" s="31"/>
      <c r="GHD153" s="31"/>
      <c r="GHE153" s="31"/>
      <c r="GHF153" s="31"/>
      <c r="GHG153" s="31"/>
      <c r="GHH153" s="31"/>
      <c r="GHI153" s="31"/>
      <c r="GHJ153" s="31"/>
      <c r="GHK153" s="31"/>
      <c r="GHL153" s="31"/>
      <c r="GHM153" s="31"/>
      <c r="GHN153" s="31"/>
      <c r="GHO153" s="31"/>
      <c r="GHP153" s="31"/>
      <c r="GHQ153" s="31"/>
      <c r="GHR153" s="31"/>
      <c r="GHS153" s="31"/>
      <c r="GHT153" s="31"/>
      <c r="GHU153" s="31"/>
      <c r="GHV153" s="31"/>
      <c r="GHW153" s="31"/>
      <c r="GHX153" s="31"/>
      <c r="GHY153" s="31"/>
      <c r="GHZ153" s="31"/>
      <c r="GIA153" s="31"/>
      <c r="GIB153" s="31"/>
      <c r="GIC153" s="31"/>
      <c r="GID153" s="31"/>
      <c r="GIE153" s="31"/>
      <c r="GIF153" s="31"/>
      <c r="GIG153" s="31"/>
      <c r="GIH153" s="31"/>
      <c r="GII153" s="31"/>
      <c r="GIJ153" s="31"/>
      <c r="GIK153" s="31"/>
      <c r="GIL153" s="31"/>
      <c r="GIM153" s="31"/>
      <c r="GIN153" s="31"/>
      <c r="GIO153" s="31"/>
      <c r="GIP153" s="31"/>
      <c r="GIQ153" s="31"/>
      <c r="GIR153" s="31"/>
      <c r="GIS153" s="31"/>
      <c r="GIT153" s="31"/>
      <c r="GIU153" s="31"/>
      <c r="GIV153" s="31"/>
      <c r="GIW153" s="31"/>
      <c r="GIX153" s="31"/>
      <c r="GIY153" s="31"/>
      <c r="GIZ153" s="31"/>
      <c r="GJA153" s="31"/>
      <c r="GJB153" s="31"/>
      <c r="GJC153" s="31"/>
      <c r="GJD153" s="31"/>
      <c r="GJE153" s="31"/>
      <c r="GJF153" s="31"/>
      <c r="GJG153" s="31"/>
      <c r="GJH153" s="31"/>
      <c r="GJI153" s="31"/>
      <c r="GJJ153" s="31"/>
      <c r="GJK153" s="31"/>
      <c r="GJL153" s="31"/>
      <c r="GJM153" s="31"/>
      <c r="GJN153" s="31"/>
      <c r="GJO153" s="31"/>
      <c r="GJP153" s="31"/>
      <c r="GJQ153" s="31"/>
      <c r="GJR153" s="31"/>
      <c r="GJS153" s="31"/>
      <c r="GJT153" s="31"/>
      <c r="GJU153" s="31"/>
      <c r="GJV153" s="31"/>
      <c r="GJW153" s="31"/>
      <c r="GJX153" s="31"/>
      <c r="GJY153" s="31"/>
      <c r="GJZ153" s="31"/>
      <c r="GKA153" s="31"/>
      <c r="GKB153" s="31"/>
      <c r="GKC153" s="31"/>
      <c r="GKD153" s="31"/>
      <c r="GKE153" s="31"/>
      <c r="GKF153" s="31"/>
      <c r="GKG153" s="31"/>
      <c r="GKH153" s="31"/>
      <c r="GKI153" s="31"/>
      <c r="GKJ153" s="31"/>
      <c r="GKK153" s="31"/>
      <c r="GKL153" s="31"/>
      <c r="GKM153" s="31"/>
      <c r="GKN153" s="31"/>
      <c r="GKO153" s="31"/>
      <c r="GKP153" s="31"/>
      <c r="GKQ153" s="31"/>
      <c r="GKR153" s="31"/>
      <c r="GKS153" s="31"/>
      <c r="GKT153" s="31"/>
      <c r="GKU153" s="31"/>
      <c r="GKV153" s="31"/>
      <c r="GKW153" s="31"/>
      <c r="GKX153" s="31"/>
      <c r="GKY153" s="31"/>
      <c r="GKZ153" s="31"/>
      <c r="GLA153" s="31"/>
      <c r="GLB153" s="31"/>
      <c r="GLC153" s="31"/>
      <c r="GLD153" s="31"/>
      <c r="GLE153" s="31"/>
      <c r="GLF153" s="31"/>
      <c r="GLG153" s="31"/>
      <c r="GLH153" s="31"/>
      <c r="GLI153" s="31"/>
      <c r="GLJ153" s="31"/>
      <c r="GLK153" s="31"/>
      <c r="GLL153" s="31"/>
      <c r="GLM153" s="31"/>
      <c r="GLN153" s="31"/>
      <c r="GLO153" s="31"/>
      <c r="GLP153" s="31"/>
      <c r="GLQ153" s="31"/>
      <c r="GLR153" s="31"/>
      <c r="GLS153" s="31"/>
      <c r="GLT153" s="31"/>
      <c r="GLU153" s="31"/>
      <c r="GLV153" s="31"/>
      <c r="GLW153" s="31"/>
      <c r="GLX153" s="31"/>
      <c r="GLY153" s="31"/>
      <c r="GLZ153" s="31"/>
      <c r="GMA153" s="31"/>
      <c r="GMB153" s="31"/>
      <c r="GMC153" s="31"/>
      <c r="GMD153" s="31"/>
      <c r="GME153" s="31"/>
      <c r="GMF153" s="31"/>
      <c r="GMG153" s="31"/>
      <c r="GMH153" s="31"/>
      <c r="GMI153" s="31"/>
      <c r="GMJ153" s="31"/>
      <c r="GMK153" s="31"/>
      <c r="GML153" s="31"/>
      <c r="GMM153" s="31"/>
      <c r="GMN153" s="31"/>
      <c r="GMO153" s="31"/>
      <c r="GMP153" s="31"/>
      <c r="GMQ153" s="31"/>
      <c r="GMR153" s="31"/>
      <c r="GMS153" s="31"/>
      <c r="GMT153" s="31"/>
      <c r="GMU153" s="31"/>
      <c r="GMV153" s="31"/>
      <c r="GMW153" s="31"/>
      <c r="GMX153" s="31"/>
      <c r="GMY153" s="31"/>
      <c r="GMZ153" s="31"/>
      <c r="GNA153" s="31"/>
      <c r="GNB153" s="31"/>
      <c r="GNC153" s="31"/>
      <c r="GND153" s="31"/>
      <c r="GNE153" s="31"/>
      <c r="GNF153" s="31"/>
      <c r="GNG153" s="31"/>
      <c r="GNH153" s="31"/>
      <c r="GNI153" s="31"/>
      <c r="GNJ153" s="31"/>
      <c r="GNK153" s="31"/>
      <c r="GNL153" s="31"/>
      <c r="GNM153" s="31"/>
      <c r="GNN153" s="31"/>
      <c r="GNO153" s="31"/>
      <c r="GNP153" s="31"/>
      <c r="GNQ153" s="31"/>
      <c r="GNR153" s="31"/>
      <c r="GNS153" s="31"/>
      <c r="GNT153" s="31"/>
      <c r="GNU153" s="31"/>
      <c r="GNV153" s="31"/>
      <c r="GNW153" s="31"/>
      <c r="GNX153" s="31"/>
      <c r="GNY153" s="31"/>
      <c r="GNZ153" s="31"/>
      <c r="GOA153" s="31"/>
      <c r="GOB153" s="31"/>
      <c r="GOC153" s="31"/>
      <c r="GOD153" s="31"/>
      <c r="GOE153" s="31"/>
      <c r="GOF153" s="31"/>
      <c r="GOG153" s="31"/>
      <c r="GOH153" s="31"/>
      <c r="GOI153" s="31"/>
      <c r="GOJ153" s="31"/>
      <c r="GOK153" s="31"/>
      <c r="GOL153" s="31"/>
      <c r="GOM153" s="31"/>
      <c r="GON153" s="31"/>
      <c r="GOO153" s="31"/>
      <c r="GOP153" s="31"/>
      <c r="GOQ153" s="31"/>
      <c r="GOR153" s="31"/>
      <c r="GOS153" s="31"/>
      <c r="GOT153" s="31"/>
      <c r="GOU153" s="31"/>
      <c r="GOV153" s="31"/>
      <c r="GOW153" s="31"/>
      <c r="GOX153" s="31"/>
      <c r="GOY153" s="31"/>
      <c r="GOZ153" s="31"/>
      <c r="GPA153" s="31"/>
      <c r="GPB153" s="31"/>
      <c r="GPC153" s="31"/>
      <c r="GPD153" s="31"/>
      <c r="GPE153" s="31"/>
      <c r="GPF153" s="31"/>
      <c r="GPG153" s="31"/>
      <c r="GPH153" s="31"/>
      <c r="GPI153" s="31"/>
      <c r="GPJ153" s="31"/>
      <c r="GPK153" s="31"/>
      <c r="GPL153" s="31"/>
      <c r="GPM153" s="31"/>
      <c r="GPN153" s="31"/>
      <c r="GPO153" s="31"/>
      <c r="GPP153" s="31"/>
      <c r="GPQ153" s="31"/>
      <c r="GPR153" s="31"/>
      <c r="GPS153" s="31"/>
      <c r="GPT153" s="31"/>
      <c r="GPU153" s="31"/>
      <c r="GPV153" s="31"/>
      <c r="GPW153" s="31"/>
      <c r="GPX153" s="31"/>
      <c r="GPY153" s="31"/>
      <c r="GPZ153" s="31"/>
      <c r="GQA153" s="31"/>
      <c r="GQB153" s="31"/>
      <c r="GQC153" s="31"/>
      <c r="GQD153" s="31"/>
      <c r="GQE153" s="31"/>
      <c r="GQF153" s="31"/>
      <c r="GQG153" s="31"/>
      <c r="GQH153" s="31"/>
      <c r="GQI153" s="31"/>
      <c r="GQJ153" s="31"/>
      <c r="GQK153" s="31"/>
      <c r="GQL153" s="31"/>
      <c r="GQM153" s="31"/>
      <c r="GQN153" s="31"/>
      <c r="GQO153" s="31"/>
      <c r="GQP153" s="31"/>
      <c r="GQQ153" s="31"/>
      <c r="GQR153" s="31"/>
      <c r="GQS153" s="31"/>
      <c r="GQT153" s="31"/>
      <c r="GQU153" s="31"/>
      <c r="GQV153" s="31"/>
      <c r="GQW153" s="31"/>
      <c r="GQX153" s="31"/>
      <c r="GQY153" s="31"/>
      <c r="GQZ153" s="31"/>
      <c r="GRA153" s="31"/>
      <c r="GRB153" s="31"/>
      <c r="GRC153" s="31"/>
      <c r="GRD153" s="31"/>
      <c r="GRE153" s="31"/>
      <c r="GRF153" s="31"/>
      <c r="GRG153" s="31"/>
      <c r="GRH153" s="31"/>
      <c r="GRI153" s="31"/>
      <c r="GRJ153" s="31"/>
      <c r="GRK153" s="31"/>
      <c r="GRL153" s="31"/>
      <c r="GRM153" s="31"/>
      <c r="GRN153" s="31"/>
      <c r="GRO153" s="31"/>
      <c r="GRP153" s="31"/>
      <c r="GRQ153" s="31"/>
      <c r="GRR153" s="31"/>
      <c r="GRS153" s="31"/>
      <c r="GRT153" s="31"/>
      <c r="GRU153" s="31"/>
      <c r="GRV153" s="31"/>
      <c r="GRW153" s="31"/>
      <c r="GRX153" s="31"/>
      <c r="GRY153" s="31"/>
      <c r="GRZ153" s="31"/>
      <c r="GSA153" s="31"/>
      <c r="GSB153" s="31"/>
      <c r="GSC153" s="31"/>
      <c r="GSD153" s="31"/>
      <c r="GSE153" s="31"/>
      <c r="GSF153" s="31"/>
      <c r="GSG153" s="31"/>
      <c r="GSH153" s="31"/>
      <c r="GSI153" s="31"/>
      <c r="GSJ153" s="31"/>
      <c r="GSK153" s="31"/>
      <c r="GSL153" s="31"/>
      <c r="GSM153" s="31"/>
      <c r="GSN153" s="31"/>
      <c r="GSO153" s="31"/>
      <c r="GSP153" s="31"/>
      <c r="GSQ153" s="31"/>
      <c r="GSR153" s="31"/>
      <c r="GSS153" s="31"/>
      <c r="GST153" s="31"/>
      <c r="GSU153" s="31"/>
      <c r="GSV153" s="31"/>
      <c r="GSW153" s="31"/>
      <c r="GSX153" s="31"/>
      <c r="GSY153" s="31"/>
      <c r="GSZ153" s="31"/>
      <c r="GTA153" s="31"/>
      <c r="GTB153" s="31"/>
      <c r="GTC153" s="31"/>
      <c r="GTD153" s="31"/>
      <c r="GTE153" s="31"/>
      <c r="GTF153" s="31"/>
      <c r="GTG153" s="31"/>
      <c r="GTH153" s="31"/>
      <c r="GTI153" s="31"/>
      <c r="GTJ153" s="31"/>
      <c r="GTK153" s="31"/>
      <c r="GTL153" s="31"/>
      <c r="GTM153" s="31"/>
      <c r="GTN153" s="31"/>
      <c r="GTO153" s="31"/>
      <c r="GTP153" s="31"/>
      <c r="GTQ153" s="31"/>
      <c r="GTR153" s="31"/>
      <c r="GTS153" s="31"/>
      <c r="GTT153" s="31"/>
      <c r="GTU153" s="31"/>
      <c r="GTV153" s="31"/>
      <c r="GTW153" s="31"/>
      <c r="GTX153" s="31"/>
      <c r="GTY153" s="31"/>
      <c r="GTZ153" s="31"/>
      <c r="GUA153" s="31"/>
      <c r="GUB153" s="31"/>
      <c r="GUC153" s="31"/>
      <c r="GUD153" s="31"/>
      <c r="GUE153" s="31"/>
      <c r="GUF153" s="31"/>
      <c r="GUG153" s="31"/>
      <c r="GUH153" s="31"/>
      <c r="GUI153" s="31"/>
      <c r="GUJ153" s="31"/>
      <c r="GUK153" s="31"/>
      <c r="GUL153" s="31"/>
      <c r="GUM153" s="31"/>
      <c r="GUN153" s="31"/>
      <c r="GUO153" s="31"/>
      <c r="GUP153" s="31"/>
      <c r="GUQ153" s="31"/>
      <c r="GUR153" s="31"/>
      <c r="GUS153" s="31"/>
      <c r="GUT153" s="31"/>
      <c r="GUU153" s="31"/>
      <c r="GUV153" s="31"/>
      <c r="GUW153" s="31"/>
      <c r="GUX153" s="31"/>
      <c r="GUY153" s="31"/>
      <c r="GUZ153" s="31"/>
      <c r="GVA153" s="31"/>
      <c r="GVB153" s="31"/>
      <c r="GVC153" s="31"/>
      <c r="GVD153" s="31"/>
      <c r="GVE153" s="31"/>
      <c r="GVF153" s="31"/>
      <c r="GVG153" s="31"/>
      <c r="GVH153" s="31"/>
      <c r="GVI153" s="31"/>
      <c r="GVJ153" s="31"/>
      <c r="GVK153" s="31"/>
      <c r="GVL153" s="31"/>
      <c r="GVM153" s="31"/>
      <c r="GVN153" s="31"/>
      <c r="GVO153" s="31"/>
      <c r="GVP153" s="31"/>
      <c r="GVQ153" s="31"/>
      <c r="GVR153" s="31"/>
      <c r="GVS153" s="31"/>
      <c r="GVT153" s="31"/>
      <c r="GVU153" s="31"/>
      <c r="GVV153" s="31"/>
      <c r="GVW153" s="31"/>
      <c r="GVX153" s="31"/>
      <c r="GVY153" s="31"/>
      <c r="GVZ153" s="31"/>
      <c r="GWA153" s="31"/>
      <c r="GWB153" s="31"/>
      <c r="GWC153" s="31"/>
      <c r="GWD153" s="31"/>
      <c r="GWE153" s="31"/>
      <c r="GWF153" s="31"/>
      <c r="GWG153" s="31"/>
      <c r="GWH153" s="31"/>
      <c r="GWI153" s="31"/>
      <c r="GWJ153" s="31"/>
      <c r="GWK153" s="31"/>
      <c r="GWL153" s="31"/>
      <c r="GWM153" s="31"/>
      <c r="GWN153" s="31"/>
      <c r="GWO153" s="31"/>
      <c r="GWP153" s="31"/>
      <c r="GWQ153" s="31"/>
      <c r="GWR153" s="31"/>
      <c r="GWS153" s="31"/>
      <c r="GWT153" s="31"/>
      <c r="GWU153" s="31"/>
      <c r="GWV153" s="31"/>
      <c r="GWW153" s="31"/>
      <c r="GWX153" s="31"/>
      <c r="GWY153" s="31"/>
      <c r="GWZ153" s="31"/>
      <c r="GXA153" s="31"/>
      <c r="GXB153" s="31"/>
      <c r="GXC153" s="31"/>
      <c r="GXD153" s="31"/>
      <c r="GXE153" s="31"/>
      <c r="GXF153" s="31"/>
      <c r="GXG153" s="31"/>
      <c r="GXH153" s="31"/>
      <c r="GXI153" s="31"/>
      <c r="GXJ153" s="31"/>
      <c r="GXK153" s="31"/>
      <c r="GXL153" s="31"/>
      <c r="GXM153" s="31"/>
      <c r="GXN153" s="31"/>
      <c r="GXO153" s="31"/>
      <c r="GXP153" s="31"/>
      <c r="GXQ153" s="31"/>
      <c r="GXR153" s="31"/>
      <c r="GXS153" s="31"/>
      <c r="GXT153" s="31"/>
      <c r="GXU153" s="31"/>
      <c r="GXV153" s="31"/>
      <c r="GXW153" s="31"/>
      <c r="GXX153" s="31"/>
      <c r="GXY153" s="31"/>
      <c r="GXZ153" s="31"/>
      <c r="GYA153" s="31"/>
      <c r="GYB153" s="31"/>
      <c r="GYC153" s="31"/>
      <c r="GYD153" s="31"/>
      <c r="GYE153" s="31"/>
      <c r="GYF153" s="31"/>
      <c r="GYG153" s="31"/>
      <c r="GYH153" s="31"/>
      <c r="GYI153" s="31"/>
      <c r="GYJ153" s="31"/>
      <c r="GYK153" s="31"/>
      <c r="GYL153" s="31"/>
      <c r="GYM153" s="31"/>
      <c r="GYN153" s="31"/>
      <c r="GYO153" s="31"/>
      <c r="GYP153" s="31"/>
      <c r="GYQ153" s="31"/>
      <c r="GYR153" s="31"/>
      <c r="GYS153" s="31"/>
      <c r="GYT153" s="31"/>
      <c r="GYU153" s="31"/>
      <c r="GYV153" s="31"/>
      <c r="GYW153" s="31"/>
      <c r="GYX153" s="31"/>
      <c r="GYY153" s="31"/>
      <c r="GYZ153" s="31"/>
      <c r="GZA153" s="31"/>
      <c r="GZB153" s="31"/>
      <c r="GZC153" s="31"/>
      <c r="GZD153" s="31"/>
      <c r="GZE153" s="31"/>
      <c r="GZF153" s="31"/>
      <c r="GZG153" s="31"/>
      <c r="GZH153" s="31"/>
      <c r="GZI153" s="31"/>
      <c r="GZJ153" s="31"/>
      <c r="GZK153" s="31"/>
      <c r="GZL153" s="31"/>
      <c r="GZM153" s="31"/>
      <c r="GZN153" s="31"/>
      <c r="GZO153" s="31"/>
      <c r="GZP153" s="31"/>
      <c r="GZQ153" s="31"/>
      <c r="GZR153" s="31"/>
      <c r="GZS153" s="31"/>
      <c r="GZT153" s="31"/>
      <c r="GZU153" s="31"/>
      <c r="GZV153" s="31"/>
      <c r="GZW153" s="31"/>
      <c r="GZX153" s="31"/>
      <c r="GZY153" s="31"/>
      <c r="GZZ153" s="31"/>
      <c r="HAA153" s="31"/>
      <c r="HAB153" s="31"/>
      <c r="HAC153" s="31"/>
      <c r="HAD153" s="31"/>
      <c r="HAE153" s="31"/>
      <c r="HAF153" s="31"/>
      <c r="HAG153" s="31"/>
      <c r="HAH153" s="31"/>
      <c r="HAI153" s="31"/>
      <c r="HAJ153" s="31"/>
      <c r="HAK153" s="31"/>
      <c r="HAL153" s="31"/>
      <c r="HAM153" s="31"/>
      <c r="HAN153" s="31"/>
      <c r="HAO153" s="31"/>
      <c r="HAP153" s="31"/>
      <c r="HAQ153" s="31"/>
      <c r="HAR153" s="31"/>
      <c r="HAS153" s="31"/>
      <c r="HAT153" s="31"/>
      <c r="HAU153" s="31"/>
      <c r="HAV153" s="31"/>
      <c r="HAW153" s="31"/>
      <c r="HAX153" s="31"/>
      <c r="HAY153" s="31"/>
      <c r="HAZ153" s="31"/>
      <c r="HBA153" s="31"/>
      <c r="HBB153" s="31"/>
      <c r="HBC153" s="31"/>
      <c r="HBD153" s="31"/>
      <c r="HBE153" s="31"/>
      <c r="HBF153" s="31"/>
      <c r="HBG153" s="31"/>
      <c r="HBH153" s="31"/>
      <c r="HBI153" s="31"/>
      <c r="HBJ153" s="31"/>
      <c r="HBK153" s="31"/>
      <c r="HBL153" s="31"/>
      <c r="HBM153" s="31"/>
      <c r="HBN153" s="31"/>
      <c r="HBO153" s="31"/>
      <c r="HBP153" s="31"/>
      <c r="HBQ153" s="31"/>
      <c r="HBR153" s="31"/>
      <c r="HBS153" s="31"/>
      <c r="HBT153" s="31"/>
      <c r="HBU153" s="31"/>
      <c r="HBV153" s="31"/>
      <c r="HBW153" s="31"/>
      <c r="HBX153" s="31"/>
      <c r="HBY153" s="31"/>
      <c r="HBZ153" s="31"/>
      <c r="HCA153" s="31"/>
      <c r="HCB153" s="31"/>
      <c r="HCC153" s="31"/>
      <c r="HCD153" s="31"/>
      <c r="HCE153" s="31"/>
      <c r="HCF153" s="31"/>
      <c r="HCG153" s="31"/>
      <c r="HCH153" s="31"/>
      <c r="HCI153" s="31"/>
      <c r="HCJ153" s="31"/>
      <c r="HCK153" s="31"/>
      <c r="HCL153" s="31"/>
      <c r="HCM153" s="31"/>
      <c r="HCN153" s="31"/>
      <c r="HCO153" s="31"/>
      <c r="HCP153" s="31"/>
      <c r="HCQ153" s="31"/>
      <c r="HCR153" s="31"/>
      <c r="HCS153" s="31"/>
      <c r="HCT153" s="31"/>
      <c r="HCU153" s="31"/>
      <c r="HCV153" s="31"/>
      <c r="HCW153" s="31"/>
      <c r="HCX153" s="31"/>
      <c r="HCY153" s="31"/>
      <c r="HCZ153" s="31"/>
      <c r="HDA153" s="31"/>
      <c r="HDB153" s="31"/>
      <c r="HDC153" s="31"/>
      <c r="HDD153" s="31"/>
      <c r="HDE153" s="31"/>
      <c r="HDF153" s="31"/>
      <c r="HDG153" s="31"/>
      <c r="HDH153" s="31"/>
      <c r="HDI153" s="31"/>
      <c r="HDJ153" s="31"/>
      <c r="HDK153" s="31"/>
      <c r="HDL153" s="31"/>
      <c r="HDM153" s="31"/>
      <c r="HDN153" s="31"/>
      <c r="HDO153" s="31"/>
      <c r="HDP153" s="31"/>
      <c r="HDQ153" s="31"/>
      <c r="HDR153" s="31"/>
      <c r="HDS153" s="31"/>
      <c r="HDT153" s="31"/>
      <c r="HDU153" s="31"/>
      <c r="HDV153" s="31"/>
      <c r="HDW153" s="31"/>
      <c r="HDX153" s="31"/>
      <c r="HDY153" s="31"/>
      <c r="HDZ153" s="31"/>
      <c r="HEA153" s="31"/>
      <c r="HEB153" s="31"/>
      <c r="HEC153" s="31"/>
      <c r="HED153" s="31"/>
      <c r="HEE153" s="31"/>
      <c r="HEF153" s="31"/>
      <c r="HEG153" s="31"/>
      <c r="HEH153" s="31"/>
      <c r="HEI153" s="31"/>
      <c r="HEJ153" s="31"/>
      <c r="HEK153" s="31"/>
      <c r="HEL153" s="31"/>
      <c r="HEM153" s="31"/>
      <c r="HEN153" s="31"/>
      <c r="HEO153" s="31"/>
      <c r="HEP153" s="31"/>
      <c r="HEQ153" s="31"/>
      <c r="HER153" s="31"/>
      <c r="HES153" s="31"/>
      <c r="HET153" s="31"/>
      <c r="HEU153" s="31"/>
      <c r="HEV153" s="31"/>
      <c r="HEW153" s="31"/>
      <c r="HEX153" s="31"/>
      <c r="HEY153" s="31"/>
      <c r="HEZ153" s="31"/>
      <c r="HFA153" s="31"/>
      <c r="HFB153" s="31"/>
      <c r="HFC153" s="31"/>
      <c r="HFD153" s="31"/>
      <c r="HFE153" s="31"/>
      <c r="HFF153" s="31"/>
      <c r="HFG153" s="31"/>
      <c r="HFH153" s="31"/>
      <c r="HFI153" s="31"/>
      <c r="HFJ153" s="31"/>
      <c r="HFK153" s="31"/>
      <c r="HFL153" s="31"/>
      <c r="HFM153" s="31"/>
      <c r="HFN153" s="31"/>
      <c r="HFO153" s="31"/>
      <c r="HFP153" s="31"/>
      <c r="HFQ153" s="31"/>
      <c r="HFR153" s="31"/>
      <c r="HFS153" s="31"/>
      <c r="HFT153" s="31"/>
      <c r="HFU153" s="31"/>
      <c r="HFV153" s="31"/>
      <c r="HFW153" s="31"/>
      <c r="HFX153" s="31"/>
      <c r="HFY153" s="31"/>
      <c r="HFZ153" s="31"/>
      <c r="HGA153" s="31"/>
      <c r="HGB153" s="31"/>
      <c r="HGC153" s="31"/>
      <c r="HGD153" s="31"/>
      <c r="HGE153" s="31"/>
      <c r="HGF153" s="31"/>
      <c r="HGG153" s="31"/>
      <c r="HGH153" s="31"/>
      <c r="HGI153" s="31"/>
      <c r="HGJ153" s="31"/>
      <c r="HGK153" s="31"/>
      <c r="HGL153" s="31"/>
      <c r="HGM153" s="31"/>
      <c r="HGN153" s="31"/>
      <c r="HGO153" s="31"/>
      <c r="HGP153" s="31"/>
      <c r="HGQ153" s="31"/>
      <c r="HGR153" s="31"/>
      <c r="HGS153" s="31"/>
      <c r="HGT153" s="31"/>
      <c r="HGU153" s="31"/>
      <c r="HGV153" s="31"/>
      <c r="HGW153" s="31"/>
      <c r="HGX153" s="31"/>
      <c r="HGY153" s="31"/>
      <c r="HGZ153" s="31"/>
      <c r="HHA153" s="31"/>
      <c r="HHB153" s="31"/>
      <c r="HHC153" s="31"/>
      <c r="HHD153" s="31"/>
      <c r="HHE153" s="31"/>
      <c r="HHF153" s="31"/>
      <c r="HHG153" s="31"/>
      <c r="HHH153" s="31"/>
      <c r="HHI153" s="31"/>
      <c r="HHJ153" s="31"/>
      <c r="HHK153" s="31"/>
      <c r="HHL153" s="31"/>
      <c r="HHM153" s="31"/>
      <c r="HHN153" s="31"/>
      <c r="HHO153" s="31"/>
      <c r="HHP153" s="31"/>
      <c r="HHQ153" s="31"/>
      <c r="HHR153" s="31"/>
      <c r="HHS153" s="31"/>
      <c r="HHT153" s="31"/>
      <c r="HHU153" s="31"/>
      <c r="HHV153" s="31"/>
      <c r="HHW153" s="31"/>
      <c r="HHX153" s="31"/>
      <c r="HHY153" s="31"/>
      <c r="HHZ153" s="31"/>
      <c r="HIA153" s="31"/>
      <c r="HIB153" s="31"/>
      <c r="HIC153" s="31"/>
      <c r="HID153" s="31"/>
      <c r="HIE153" s="31"/>
      <c r="HIF153" s="31"/>
      <c r="HIG153" s="31"/>
      <c r="HIH153" s="31"/>
      <c r="HII153" s="31"/>
      <c r="HIJ153" s="31"/>
      <c r="HIK153" s="31"/>
      <c r="HIL153" s="31"/>
      <c r="HIM153" s="31"/>
      <c r="HIN153" s="31"/>
      <c r="HIO153" s="31"/>
      <c r="HIP153" s="31"/>
      <c r="HIQ153" s="31"/>
      <c r="HIR153" s="31"/>
      <c r="HIS153" s="31"/>
      <c r="HIT153" s="31"/>
      <c r="HIU153" s="31"/>
      <c r="HIV153" s="31"/>
      <c r="HIW153" s="31"/>
      <c r="HIX153" s="31"/>
      <c r="HIY153" s="31"/>
      <c r="HIZ153" s="31"/>
      <c r="HJA153" s="31"/>
      <c r="HJB153" s="31"/>
      <c r="HJC153" s="31"/>
      <c r="HJD153" s="31"/>
      <c r="HJE153" s="31"/>
      <c r="HJF153" s="31"/>
      <c r="HJG153" s="31"/>
      <c r="HJH153" s="31"/>
      <c r="HJI153" s="31"/>
      <c r="HJJ153" s="31"/>
      <c r="HJK153" s="31"/>
      <c r="HJL153" s="31"/>
      <c r="HJM153" s="31"/>
      <c r="HJN153" s="31"/>
      <c r="HJO153" s="31"/>
      <c r="HJP153" s="31"/>
      <c r="HJQ153" s="31"/>
      <c r="HJR153" s="31"/>
      <c r="HJS153" s="31"/>
      <c r="HJT153" s="31"/>
      <c r="HJU153" s="31"/>
      <c r="HJV153" s="31"/>
      <c r="HJW153" s="31"/>
      <c r="HJX153" s="31"/>
      <c r="HJY153" s="31"/>
      <c r="HJZ153" s="31"/>
      <c r="HKA153" s="31"/>
      <c r="HKB153" s="31"/>
      <c r="HKC153" s="31"/>
      <c r="HKD153" s="31"/>
      <c r="HKE153" s="31"/>
      <c r="HKF153" s="31"/>
      <c r="HKG153" s="31"/>
      <c r="HKH153" s="31"/>
      <c r="HKI153" s="31"/>
      <c r="HKJ153" s="31"/>
      <c r="HKK153" s="31"/>
      <c r="HKL153" s="31"/>
      <c r="HKM153" s="31"/>
      <c r="HKN153" s="31"/>
      <c r="HKO153" s="31"/>
      <c r="HKP153" s="31"/>
      <c r="HKQ153" s="31"/>
      <c r="HKR153" s="31"/>
      <c r="HKS153" s="31"/>
      <c r="HKT153" s="31"/>
      <c r="HKU153" s="31"/>
      <c r="HKV153" s="31"/>
      <c r="HKW153" s="31"/>
      <c r="HKX153" s="31"/>
      <c r="HKY153" s="31"/>
      <c r="HKZ153" s="31"/>
      <c r="HLA153" s="31"/>
      <c r="HLB153" s="31"/>
      <c r="HLC153" s="31"/>
      <c r="HLD153" s="31"/>
      <c r="HLE153" s="31"/>
      <c r="HLF153" s="31"/>
      <c r="HLG153" s="31"/>
      <c r="HLH153" s="31"/>
      <c r="HLI153" s="31"/>
      <c r="HLJ153" s="31"/>
      <c r="HLK153" s="31"/>
      <c r="HLL153" s="31"/>
      <c r="HLM153" s="31"/>
      <c r="HLN153" s="31"/>
      <c r="HLO153" s="31"/>
      <c r="HLP153" s="31"/>
      <c r="HLQ153" s="31"/>
      <c r="HLR153" s="31"/>
      <c r="HLS153" s="31"/>
      <c r="HLT153" s="31"/>
      <c r="HLU153" s="31"/>
      <c r="HLV153" s="31"/>
      <c r="HLW153" s="31"/>
      <c r="HLX153" s="31"/>
      <c r="HLY153" s="31"/>
      <c r="HLZ153" s="31"/>
      <c r="HMA153" s="31"/>
      <c r="HMB153" s="31"/>
      <c r="HMC153" s="31"/>
      <c r="HMD153" s="31"/>
      <c r="HME153" s="31"/>
      <c r="HMF153" s="31"/>
      <c r="HMG153" s="31"/>
      <c r="HMH153" s="31"/>
      <c r="HMI153" s="31"/>
      <c r="HMJ153" s="31"/>
      <c r="HMK153" s="31"/>
      <c r="HML153" s="31"/>
      <c r="HMM153" s="31"/>
      <c r="HMN153" s="31"/>
      <c r="HMO153" s="31"/>
      <c r="HMP153" s="31"/>
      <c r="HMQ153" s="31"/>
      <c r="HMR153" s="31"/>
      <c r="HMS153" s="31"/>
      <c r="HMT153" s="31"/>
      <c r="HMU153" s="31"/>
      <c r="HMV153" s="31"/>
      <c r="HMW153" s="31"/>
      <c r="HMX153" s="31"/>
      <c r="HMY153" s="31"/>
      <c r="HMZ153" s="31"/>
      <c r="HNA153" s="31"/>
      <c r="HNB153" s="31"/>
      <c r="HNC153" s="31"/>
      <c r="HND153" s="31"/>
      <c r="HNE153" s="31"/>
      <c r="HNF153" s="31"/>
      <c r="HNG153" s="31"/>
      <c r="HNH153" s="31"/>
      <c r="HNI153" s="31"/>
      <c r="HNJ153" s="31"/>
      <c r="HNK153" s="31"/>
      <c r="HNL153" s="31"/>
      <c r="HNM153" s="31"/>
      <c r="HNN153" s="31"/>
      <c r="HNO153" s="31"/>
      <c r="HNP153" s="31"/>
      <c r="HNQ153" s="31"/>
      <c r="HNR153" s="31"/>
      <c r="HNS153" s="31"/>
      <c r="HNT153" s="31"/>
      <c r="HNU153" s="31"/>
      <c r="HNV153" s="31"/>
      <c r="HNW153" s="31"/>
      <c r="HNX153" s="31"/>
      <c r="HNY153" s="31"/>
      <c r="HNZ153" s="31"/>
      <c r="HOA153" s="31"/>
      <c r="HOB153" s="31"/>
      <c r="HOC153" s="31"/>
      <c r="HOD153" s="31"/>
      <c r="HOE153" s="31"/>
      <c r="HOF153" s="31"/>
      <c r="HOG153" s="31"/>
      <c r="HOH153" s="31"/>
      <c r="HOI153" s="31"/>
      <c r="HOJ153" s="31"/>
      <c r="HOK153" s="31"/>
      <c r="HOL153" s="31"/>
      <c r="HOM153" s="31"/>
      <c r="HON153" s="31"/>
      <c r="HOO153" s="31"/>
      <c r="HOP153" s="31"/>
      <c r="HOQ153" s="31"/>
      <c r="HOR153" s="31"/>
      <c r="HOS153" s="31"/>
      <c r="HOT153" s="31"/>
      <c r="HOU153" s="31"/>
      <c r="HOV153" s="31"/>
      <c r="HOW153" s="31"/>
      <c r="HOX153" s="31"/>
      <c r="HOY153" s="31"/>
      <c r="HOZ153" s="31"/>
      <c r="HPA153" s="31"/>
      <c r="HPB153" s="31"/>
      <c r="HPC153" s="31"/>
      <c r="HPD153" s="31"/>
      <c r="HPE153" s="31"/>
      <c r="HPF153" s="31"/>
      <c r="HPG153" s="31"/>
      <c r="HPH153" s="31"/>
      <c r="HPI153" s="31"/>
      <c r="HPJ153" s="31"/>
      <c r="HPK153" s="31"/>
      <c r="HPL153" s="31"/>
      <c r="HPM153" s="31"/>
      <c r="HPN153" s="31"/>
      <c r="HPO153" s="31"/>
      <c r="HPP153" s="31"/>
      <c r="HPQ153" s="31"/>
      <c r="HPR153" s="31"/>
      <c r="HPS153" s="31"/>
      <c r="HPT153" s="31"/>
      <c r="HPU153" s="31"/>
      <c r="HPV153" s="31"/>
      <c r="HPW153" s="31"/>
      <c r="HPX153" s="31"/>
      <c r="HPY153" s="31"/>
      <c r="HPZ153" s="31"/>
      <c r="HQA153" s="31"/>
      <c r="HQB153" s="31"/>
      <c r="HQC153" s="31"/>
      <c r="HQD153" s="31"/>
      <c r="HQE153" s="31"/>
      <c r="HQF153" s="31"/>
      <c r="HQG153" s="31"/>
      <c r="HQH153" s="31"/>
      <c r="HQI153" s="31"/>
      <c r="HQJ153" s="31"/>
      <c r="HQK153" s="31"/>
      <c r="HQL153" s="31"/>
      <c r="HQM153" s="31"/>
      <c r="HQN153" s="31"/>
      <c r="HQO153" s="31"/>
      <c r="HQP153" s="31"/>
      <c r="HQQ153" s="31"/>
      <c r="HQR153" s="31"/>
      <c r="HQS153" s="31"/>
      <c r="HQT153" s="31"/>
      <c r="HQU153" s="31"/>
      <c r="HQV153" s="31"/>
      <c r="HQW153" s="31"/>
      <c r="HQX153" s="31"/>
      <c r="HQY153" s="31"/>
      <c r="HQZ153" s="31"/>
      <c r="HRA153" s="31"/>
      <c r="HRB153" s="31"/>
      <c r="HRC153" s="31"/>
      <c r="HRD153" s="31"/>
      <c r="HRE153" s="31"/>
      <c r="HRF153" s="31"/>
      <c r="HRG153" s="31"/>
      <c r="HRH153" s="31"/>
      <c r="HRI153" s="31"/>
      <c r="HRJ153" s="31"/>
      <c r="HRK153" s="31"/>
      <c r="HRL153" s="31"/>
      <c r="HRM153" s="31"/>
      <c r="HRN153" s="31"/>
      <c r="HRO153" s="31"/>
      <c r="HRP153" s="31"/>
      <c r="HRQ153" s="31"/>
      <c r="HRR153" s="31"/>
      <c r="HRS153" s="31"/>
      <c r="HRT153" s="31"/>
      <c r="HRU153" s="31"/>
      <c r="HRV153" s="31"/>
      <c r="HRW153" s="31"/>
      <c r="HRX153" s="31"/>
      <c r="HRY153" s="31"/>
      <c r="HRZ153" s="31"/>
      <c r="HSA153" s="31"/>
      <c r="HSB153" s="31"/>
      <c r="HSC153" s="31"/>
      <c r="HSD153" s="31"/>
      <c r="HSE153" s="31"/>
      <c r="HSF153" s="31"/>
      <c r="HSG153" s="31"/>
      <c r="HSH153" s="31"/>
      <c r="HSI153" s="31"/>
      <c r="HSJ153" s="31"/>
      <c r="HSK153" s="31"/>
      <c r="HSL153" s="31"/>
      <c r="HSM153" s="31"/>
      <c r="HSN153" s="31"/>
      <c r="HSO153" s="31"/>
      <c r="HSP153" s="31"/>
      <c r="HSQ153" s="31"/>
      <c r="HSR153" s="31"/>
      <c r="HSS153" s="31"/>
      <c r="HST153" s="31"/>
      <c r="HSU153" s="31"/>
      <c r="HSV153" s="31"/>
      <c r="HSW153" s="31"/>
      <c r="HSX153" s="31"/>
      <c r="HSY153" s="31"/>
      <c r="HSZ153" s="31"/>
      <c r="HTA153" s="31"/>
      <c r="HTB153" s="31"/>
      <c r="HTC153" s="31"/>
      <c r="HTD153" s="31"/>
      <c r="HTE153" s="31"/>
      <c r="HTF153" s="31"/>
      <c r="HTG153" s="31"/>
      <c r="HTH153" s="31"/>
      <c r="HTI153" s="31"/>
      <c r="HTJ153" s="31"/>
      <c r="HTK153" s="31"/>
      <c r="HTL153" s="31"/>
      <c r="HTM153" s="31"/>
      <c r="HTN153" s="31"/>
      <c r="HTO153" s="31"/>
      <c r="HTP153" s="31"/>
      <c r="HTQ153" s="31"/>
      <c r="HTR153" s="31"/>
      <c r="HTS153" s="31"/>
      <c r="HTT153" s="31"/>
      <c r="HTU153" s="31"/>
      <c r="HTV153" s="31"/>
      <c r="HTW153" s="31"/>
      <c r="HTX153" s="31"/>
      <c r="HTY153" s="31"/>
      <c r="HTZ153" s="31"/>
      <c r="HUA153" s="31"/>
      <c r="HUB153" s="31"/>
      <c r="HUC153" s="31"/>
      <c r="HUD153" s="31"/>
      <c r="HUE153" s="31"/>
      <c r="HUF153" s="31"/>
      <c r="HUG153" s="31"/>
      <c r="HUH153" s="31"/>
      <c r="HUI153" s="31"/>
      <c r="HUJ153" s="31"/>
      <c r="HUK153" s="31"/>
      <c r="HUL153" s="31"/>
      <c r="HUM153" s="31"/>
      <c r="HUN153" s="31"/>
      <c r="HUO153" s="31"/>
      <c r="HUP153" s="31"/>
      <c r="HUQ153" s="31"/>
      <c r="HUR153" s="31"/>
      <c r="HUS153" s="31"/>
      <c r="HUT153" s="31"/>
      <c r="HUU153" s="31"/>
      <c r="HUV153" s="31"/>
      <c r="HUW153" s="31"/>
      <c r="HUX153" s="31"/>
      <c r="HUY153" s="31"/>
      <c r="HUZ153" s="31"/>
      <c r="HVA153" s="31"/>
      <c r="HVB153" s="31"/>
      <c r="HVC153" s="31"/>
      <c r="HVD153" s="31"/>
      <c r="HVE153" s="31"/>
      <c r="HVF153" s="31"/>
      <c r="HVG153" s="31"/>
      <c r="HVH153" s="31"/>
      <c r="HVI153" s="31"/>
      <c r="HVJ153" s="31"/>
      <c r="HVK153" s="31"/>
      <c r="HVL153" s="31"/>
      <c r="HVM153" s="31"/>
      <c r="HVN153" s="31"/>
      <c r="HVO153" s="31"/>
      <c r="HVP153" s="31"/>
      <c r="HVQ153" s="31"/>
      <c r="HVR153" s="31"/>
      <c r="HVS153" s="31"/>
      <c r="HVT153" s="31"/>
      <c r="HVU153" s="31"/>
      <c r="HVV153" s="31"/>
      <c r="HVW153" s="31"/>
      <c r="HVX153" s="31"/>
      <c r="HVY153" s="31"/>
      <c r="HVZ153" s="31"/>
      <c r="HWA153" s="31"/>
      <c r="HWB153" s="31"/>
      <c r="HWC153" s="31"/>
      <c r="HWD153" s="31"/>
      <c r="HWE153" s="31"/>
      <c r="HWF153" s="31"/>
      <c r="HWG153" s="31"/>
      <c r="HWH153" s="31"/>
      <c r="HWI153" s="31"/>
      <c r="HWJ153" s="31"/>
      <c r="HWK153" s="31"/>
      <c r="HWL153" s="31"/>
      <c r="HWM153" s="31"/>
      <c r="HWN153" s="31"/>
      <c r="HWO153" s="31"/>
      <c r="HWP153" s="31"/>
      <c r="HWQ153" s="31"/>
      <c r="HWR153" s="31"/>
      <c r="HWS153" s="31"/>
      <c r="HWT153" s="31"/>
      <c r="HWU153" s="31"/>
      <c r="HWV153" s="31"/>
      <c r="HWW153" s="31"/>
      <c r="HWX153" s="31"/>
      <c r="HWY153" s="31"/>
      <c r="HWZ153" s="31"/>
      <c r="HXA153" s="31"/>
      <c r="HXB153" s="31"/>
      <c r="HXC153" s="31"/>
      <c r="HXD153" s="31"/>
      <c r="HXE153" s="31"/>
      <c r="HXF153" s="31"/>
      <c r="HXG153" s="31"/>
      <c r="HXH153" s="31"/>
      <c r="HXI153" s="31"/>
      <c r="HXJ153" s="31"/>
      <c r="HXK153" s="31"/>
      <c r="HXL153" s="31"/>
      <c r="HXM153" s="31"/>
      <c r="HXN153" s="31"/>
      <c r="HXO153" s="31"/>
      <c r="HXP153" s="31"/>
      <c r="HXQ153" s="31"/>
      <c r="HXR153" s="31"/>
      <c r="HXS153" s="31"/>
      <c r="HXT153" s="31"/>
      <c r="HXU153" s="31"/>
      <c r="HXV153" s="31"/>
      <c r="HXW153" s="31"/>
      <c r="HXX153" s="31"/>
      <c r="HXY153" s="31"/>
      <c r="HXZ153" s="31"/>
      <c r="HYA153" s="31"/>
      <c r="HYB153" s="31"/>
      <c r="HYC153" s="31"/>
      <c r="HYD153" s="31"/>
      <c r="HYE153" s="31"/>
      <c r="HYF153" s="31"/>
      <c r="HYG153" s="31"/>
      <c r="HYH153" s="31"/>
      <c r="HYI153" s="31"/>
      <c r="HYJ153" s="31"/>
      <c r="HYK153" s="31"/>
      <c r="HYL153" s="31"/>
      <c r="HYM153" s="31"/>
      <c r="HYN153" s="31"/>
      <c r="HYO153" s="31"/>
      <c r="HYP153" s="31"/>
      <c r="HYQ153" s="31"/>
      <c r="HYR153" s="31"/>
      <c r="HYS153" s="31"/>
      <c r="HYT153" s="31"/>
      <c r="HYU153" s="31"/>
      <c r="HYV153" s="31"/>
      <c r="HYW153" s="31"/>
      <c r="HYX153" s="31"/>
      <c r="HYY153" s="31"/>
      <c r="HYZ153" s="31"/>
      <c r="HZA153" s="31"/>
      <c r="HZB153" s="31"/>
      <c r="HZC153" s="31"/>
      <c r="HZD153" s="31"/>
      <c r="HZE153" s="31"/>
      <c r="HZF153" s="31"/>
      <c r="HZG153" s="31"/>
      <c r="HZH153" s="31"/>
      <c r="HZI153" s="31"/>
      <c r="HZJ153" s="31"/>
      <c r="HZK153" s="31"/>
      <c r="HZL153" s="31"/>
      <c r="HZM153" s="31"/>
      <c r="HZN153" s="31"/>
      <c r="HZO153" s="31"/>
      <c r="HZP153" s="31"/>
      <c r="HZQ153" s="31"/>
      <c r="HZR153" s="31"/>
      <c r="HZS153" s="31"/>
      <c r="HZT153" s="31"/>
      <c r="HZU153" s="31"/>
      <c r="HZV153" s="31"/>
      <c r="HZW153" s="31"/>
      <c r="HZX153" s="31"/>
      <c r="HZY153" s="31"/>
      <c r="HZZ153" s="31"/>
      <c r="IAA153" s="31"/>
      <c r="IAB153" s="31"/>
      <c r="IAC153" s="31"/>
      <c r="IAD153" s="31"/>
      <c r="IAE153" s="31"/>
      <c r="IAF153" s="31"/>
      <c r="IAG153" s="31"/>
      <c r="IAH153" s="31"/>
      <c r="IAI153" s="31"/>
      <c r="IAJ153" s="31"/>
      <c r="IAK153" s="31"/>
      <c r="IAL153" s="31"/>
      <c r="IAM153" s="31"/>
      <c r="IAN153" s="31"/>
      <c r="IAO153" s="31"/>
      <c r="IAP153" s="31"/>
      <c r="IAQ153" s="31"/>
      <c r="IAR153" s="31"/>
      <c r="IAS153" s="31"/>
      <c r="IAT153" s="31"/>
      <c r="IAU153" s="31"/>
      <c r="IAV153" s="31"/>
      <c r="IAW153" s="31"/>
      <c r="IAX153" s="31"/>
      <c r="IAY153" s="31"/>
      <c r="IAZ153" s="31"/>
      <c r="IBA153" s="31"/>
      <c r="IBB153" s="31"/>
      <c r="IBC153" s="31"/>
      <c r="IBD153" s="31"/>
      <c r="IBE153" s="31"/>
      <c r="IBF153" s="31"/>
      <c r="IBG153" s="31"/>
      <c r="IBH153" s="31"/>
      <c r="IBI153" s="31"/>
      <c r="IBJ153" s="31"/>
      <c r="IBK153" s="31"/>
      <c r="IBL153" s="31"/>
      <c r="IBM153" s="31"/>
      <c r="IBN153" s="31"/>
      <c r="IBO153" s="31"/>
      <c r="IBP153" s="31"/>
      <c r="IBQ153" s="31"/>
      <c r="IBR153" s="31"/>
      <c r="IBS153" s="31"/>
      <c r="IBT153" s="31"/>
      <c r="IBU153" s="31"/>
      <c r="IBV153" s="31"/>
      <c r="IBW153" s="31"/>
      <c r="IBX153" s="31"/>
      <c r="IBY153" s="31"/>
      <c r="IBZ153" s="31"/>
      <c r="ICA153" s="31"/>
      <c r="ICB153" s="31"/>
      <c r="ICC153" s="31"/>
      <c r="ICD153" s="31"/>
      <c r="ICE153" s="31"/>
      <c r="ICF153" s="31"/>
      <c r="ICG153" s="31"/>
      <c r="ICH153" s="31"/>
      <c r="ICI153" s="31"/>
      <c r="ICJ153" s="31"/>
      <c r="ICK153" s="31"/>
      <c r="ICL153" s="31"/>
      <c r="ICM153" s="31"/>
      <c r="ICN153" s="31"/>
      <c r="ICO153" s="31"/>
      <c r="ICP153" s="31"/>
      <c r="ICQ153" s="31"/>
      <c r="ICR153" s="31"/>
      <c r="ICS153" s="31"/>
      <c r="ICT153" s="31"/>
      <c r="ICU153" s="31"/>
      <c r="ICV153" s="31"/>
      <c r="ICW153" s="31"/>
      <c r="ICX153" s="31"/>
      <c r="ICY153" s="31"/>
      <c r="ICZ153" s="31"/>
      <c r="IDA153" s="31"/>
      <c r="IDB153" s="31"/>
      <c r="IDC153" s="31"/>
      <c r="IDD153" s="31"/>
      <c r="IDE153" s="31"/>
      <c r="IDF153" s="31"/>
      <c r="IDG153" s="31"/>
      <c r="IDH153" s="31"/>
      <c r="IDI153" s="31"/>
      <c r="IDJ153" s="31"/>
      <c r="IDK153" s="31"/>
      <c r="IDL153" s="31"/>
      <c r="IDM153" s="31"/>
      <c r="IDN153" s="31"/>
      <c r="IDO153" s="31"/>
      <c r="IDP153" s="31"/>
      <c r="IDQ153" s="31"/>
      <c r="IDR153" s="31"/>
      <c r="IDS153" s="31"/>
      <c r="IDT153" s="31"/>
      <c r="IDU153" s="31"/>
      <c r="IDV153" s="31"/>
      <c r="IDW153" s="31"/>
      <c r="IDX153" s="31"/>
      <c r="IDY153" s="31"/>
      <c r="IDZ153" s="31"/>
      <c r="IEA153" s="31"/>
      <c r="IEB153" s="31"/>
      <c r="IEC153" s="31"/>
      <c r="IED153" s="31"/>
      <c r="IEE153" s="31"/>
      <c r="IEF153" s="31"/>
      <c r="IEG153" s="31"/>
      <c r="IEH153" s="31"/>
      <c r="IEI153" s="31"/>
      <c r="IEJ153" s="31"/>
      <c r="IEK153" s="31"/>
      <c r="IEL153" s="31"/>
      <c r="IEM153" s="31"/>
      <c r="IEN153" s="31"/>
      <c r="IEO153" s="31"/>
      <c r="IEP153" s="31"/>
      <c r="IEQ153" s="31"/>
      <c r="IER153" s="31"/>
      <c r="IES153" s="31"/>
      <c r="IET153" s="31"/>
      <c r="IEU153" s="31"/>
      <c r="IEV153" s="31"/>
      <c r="IEW153" s="31"/>
      <c r="IEX153" s="31"/>
      <c r="IEY153" s="31"/>
      <c r="IEZ153" s="31"/>
      <c r="IFA153" s="31"/>
      <c r="IFB153" s="31"/>
      <c r="IFC153" s="31"/>
      <c r="IFD153" s="31"/>
      <c r="IFE153" s="31"/>
      <c r="IFF153" s="31"/>
      <c r="IFG153" s="31"/>
      <c r="IFH153" s="31"/>
      <c r="IFI153" s="31"/>
      <c r="IFJ153" s="31"/>
      <c r="IFK153" s="31"/>
      <c r="IFL153" s="31"/>
      <c r="IFM153" s="31"/>
      <c r="IFN153" s="31"/>
      <c r="IFO153" s="31"/>
      <c r="IFP153" s="31"/>
      <c r="IFQ153" s="31"/>
      <c r="IFR153" s="31"/>
      <c r="IFS153" s="31"/>
      <c r="IFT153" s="31"/>
      <c r="IFU153" s="31"/>
      <c r="IFV153" s="31"/>
      <c r="IFW153" s="31"/>
      <c r="IFX153" s="31"/>
      <c r="IFY153" s="31"/>
      <c r="IFZ153" s="31"/>
      <c r="IGA153" s="31"/>
      <c r="IGB153" s="31"/>
      <c r="IGC153" s="31"/>
      <c r="IGD153" s="31"/>
      <c r="IGE153" s="31"/>
      <c r="IGF153" s="31"/>
      <c r="IGG153" s="31"/>
      <c r="IGH153" s="31"/>
      <c r="IGI153" s="31"/>
      <c r="IGJ153" s="31"/>
      <c r="IGK153" s="31"/>
      <c r="IGL153" s="31"/>
      <c r="IGM153" s="31"/>
      <c r="IGN153" s="31"/>
      <c r="IGO153" s="31"/>
      <c r="IGP153" s="31"/>
      <c r="IGQ153" s="31"/>
      <c r="IGR153" s="31"/>
      <c r="IGS153" s="31"/>
      <c r="IGT153" s="31"/>
      <c r="IGU153" s="31"/>
      <c r="IGV153" s="31"/>
      <c r="IGW153" s="31"/>
      <c r="IGX153" s="31"/>
      <c r="IGY153" s="31"/>
      <c r="IGZ153" s="31"/>
      <c r="IHA153" s="31"/>
      <c r="IHB153" s="31"/>
      <c r="IHC153" s="31"/>
      <c r="IHD153" s="31"/>
      <c r="IHE153" s="31"/>
      <c r="IHF153" s="31"/>
      <c r="IHG153" s="31"/>
      <c r="IHH153" s="31"/>
      <c r="IHI153" s="31"/>
      <c r="IHJ153" s="31"/>
      <c r="IHK153" s="31"/>
      <c r="IHL153" s="31"/>
      <c r="IHM153" s="31"/>
      <c r="IHN153" s="31"/>
      <c r="IHO153" s="31"/>
      <c r="IHP153" s="31"/>
      <c r="IHQ153" s="31"/>
      <c r="IHR153" s="31"/>
      <c r="IHS153" s="31"/>
      <c r="IHT153" s="31"/>
      <c r="IHU153" s="31"/>
      <c r="IHV153" s="31"/>
      <c r="IHW153" s="31"/>
      <c r="IHX153" s="31"/>
      <c r="IHY153" s="31"/>
      <c r="IHZ153" s="31"/>
      <c r="IIA153" s="31"/>
      <c r="IIB153" s="31"/>
      <c r="IIC153" s="31"/>
      <c r="IID153" s="31"/>
      <c r="IIE153" s="31"/>
      <c r="IIF153" s="31"/>
      <c r="IIG153" s="31"/>
      <c r="IIH153" s="31"/>
      <c r="III153" s="31"/>
      <c r="IIJ153" s="31"/>
      <c r="IIK153" s="31"/>
      <c r="IIL153" s="31"/>
      <c r="IIM153" s="31"/>
      <c r="IIN153" s="31"/>
      <c r="IIO153" s="31"/>
      <c r="IIP153" s="31"/>
      <c r="IIQ153" s="31"/>
      <c r="IIR153" s="31"/>
      <c r="IIS153" s="31"/>
      <c r="IIT153" s="31"/>
      <c r="IIU153" s="31"/>
      <c r="IIV153" s="31"/>
      <c r="IIW153" s="31"/>
      <c r="IIX153" s="31"/>
      <c r="IIY153" s="31"/>
      <c r="IIZ153" s="31"/>
      <c r="IJA153" s="31"/>
      <c r="IJB153" s="31"/>
      <c r="IJC153" s="31"/>
      <c r="IJD153" s="31"/>
      <c r="IJE153" s="31"/>
      <c r="IJF153" s="31"/>
      <c r="IJG153" s="31"/>
      <c r="IJH153" s="31"/>
      <c r="IJI153" s="31"/>
      <c r="IJJ153" s="31"/>
      <c r="IJK153" s="31"/>
      <c r="IJL153" s="31"/>
      <c r="IJM153" s="31"/>
      <c r="IJN153" s="31"/>
      <c r="IJO153" s="31"/>
      <c r="IJP153" s="31"/>
      <c r="IJQ153" s="31"/>
      <c r="IJR153" s="31"/>
      <c r="IJS153" s="31"/>
      <c r="IJT153" s="31"/>
      <c r="IJU153" s="31"/>
      <c r="IJV153" s="31"/>
      <c r="IJW153" s="31"/>
      <c r="IJX153" s="31"/>
      <c r="IJY153" s="31"/>
      <c r="IJZ153" s="31"/>
      <c r="IKA153" s="31"/>
      <c r="IKB153" s="31"/>
      <c r="IKC153" s="31"/>
      <c r="IKD153" s="31"/>
      <c r="IKE153" s="31"/>
      <c r="IKF153" s="31"/>
      <c r="IKG153" s="31"/>
      <c r="IKH153" s="31"/>
      <c r="IKI153" s="31"/>
      <c r="IKJ153" s="31"/>
      <c r="IKK153" s="31"/>
      <c r="IKL153" s="31"/>
      <c r="IKM153" s="31"/>
      <c r="IKN153" s="31"/>
      <c r="IKO153" s="31"/>
      <c r="IKP153" s="31"/>
      <c r="IKQ153" s="31"/>
      <c r="IKR153" s="31"/>
      <c r="IKS153" s="31"/>
      <c r="IKT153" s="31"/>
      <c r="IKU153" s="31"/>
      <c r="IKV153" s="31"/>
      <c r="IKW153" s="31"/>
      <c r="IKX153" s="31"/>
      <c r="IKY153" s="31"/>
      <c r="IKZ153" s="31"/>
      <c r="ILA153" s="31"/>
      <c r="ILB153" s="31"/>
      <c r="ILC153" s="31"/>
      <c r="ILD153" s="31"/>
      <c r="ILE153" s="31"/>
      <c r="ILF153" s="31"/>
      <c r="ILG153" s="31"/>
      <c r="ILH153" s="31"/>
      <c r="ILI153" s="31"/>
      <c r="ILJ153" s="31"/>
      <c r="ILK153" s="31"/>
      <c r="ILL153" s="31"/>
      <c r="ILM153" s="31"/>
      <c r="ILN153" s="31"/>
      <c r="ILO153" s="31"/>
      <c r="ILP153" s="31"/>
      <c r="ILQ153" s="31"/>
      <c r="ILR153" s="31"/>
      <c r="ILS153" s="31"/>
      <c r="ILT153" s="31"/>
      <c r="ILU153" s="31"/>
      <c r="ILV153" s="31"/>
      <c r="ILW153" s="31"/>
      <c r="ILX153" s="31"/>
      <c r="ILY153" s="31"/>
      <c r="ILZ153" s="31"/>
      <c r="IMA153" s="31"/>
      <c r="IMB153" s="31"/>
      <c r="IMC153" s="31"/>
      <c r="IMD153" s="31"/>
      <c r="IME153" s="31"/>
      <c r="IMF153" s="31"/>
      <c r="IMG153" s="31"/>
      <c r="IMH153" s="31"/>
      <c r="IMI153" s="31"/>
      <c r="IMJ153" s="31"/>
      <c r="IMK153" s="31"/>
      <c r="IML153" s="31"/>
      <c r="IMM153" s="31"/>
      <c r="IMN153" s="31"/>
      <c r="IMO153" s="31"/>
      <c r="IMP153" s="31"/>
      <c r="IMQ153" s="31"/>
      <c r="IMR153" s="31"/>
      <c r="IMS153" s="31"/>
      <c r="IMT153" s="31"/>
      <c r="IMU153" s="31"/>
      <c r="IMV153" s="31"/>
      <c r="IMW153" s="31"/>
      <c r="IMX153" s="31"/>
      <c r="IMY153" s="31"/>
      <c r="IMZ153" s="31"/>
      <c r="INA153" s="31"/>
      <c r="INB153" s="31"/>
      <c r="INC153" s="31"/>
      <c r="IND153" s="31"/>
      <c r="INE153" s="31"/>
      <c r="INF153" s="31"/>
      <c r="ING153" s="31"/>
      <c r="INH153" s="31"/>
      <c r="INI153" s="31"/>
      <c r="INJ153" s="31"/>
      <c r="INK153" s="31"/>
      <c r="INL153" s="31"/>
      <c r="INM153" s="31"/>
      <c r="INN153" s="31"/>
      <c r="INO153" s="31"/>
      <c r="INP153" s="31"/>
      <c r="INQ153" s="31"/>
      <c r="INR153" s="31"/>
      <c r="INS153" s="31"/>
      <c r="INT153" s="31"/>
      <c r="INU153" s="31"/>
      <c r="INV153" s="31"/>
      <c r="INW153" s="31"/>
      <c r="INX153" s="31"/>
      <c r="INY153" s="31"/>
      <c r="INZ153" s="31"/>
      <c r="IOA153" s="31"/>
      <c r="IOB153" s="31"/>
      <c r="IOC153" s="31"/>
      <c r="IOD153" s="31"/>
      <c r="IOE153" s="31"/>
      <c r="IOF153" s="31"/>
      <c r="IOG153" s="31"/>
      <c r="IOH153" s="31"/>
      <c r="IOI153" s="31"/>
      <c r="IOJ153" s="31"/>
      <c r="IOK153" s="31"/>
      <c r="IOL153" s="31"/>
      <c r="IOM153" s="31"/>
      <c r="ION153" s="31"/>
      <c r="IOO153" s="31"/>
      <c r="IOP153" s="31"/>
      <c r="IOQ153" s="31"/>
      <c r="IOR153" s="31"/>
      <c r="IOS153" s="31"/>
      <c r="IOT153" s="31"/>
      <c r="IOU153" s="31"/>
      <c r="IOV153" s="31"/>
      <c r="IOW153" s="31"/>
      <c r="IOX153" s="31"/>
      <c r="IOY153" s="31"/>
      <c r="IOZ153" s="31"/>
      <c r="IPA153" s="31"/>
      <c r="IPB153" s="31"/>
      <c r="IPC153" s="31"/>
      <c r="IPD153" s="31"/>
      <c r="IPE153" s="31"/>
      <c r="IPF153" s="31"/>
      <c r="IPG153" s="31"/>
      <c r="IPH153" s="31"/>
      <c r="IPI153" s="31"/>
      <c r="IPJ153" s="31"/>
      <c r="IPK153" s="31"/>
      <c r="IPL153" s="31"/>
      <c r="IPM153" s="31"/>
      <c r="IPN153" s="31"/>
      <c r="IPO153" s="31"/>
      <c r="IPP153" s="31"/>
      <c r="IPQ153" s="31"/>
      <c r="IPR153" s="31"/>
      <c r="IPS153" s="31"/>
      <c r="IPT153" s="31"/>
      <c r="IPU153" s="31"/>
      <c r="IPV153" s="31"/>
      <c r="IPW153" s="31"/>
      <c r="IPX153" s="31"/>
      <c r="IPY153" s="31"/>
      <c r="IPZ153" s="31"/>
      <c r="IQA153" s="31"/>
      <c r="IQB153" s="31"/>
      <c r="IQC153" s="31"/>
      <c r="IQD153" s="31"/>
      <c r="IQE153" s="31"/>
      <c r="IQF153" s="31"/>
      <c r="IQG153" s="31"/>
      <c r="IQH153" s="31"/>
      <c r="IQI153" s="31"/>
      <c r="IQJ153" s="31"/>
      <c r="IQK153" s="31"/>
      <c r="IQL153" s="31"/>
      <c r="IQM153" s="31"/>
      <c r="IQN153" s="31"/>
      <c r="IQO153" s="31"/>
      <c r="IQP153" s="31"/>
      <c r="IQQ153" s="31"/>
      <c r="IQR153" s="31"/>
      <c r="IQS153" s="31"/>
      <c r="IQT153" s="31"/>
      <c r="IQU153" s="31"/>
      <c r="IQV153" s="31"/>
      <c r="IQW153" s="31"/>
      <c r="IQX153" s="31"/>
      <c r="IQY153" s="31"/>
      <c r="IQZ153" s="31"/>
      <c r="IRA153" s="31"/>
      <c r="IRB153" s="31"/>
      <c r="IRC153" s="31"/>
      <c r="IRD153" s="31"/>
      <c r="IRE153" s="31"/>
      <c r="IRF153" s="31"/>
      <c r="IRG153" s="31"/>
      <c r="IRH153" s="31"/>
      <c r="IRI153" s="31"/>
      <c r="IRJ153" s="31"/>
      <c r="IRK153" s="31"/>
      <c r="IRL153" s="31"/>
      <c r="IRM153" s="31"/>
      <c r="IRN153" s="31"/>
      <c r="IRO153" s="31"/>
      <c r="IRP153" s="31"/>
      <c r="IRQ153" s="31"/>
      <c r="IRR153" s="31"/>
      <c r="IRS153" s="31"/>
      <c r="IRT153" s="31"/>
      <c r="IRU153" s="31"/>
      <c r="IRV153" s="31"/>
      <c r="IRW153" s="31"/>
      <c r="IRX153" s="31"/>
      <c r="IRY153" s="31"/>
      <c r="IRZ153" s="31"/>
      <c r="ISA153" s="31"/>
      <c r="ISB153" s="31"/>
      <c r="ISC153" s="31"/>
      <c r="ISD153" s="31"/>
      <c r="ISE153" s="31"/>
      <c r="ISF153" s="31"/>
      <c r="ISG153" s="31"/>
      <c r="ISH153" s="31"/>
      <c r="ISI153" s="31"/>
      <c r="ISJ153" s="31"/>
      <c r="ISK153" s="31"/>
      <c r="ISL153" s="31"/>
      <c r="ISM153" s="31"/>
      <c r="ISN153" s="31"/>
      <c r="ISO153" s="31"/>
      <c r="ISP153" s="31"/>
      <c r="ISQ153" s="31"/>
      <c r="ISR153" s="31"/>
      <c r="ISS153" s="31"/>
      <c r="IST153" s="31"/>
      <c r="ISU153" s="31"/>
      <c r="ISV153" s="31"/>
      <c r="ISW153" s="31"/>
      <c r="ISX153" s="31"/>
      <c r="ISY153" s="31"/>
      <c r="ISZ153" s="31"/>
      <c r="ITA153" s="31"/>
      <c r="ITB153" s="31"/>
      <c r="ITC153" s="31"/>
      <c r="ITD153" s="31"/>
      <c r="ITE153" s="31"/>
      <c r="ITF153" s="31"/>
      <c r="ITG153" s="31"/>
      <c r="ITH153" s="31"/>
      <c r="ITI153" s="31"/>
      <c r="ITJ153" s="31"/>
      <c r="ITK153" s="31"/>
      <c r="ITL153" s="31"/>
      <c r="ITM153" s="31"/>
      <c r="ITN153" s="31"/>
      <c r="ITO153" s="31"/>
      <c r="ITP153" s="31"/>
      <c r="ITQ153" s="31"/>
      <c r="ITR153" s="31"/>
      <c r="ITS153" s="31"/>
      <c r="ITT153" s="31"/>
      <c r="ITU153" s="31"/>
      <c r="ITV153" s="31"/>
      <c r="ITW153" s="31"/>
      <c r="ITX153" s="31"/>
      <c r="ITY153" s="31"/>
      <c r="ITZ153" s="31"/>
      <c r="IUA153" s="31"/>
      <c r="IUB153" s="31"/>
      <c r="IUC153" s="31"/>
      <c r="IUD153" s="31"/>
      <c r="IUE153" s="31"/>
      <c r="IUF153" s="31"/>
      <c r="IUG153" s="31"/>
      <c r="IUH153" s="31"/>
      <c r="IUI153" s="31"/>
      <c r="IUJ153" s="31"/>
      <c r="IUK153" s="31"/>
      <c r="IUL153" s="31"/>
      <c r="IUM153" s="31"/>
      <c r="IUN153" s="31"/>
      <c r="IUO153" s="31"/>
      <c r="IUP153" s="31"/>
      <c r="IUQ153" s="31"/>
      <c r="IUR153" s="31"/>
      <c r="IUS153" s="31"/>
      <c r="IUT153" s="31"/>
      <c r="IUU153" s="31"/>
      <c r="IUV153" s="31"/>
      <c r="IUW153" s="31"/>
      <c r="IUX153" s="31"/>
      <c r="IUY153" s="31"/>
      <c r="IUZ153" s="31"/>
      <c r="IVA153" s="31"/>
      <c r="IVB153" s="31"/>
      <c r="IVC153" s="31"/>
      <c r="IVD153" s="31"/>
      <c r="IVE153" s="31"/>
      <c r="IVF153" s="31"/>
      <c r="IVG153" s="31"/>
      <c r="IVH153" s="31"/>
      <c r="IVI153" s="31"/>
      <c r="IVJ153" s="31"/>
      <c r="IVK153" s="31"/>
      <c r="IVL153" s="31"/>
      <c r="IVM153" s="31"/>
      <c r="IVN153" s="31"/>
      <c r="IVO153" s="31"/>
      <c r="IVP153" s="31"/>
      <c r="IVQ153" s="31"/>
      <c r="IVR153" s="31"/>
      <c r="IVS153" s="31"/>
      <c r="IVT153" s="31"/>
      <c r="IVU153" s="31"/>
      <c r="IVV153" s="31"/>
      <c r="IVW153" s="31"/>
      <c r="IVX153" s="31"/>
      <c r="IVY153" s="31"/>
      <c r="IVZ153" s="31"/>
      <c r="IWA153" s="31"/>
      <c r="IWB153" s="31"/>
      <c r="IWC153" s="31"/>
      <c r="IWD153" s="31"/>
      <c r="IWE153" s="31"/>
      <c r="IWF153" s="31"/>
      <c r="IWG153" s="31"/>
      <c r="IWH153" s="31"/>
      <c r="IWI153" s="31"/>
      <c r="IWJ153" s="31"/>
      <c r="IWK153" s="31"/>
      <c r="IWL153" s="31"/>
      <c r="IWM153" s="31"/>
      <c r="IWN153" s="31"/>
      <c r="IWO153" s="31"/>
      <c r="IWP153" s="31"/>
      <c r="IWQ153" s="31"/>
      <c r="IWR153" s="31"/>
      <c r="IWS153" s="31"/>
      <c r="IWT153" s="31"/>
      <c r="IWU153" s="31"/>
      <c r="IWV153" s="31"/>
      <c r="IWW153" s="31"/>
      <c r="IWX153" s="31"/>
      <c r="IWY153" s="31"/>
      <c r="IWZ153" s="31"/>
      <c r="IXA153" s="31"/>
      <c r="IXB153" s="31"/>
      <c r="IXC153" s="31"/>
      <c r="IXD153" s="31"/>
      <c r="IXE153" s="31"/>
      <c r="IXF153" s="31"/>
      <c r="IXG153" s="31"/>
      <c r="IXH153" s="31"/>
      <c r="IXI153" s="31"/>
      <c r="IXJ153" s="31"/>
      <c r="IXK153" s="31"/>
      <c r="IXL153" s="31"/>
      <c r="IXM153" s="31"/>
      <c r="IXN153" s="31"/>
      <c r="IXO153" s="31"/>
      <c r="IXP153" s="31"/>
      <c r="IXQ153" s="31"/>
      <c r="IXR153" s="31"/>
      <c r="IXS153" s="31"/>
      <c r="IXT153" s="31"/>
      <c r="IXU153" s="31"/>
      <c r="IXV153" s="31"/>
      <c r="IXW153" s="31"/>
      <c r="IXX153" s="31"/>
      <c r="IXY153" s="31"/>
      <c r="IXZ153" s="31"/>
      <c r="IYA153" s="31"/>
      <c r="IYB153" s="31"/>
      <c r="IYC153" s="31"/>
      <c r="IYD153" s="31"/>
      <c r="IYE153" s="31"/>
      <c r="IYF153" s="31"/>
      <c r="IYG153" s="31"/>
      <c r="IYH153" s="31"/>
      <c r="IYI153" s="31"/>
      <c r="IYJ153" s="31"/>
      <c r="IYK153" s="31"/>
      <c r="IYL153" s="31"/>
      <c r="IYM153" s="31"/>
      <c r="IYN153" s="31"/>
      <c r="IYO153" s="31"/>
      <c r="IYP153" s="31"/>
      <c r="IYQ153" s="31"/>
      <c r="IYR153" s="31"/>
      <c r="IYS153" s="31"/>
      <c r="IYT153" s="31"/>
      <c r="IYU153" s="31"/>
      <c r="IYV153" s="31"/>
      <c r="IYW153" s="31"/>
      <c r="IYX153" s="31"/>
      <c r="IYY153" s="31"/>
      <c r="IYZ153" s="31"/>
      <c r="IZA153" s="31"/>
      <c r="IZB153" s="31"/>
      <c r="IZC153" s="31"/>
      <c r="IZD153" s="31"/>
      <c r="IZE153" s="31"/>
      <c r="IZF153" s="31"/>
      <c r="IZG153" s="31"/>
      <c r="IZH153" s="31"/>
      <c r="IZI153" s="31"/>
      <c r="IZJ153" s="31"/>
      <c r="IZK153" s="31"/>
      <c r="IZL153" s="31"/>
      <c r="IZM153" s="31"/>
      <c r="IZN153" s="31"/>
      <c r="IZO153" s="31"/>
      <c r="IZP153" s="31"/>
      <c r="IZQ153" s="31"/>
      <c r="IZR153" s="31"/>
      <c r="IZS153" s="31"/>
      <c r="IZT153" s="31"/>
      <c r="IZU153" s="31"/>
      <c r="IZV153" s="31"/>
      <c r="IZW153" s="31"/>
      <c r="IZX153" s="31"/>
      <c r="IZY153" s="31"/>
      <c r="IZZ153" s="31"/>
      <c r="JAA153" s="31"/>
      <c r="JAB153" s="31"/>
      <c r="JAC153" s="31"/>
      <c r="JAD153" s="31"/>
      <c r="JAE153" s="31"/>
      <c r="JAF153" s="31"/>
      <c r="JAG153" s="31"/>
      <c r="JAH153" s="31"/>
      <c r="JAI153" s="31"/>
      <c r="JAJ153" s="31"/>
      <c r="JAK153" s="31"/>
      <c r="JAL153" s="31"/>
      <c r="JAM153" s="31"/>
      <c r="JAN153" s="31"/>
      <c r="JAO153" s="31"/>
      <c r="JAP153" s="31"/>
      <c r="JAQ153" s="31"/>
      <c r="JAR153" s="31"/>
      <c r="JAS153" s="31"/>
      <c r="JAT153" s="31"/>
      <c r="JAU153" s="31"/>
      <c r="JAV153" s="31"/>
      <c r="JAW153" s="31"/>
      <c r="JAX153" s="31"/>
      <c r="JAY153" s="31"/>
      <c r="JAZ153" s="31"/>
      <c r="JBA153" s="31"/>
      <c r="JBB153" s="31"/>
      <c r="JBC153" s="31"/>
      <c r="JBD153" s="31"/>
      <c r="JBE153" s="31"/>
      <c r="JBF153" s="31"/>
      <c r="JBG153" s="31"/>
      <c r="JBH153" s="31"/>
      <c r="JBI153" s="31"/>
      <c r="JBJ153" s="31"/>
      <c r="JBK153" s="31"/>
      <c r="JBL153" s="31"/>
      <c r="JBM153" s="31"/>
      <c r="JBN153" s="31"/>
      <c r="JBO153" s="31"/>
      <c r="JBP153" s="31"/>
      <c r="JBQ153" s="31"/>
      <c r="JBR153" s="31"/>
      <c r="JBS153" s="31"/>
      <c r="JBT153" s="31"/>
      <c r="JBU153" s="31"/>
      <c r="JBV153" s="31"/>
      <c r="JBW153" s="31"/>
      <c r="JBX153" s="31"/>
      <c r="JBY153" s="31"/>
      <c r="JBZ153" s="31"/>
      <c r="JCA153" s="31"/>
      <c r="JCB153" s="31"/>
      <c r="JCC153" s="31"/>
      <c r="JCD153" s="31"/>
      <c r="JCE153" s="31"/>
      <c r="JCF153" s="31"/>
      <c r="JCG153" s="31"/>
      <c r="JCH153" s="31"/>
      <c r="JCI153" s="31"/>
      <c r="JCJ153" s="31"/>
      <c r="JCK153" s="31"/>
      <c r="JCL153" s="31"/>
      <c r="JCM153" s="31"/>
      <c r="JCN153" s="31"/>
      <c r="JCO153" s="31"/>
      <c r="JCP153" s="31"/>
      <c r="JCQ153" s="31"/>
      <c r="JCR153" s="31"/>
      <c r="JCS153" s="31"/>
      <c r="JCT153" s="31"/>
      <c r="JCU153" s="31"/>
      <c r="JCV153" s="31"/>
      <c r="JCW153" s="31"/>
      <c r="JCX153" s="31"/>
      <c r="JCY153" s="31"/>
      <c r="JCZ153" s="31"/>
      <c r="JDA153" s="31"/>
      <c r="JDB153" s="31"/>
      <c r="JDC153" s="31"/>
      <c r="JDD153" s="31"/>
      <c r="JDE153" s="31"/>
      <c r="JDF153" s="31"/>
      <c r="JDG153" s="31"/>
      <c r="JDH153" s="31"/>
      <c r="JDI153" s="31"/>
      <c r="JDJ153" s="31"/>
      <c r="JDK153" s="31"/>
      <c r="JDL153" s="31"/>
      <c r="JDM153" s="31"/>
      <c r="JDN153" s="31"/>
      <c r="JDO153" s="31"/>
      <c r="JDP153" s="31"/>
      <c r="JDQ153" s="31"/>
      <c r="JDR153" s="31"/>
      <c r="JDS153" s="31"/>
      <c r="JDT153" s="31"/>
      <c r="JDU153" s="31"/>
      <c r="JDV153" s="31"/>
      <c r="JDW153" s="31"/>
      <c r="JDX153" s="31"/>
      <c r="JDY153" s="31"/>
      <c r="JDZ153" s="31"/>
      <c r="JEA153" s="31"/>
      <c r="JEB153" s="31"/>
      <c r="JEC153" s="31"/>
      <c r="JED153" s="31"/>
      <c r="JEE153" s="31"/>
      <c r="JEF153" s="31"/>
      <c r="JEG153" s="31"/>
      <c r="JEH153" s="31"/>
      <c r="JEI153" s="31"/>
      <c r="JEJ153" s="31"/>
      <c r="JEK153" s="31"/>
      <c r="JEL153" s="31"/>
      <c r="JEM153" s="31"/>
      <c r="JEN153" s="31"/>
      <c r="JEO153" s="31"/>
      <c r="JEP153" s="31"/>
      <c r="JEQ153" s="31"/>
      <c r="JER153" s="31"/>
      <c r="JES153" s="31"/>
      <c r="JET153" s="31"/>
      <c r="JEU153" s="31"/>
      <c r="JEV153" s="31"/>
      <c r="JEW153" s="31"/>
      <c r="JEX153" s="31"/>
      <c r="JEY153" s="31"/>
      <c r="JEZ153" s="31"/>
      <c r="JFA153" s="31"/>
      <c r="JFB153" s="31"/>
      <c r="JFC153" s="31"/>
      <c r="JFD153" s="31"/>
      <c r="JFE153" s="31"/>
      <c r="JFF153" s="31"/>
      <c r="JFG153" s="31"/>
      <c r="JFH153" s="31"/>
      <c r="JFI153" s="31"/>
      <c r="JFJ153" s="31"/>
      <c r="JFK153" s="31"/>
      <c r="JFL153" s="31"/>
      <c r="JFM153" s="31"/>
      <c r="JFN153" s="31"/>
      <c r="JFO153" s="31"/>
      <c r="JFP153" s="31"/>
      <c r="JFQ153" s="31"/>
      <c r="JFR153" s="31"/>
      <c r="JFS153" s="31"/>
      <c r="JFT153" s="31"/>
      <c r="JFU153" s="31"/>
      <c r="JFV153" s="31"/>
      <c r="JFW153" s="31"/>
      <c r="JFX153" s="31"/>
      <c r="JFY153" s="31"/>
      <c r="JFZ153" s="31"/>
      <c r="JGA153" s="31"/>
      <c r="JGB153" s="31"/>
      <c r="JGC153" s="31"/>
      <c r="JGD153" s="31"/>
      <c r="JGE153" s="31"/>
      <c r="JGF153" s="31"/>
      <c r="JGG153" s="31"/>
      <c r="JGH153" s="31"/>
      <c r="JGI153" s="31"/>
      <c r="JGJ153" s="31"/>
      <c r="JGK153" s="31"/>
      <c r="JGL153" s="31"/>
      <c r="JGM153" s="31"/>
      <c r="JGN153" s="31"/>
      <c r="JGO153" s="31"/>
      <c r="JGP153" s="31"/>
      <c r="JGQ153" s="31"/>
      <c r="JGR153" s="31"/>
      <c r="JGS153" s="31"/>
      <c r="JGT153" s="31"/>
      <c r="JGU153" s="31"/>
      <c r="JGV153" s="31"/>
      <c r="JGW153" s="31"/>
      <c r="JGX153" s="31"/>
      <c r="JGY153" s="31"/>
      <c r="JGZ153" s="31"/>
      <c r="JHA153" s="31"/>
      <c r="JHB153" s="31"/>
      <c r="JHC153" s="31"/>
      <c r="JHD153" s="31"/>
      <c r="JHE153" s="31"/>
      <c r="JHF153" s="31"/>
      <c r="JHG153" s="31"/>
      <c r="JHH153" s="31"/>
      <c r="JHI153" s="31"/>
      <c r="JHJ153" s="31"/>
      <c r="JHK153" s="31"/>
      <c r="JHL153" s="31"/>
      <c r="JHM153" s="31"/>
      <c r="JHN153" s="31"/>
      <c r="JHO153" s="31"/>
      <c r="JHP153" s="31"/>
      <c r="JHQ153" s="31"/>
      <c r="JHR153" s="31"/>
      <c r="JHS153" s="31"/>
      <c r="JHT153" s="31"/>
      <c r="JHU153" s="31"/>
      <c r="JHV153" s="31"/>
      <c r="JHW153" s="31"/>
      <c r="JHX153" s="31"/>
      <c r="JHY153" s="31"/>
      <c r="JHZ153" s="31"/>
      <c r="JIA153" s="31"/>
      <c r="JIB153" s="31"/>
      <c r="JIC153" s="31"/>
      <c r="JID153" s="31"/>
      <c r="JIE153" s="31"/>
      <c r="JIF153" s="31"/>
      <c r="JIG153" s="31"/>
      <c r="JIH153" s="31"/>
      <c r="JII153" s="31"/>
      <c r="JIJ153" s="31"/>
      <c r="JIK153" s="31"/>
      <c r="JIL153" s="31"/>
      <c r="JIM153" s="31"/>
      <c r="JIN153" s="31"/>
      <c r="JIO153" s="31"/>
      <c r="JIP153" s="31"/>
      <c r="JIQ153" s="31"/>
      <c r="JIR153" s="31"/>
      <c r="JIS153" s="31"/>
      <c r="JIT153" s="31"/>
      <c r="JIU153" s="31"/>
      <c r="JIV153" s="31"/>
      <c r="JIW153" s="31"/>
      <c r="JIX153" s="31"/>
      <c r="JIY153" s="31"/>
      <c r="JIZ153" s="31"/>
      <c r="JJA153" s="31"/>
      <c r="JJB153" s="31"/>
      <c r="JJC153" s="31"/>
      <c r="JJD153" s="31"/>
      <c r="JJE153" s="31"/>
      <c r="JJF153" s="31"/>
      <c r="JJG153" s="31"/>
      <c r="JJH153" s="31"/>
      <c r="JJI153" s="31"/>
      <c r="JJJ153" s="31"/>
      <c r="JJK153" s="31"/>
      <c r="JJL153" s="31"/>
      <c r="JJM153" s="31"/>
      <c r="JJN153" s="31"/>
      <c r="JJO153" s="31"/>
      <c r="JJP153" s="31"/>
      <c r="JJQ153" s="31"/>
      <c r="JJR153" s="31"/>
      <c r="JJS153" s="31"/>
      <c r="JJT153" s="31"/>
      <c r="JJU153" s="31"/>
      <c r="JJV153" s="31"/>
      <c r="JJW153" s="31"/>
      <c r="JJX153" s="31"/>
      <c r="JJY153" s="31"/>
      <c r="JJZ153" s="31"/>
      <c r="JKA153" s="31"/>
      <c r="JKB153" s="31"/>
      <c r="JKC153" s="31"/>
      <c r="JKD153" s="31"/>
      <c r="JKE153" s="31"/>
      <c r="JKF153" s="31"/>
      <c r="JKG153" s="31"/>
      <c r="JKH153" s="31"/>
      <c r="JKI153" s="31"/>
      <c r="JKJ153" s="31"/>
      <c r="JKK153" s="31"/>
      <c r="JKL153" s="31"/>
      <c r="JKM153" s="31"/>
      <c r="JKN153" s="31"/>
      <c r="JKO153" s="31"/>
      <c r="JKP153" s="31"/>
      <c r="JKQ153" s="31"/>
      <c r="JKR153" s="31"/>
      <c r="JKS153" s="31"/>
      <c r="JKT153" s="31"/>
      <c r="JKU153" s="31"/>
      <c r="JKV153" s="31"/>
      <c r="JKW153" s="31"/>
      <c r="JKX153" s="31"/>
      <c r="JKY153" s="31"/>
      <c r="JKZ153" s="31"/>
      <c r="JLA153" s="31"/>
      <c r="JLB153" s="31"/>
      <c r="JLC153" s="31"/>
      <c r="JLD153" s="31"/>
      <c r="JLE153" s="31"/>
      <c r="JLF153" s="31"/>
      <c r="JLG153" s="31"/>
      <c r="JLH153" s="31"/>
      <c r="JLI153" s="31"/>
      <c r="JLJ153" s="31"/>
      <c r="JLK153" s="31"/>
      <c r="JLL153" s="31"/>
      <c r="JLM153" s="31"/>
      <c r="JLN153" s="31"/>
      <c r="JLO153" s="31"/>
      <c r="JLP153" s="31"/>
      <c r="JLQ153" s="31"/>
      <c r="JLR153" s="31"/>
      <c r="JLS153" s="31"/>
      <c r="JLT153" s="31"/>
      <c r="JLU153" s="31"/>
      <c r="JLV153" s="31"/>
      <c r="JLW153" s="31"/>
      <c r="JLX153" s="31"/>
      <c r="JLY153" s="31"/>
      <c r="JLZ153" s="31"/>
      <c r="JMA153" s="31"/>
      <c r="JMB153" s="31"/>
      <c r="JMC153" s="31"/>
      <c r="JMD153" s="31"/>
      <c r="JME153" s="31"/>
      <c r="JMF153" s="31"/>
      <c r="JMG153" s="31"/>
      <c r="JMH153" s="31"/>
      <c r="JMI153" s="31"/>
      <c r="JMJ153" s="31"/>
      <c r="JMK153" s="31"/>
      <c r="JML153" s="31"/>
      <c r="JMM153" s="31"/>
      <c r="JMN153" s="31"/>
      <c r="JMO153" s="31"/>
      <c r="JMP153" s="31"/>
      <c r="JMQ153" s="31"/>
      <c r="JMR153" s="31"/>
      <c r="JMS153" s="31"/>
      <c r="JMT153" s="31"/>
      <c r="JMU153" s="31"/>
      <c r="JMV153" s="31"/>
      <c r="JMW153" s="31"/>
      <c r="JMX153" s="31"/>
      <c r="JMY153" s="31"/>
      <c r="JMZ153" s="31"/>
      <c r="JNA153" s="31"/>
      <c r="JNB153" s="31"/>
      <c r="JNC153" s="31"/>
      <c r="JND153" s="31"/>
      <c r="JNE153" s="31"/>
      <c r="JNF153" s="31"/>
      <c r="JNG153" s="31"/>
      <c r="JNH153" s="31"/>
      <c r="JNI153" s="31"/>
      <c r="JNJ153" s="31"/>
      <c r="JNK153" s="31"/>
      <c r="JNL153" s="31"/>
      <c r="JNM153" s="31"/>
      <c r="JNN153" s="31"/>
      <c r="JNO153" s="31"/>
      <c r="JNP153" s="31"/>
      <c r="JNQ153" s="31"/>
      <c r="JNR153" s="31"/>
      <c r="JNS153" s="31"/>
      <c r="JNT153" s="31"/>
      <c r="JNU153" s="31"/>
      <c r="JNV153" s="31"/>
      <c r="JNW153" s="31"/>
      <c r="JNX153" s="31"/>
      <c r="JNY153" s="31"/>
      <c r="JNZ153" s="31"/>
      <c r="JOA153" s="31"/>
      <c r="JOB153" s="31"/>
      <c r="JOC153" s="31"/>
      <c r="JOD153" s="31"/>
      <c r="JOE153" s="31"/>
      <c r="JOF153" s="31"/>
      <c r="JOG153" s="31"/>
      <c r="JOH153" s="31"/>
      <c r="JOI153" s="31"/>
      <c r="JOJ153" s="31"/>
      <c r="JOK153" s="31"/>
      <c r="JOL153" s="31"/>
      <c r="JOM153" s="31"/>
      <c r="JON153" s="31"/>
      <c r="JOO153" s="31"/>
      <c r="JOP153" s="31"/>
      <c r="JOQ153" s="31"/>
      <c r="JOR153" s="31"/>
      <c r="JOS153" s="31"/>
      <c r="JOT153" s="31"/>
      <c r="JOU153" s="31"/>
      <c r="JOV153" s="31"/>
      <c r="JOW153" s="31"/>
      <c r="JOX153" s="31"/>
      <c r="JOY153" s="31"/>
      <c r="JOZ153" s="31"/>
      <c r="JPA153" s="31"/>
      <c r="JPB153" s="31"/>
      <c r="JPC153" s="31"/>
      <c r="JPD153" s="31"/>
      <c r="JPE153" s="31"/>
      <c r="JPF153" s="31"/>
      <c r="JPG153" s="31"/>
      <c r="JPH153" s="31"/>
      <c r="JPI153" s="31"/>
      <c r="JPJ153" s="31"/>
      <c r="JPK153" s="31"/>
      <c r="JPL153" s="31"/>
      <c r="JPM153" s="31"/>
      <c r="JPN153" s="31"/>
      <c r="JPO153" s="31"/>
      <c r="JPP153" s="31"/>
      <c r="JPQ153" s="31"/>
      <c r="JPR153" s="31"/>
      <c r="JPS153" s="31"/>
      <c r="JPT153" s="31"/>
      <c r="JPU153" s="31"/>
      <c r="JPV153" s="31"/>
      <c r="JPW153" s="31"/>
      <c r="JPX153" s="31"/>
      <c r="JPY153" s="31"/>
      <c r="JPZ153" s="31"/>
      <c r="JQA153" s="31"/>
      <c r="JQB153" s="31"/>
      <c r="JQC153" s="31"/>
      <c r="JQD153" s="31"/>
      <c r="JQE153" s="31"/>
      <c r="JQF153" s="31"/>
      <c r="JQG153" s="31"/>
      <c r="JQH153" s="31"/>
      <c r="JQI153" s="31"/>
      <c r="JQJ153" s="31"/>
      <c r="JQK153" s="31"/>
      <c r="JQL153" s="31"/>
      <c r="JQM153" s="31"/>
      <c r="JQN153" s="31"/>
      <c r="JQO153" s="31"/>
      <c r="JQP153" s="31"/>
      <c r="JQQ153" s="31"/>
      <c r="JQR153" s="31"/>
      <c r="JQS153" s="31"/>
      <c r="JQT153" s="31"/>
      <c r="JQU153" s="31"/>
      <c r="JQV153" s="31"/>
      <c r="JQW153" s="31"/>
      <c r="JQX153" s="31"/>
      <c r="JQY153" s="31"/>
      <c r="JQZ153" s="31"/>
      <c r="JRA153" s="31"/>
      <c r="JRB153" s="31"/>
      <c r="JRC153" s="31"/>
      <c r="JRD153" s="31"/>
      <c r="JRE153" s="31"/>
      <c r="JRF153" s="31"/>
      <c r="JRG153" s="31"/>
      <c r="JRH153" s="31"/>
      <c r="JRI153" s="31"/>
      <c r="JRJ153" s="31"/>
      <c r="JRK153" s="31"/>
      <c r="JRL153" s="31"/>
      <c r="JRM153" s="31"/>
      <c r="JRN153" s="31"/>
      <c r="JRO153" s="31"/>
      <c r="JRP153" s="31"/>
      <c r="JRQ153" s="31"/>
      <c r="JRR153" s="31"/>
      <c r="JRS153" s="31"/>
      <c r="JRT153" s="31"/>
      <c r="JRU153" s="31"/>
      <c r="JRV153" s="31"/>
      <c r="JRW153" s="31"/>
      <c r="JRX153" s="31"/>
      <c r="JRY153" s="31"/>
      <c r="JRZ153" s="31"/>
      <c r="JSA153" s="31"/>
      <c r="JSB153" s="31"/>
      <c r="JSC153" s="31"/>
      <c r="JSD153" s="31"/>
      <c r="JSE153" s="31"/>
      <c r="JSF153" s="31"/>
      <c r="JSG153" s="31"/>
      <c r="JSH153" s="31"/>
      <c r="JSI153" s="31"/>
      <c r="JSJ153" s="31"/>
      <c r="JSK153" s="31"/>
      <c r="JSL153" s="31"/>
      <c r="JSM153" s="31"/>
      <c r="JSN153" s="31"/>
      <c r="JSO153" s="31"/>
      <c r="JSP153" s="31"/>
      <c r="JSQ153" s="31"/>
      <c r="JSR153" s="31"/>
      <c r="JSS153" s="31"/>
      <c r="JST153" s="31"/>
      <c r="JSU153" s="31"/>
      <c r="JSV153" s="31"/>
      <c r="JSW153" s="31"/>
      <c r="JSX153" s="31"/>
      <c r="JSY153" s="31"/>
      <c r="JSZ153" s="31"/>
      <c r="JTA153" s="31"/>
      <c r="JTB153" s="31"/>
      <c r="JTC153" s="31"/>
      <c r="JTD153" s="31"/>
      <c r="JTE153" s="31"/>
      <c r="JTF153" s="31"/>
      <c r="JTG153" s="31"/>
      <c r="JTH153" s="31"/>
      <c r="JTI153" s="31"/>
      <c r="JTJ153" s="31"/>
      <c r="JTK153" s="31"/>
      <c r="JTL153" s="31"/>
      <c r="JTM153" s="31"/>
      <c r="JTN153" s="31"/>
      <c r="JTO153" s="31"/>
      <c r="JTP153" s="31"/>
      <c r="JTQ153" s="31"/>
      <c r="JTR153" s="31"/>
      <c r="JTS153" s="31"/>
      <c r="JTT153" s="31"/>
      <c r="JTU153" s="31"/>
      <c r="JTV153" s="31"/>
      <c r="JTW153" s="31"/>
      <c r="JTX153" s="31"/>
      <c r="JTY153" s="31"/>
      <c r="JTZ153" s="31"/>
      <c r="JUA153" s="31"/>
      <c r="JUB153" s="31"/>
      <c r="JUC153" s="31"/>
      <c r="JUD153" s="31"/>
      <c r="JUE153" s="31"/>
      <c r="JUF153" s="31"/>
      <c r="JUG153" s="31"/>
      <c r="JUH153" s="31"/>
      <c r="JUI153" s="31"/>
      <c r="JUJ153" s="31"/>
      <c r="JUK153" s="31"/>
      <c r="JUL153" s="31"/>
      <c r="JUM153" s="31"/>
      <c r="JUN153" s="31"/>
      <c r="JUO153" s="31"/>
      <c r="JUP153" s="31"/>
      <c r="JUQ153" s="31"/>
      <c r="JUR153" s="31"/>
      <c r="JUS153" s="31"/>
      <c r="JUT153" s="31"/>
      <c r="JUU153" s="31"/>
      <c r="JUV153" s="31"/>
      <c r="JUW153" s="31"/>
      <c r="JUX153" s="31"/>
      <c r="JUY153" s="31"/>
      <c r="JUZ153" s="31"/>
      <c r="JVA153" s="31"/>
      <c r="JVB153" s="31"/>
      <c r="JVC153" s="31"/>
      <c r="JVD153" s="31"/>
      <c r="JVE153" s="31"/>
      <c r="JVF153" s="31"/>
      <c r="JVG153" s="31"/>
      <c r="JVH153" s="31"/>
      <c r="JVI153" s="31"/>
      <c r="JVJ153" s="31"/>
      <c r="JVK153" s="31"/>
      <c r="JVL153" s="31"/>
      <c r="JVM153" s="31"/>
      <c r="JVN153" s="31"/>
      <c r="JVO153" s="31"/>
      <c r="JVP153" s="31"/>
      <c r="JVQ153" s="31"/>
      <c r="JVR153" s="31"/>
      <c r="JVS153" s="31"/>
      <c r="JVT153" s="31"/>
      <c r="JVU153" s="31"/>
      <c r="JVV153" s="31"/>
      <c r="JVW153" s="31"/>
      <c r="JVX153" s="31"/>
      <c r="JVY153" s="31"/>
      <c r="JVZ153" s="31"/>
      <c r="JWA153" s="31"/>
      <c r="JWB153" s="31"/>
      <c r="JWC153" s="31"/>
      <c r="JWD153" s="31"/>
      <c r="JWE153" s="31"/>
      <c r="JWF153" s="31"/>
      <c r="JWG153" s="31"/>
      <c r="JWH153" s="31"/>
      <c r="JWI153" s="31"/>
      <c r="JWJ153" s="31"/>
      <c r="JWK153" s="31"/>
      <c r="JWL153" s="31"/>
      <c r="JWM153" s="31"/>
      <c r="JWN153" s="31"/>
      <c r="JWO153" s="31"/>
      <c r="JWP153" s="31"/>
      <c r="JWQ153" s="31"/>
      <c r="JWR153" s="31"/>
      <c r="JWS153" s="31"/>
      <c r="JWT153" s="31"/>
      <c r="JWU153" s="31"/>
      <c r="JWV153" s="31"/>
      <c r="JWW153" s="31"/>
      <c r="JWX153" s="31"/>
      <c r="JWY153" s="31"/>
      <c r="JWZ153" s="31"/>
      <c r="JXA153" s="31"/>
      <c r="JXB153" s="31"/>
      <c r="JXC153" s="31"/>
      <c r="JXD153" s="31"/>
      <c r="JXE153" s="31"/>
      <c r="JXF153" s="31"/>
      <c r="JXG153" s="31"/>
      <c r="JXH153" s="31"/>
      <c r="JXI153" s="31"/>
      <c r="JXJ153" s="31"/>
      <c r="JXK153" s="31"/>
      <c r="JXL153" s="31"/>
      <c r="JXM153" s="31"/>
      <c r="JXN153" s="31"/>
      <c r="JXO153" s="31"/>
      <c r="JXP153" s="31"/>
      <c r="JXQ153" s="31"/>
      <c r="JXR153" s="31"/>
      <c r="JXS153" s="31"/>
      <c r="JXT153" s="31"/>
      <c r="JXU153" s="31"/>
      <c r="JXV153" s="31"/>
      <c r="JXW153" s="31"/>
      <c r="JXX153" s="31"/>
      <c r="JXY153" s="31"/>
      <c r="JXZ153" s="31"/>
      <c r="JYA153" s="31"/>
      <c r="JYB153" s="31"/>
      <c r="JYC153" s="31"/>
      <c r="JYD153" s="31"/>
      <c r="JYE153" s="31"/>
      <c r="JYF153" s="31"/>
      <c r="JYG153" s="31"/>
      <c r="JYH153" s="31"/>
      <c r="JYI153" s="31"/>
      <c r="JYJ153" s="31"/>
      <c r="JYK153" s="31"/>
      <c r="JYL153" s="31"/>
      <c r="JYM153" s="31"/>
      <c r="JYN153" s="31"/>
      <c r="JYO153" s="31"/>
      <c r="JYP153" s="31"/>
      <c r="JYQ153" s="31"/>
      <c r="JYR153" s="31"/>
      <c r="JYS153" s="31"/>
      <c r="JYT153" s="31"/>
      <c r="JYU153" s="31"/>
      <c r="JYV153" s="31"/>
      <c r="JYW153" s="31"/>
      <c r="JYX153" s="31"/>
      <c r="JYY153" s="31"/>
      <c r="JYZ153" s="31"/>
      <c r="JZA153" s="31"/>
      <c r="JZB153" s="31"/>
      <c r="JZC153" s="31"/>
      <c r="JZD153" s="31"/>
      <c r="JZE153" s="31"/>
      <c r="JZF153" s="31"/>
      <c r="JZG153" s="31"/>
      <c r="JZH153" s="31"/>
      <c r="JZI153" s="31"/>
      <c r="JZJ153" s="31"/>
      <c r="JZK153" s="31"/>
      <c r="JZL153" s="31"/>
      <c r="JZM153" s="31"/>
      <c r="JZN153" s="31"/>
      <c r="JZO153" s="31"/>
      <c r="JZP153" s="31"/>
      <c r="JZQ153" s="31"/>
      <c r="JZR153" s="31"/>
      <c r="JZS153" s="31"/>
      <c r="JZT153" s="31"/>
      <c r="JZU153" s="31"/>
      <c r="JZV153" s="31"/>
      <c r="JZW153" s="31"/>
      <c r="JZX153" s="31"/>
      <c r="JZY153" s="31"/>
      <c r="JZZ153" s="31"/>
      <c r="KAA153" s="31"/>
      <c r="KAB153" s="31"/>
      <c r="KAC153" s="31"/>
      <c r="KAD153" s="31"/>
      <c r="KAE153" s="31"/>
      <c r="KAF153" s="31"/>
      <c r="KAG153" s="31"/>
      <c r="KAH153" s="31"/>
      <c r="KAI153" s="31"/>
      <c r="KAJ153" s="31"/>
      <c r="KAK153" s="31"/>
      <c r="KAL153" s="31"/>
      <c r="KAM153" s="31"/>
      <c r="KAN153" s="31"/>
      <c r="KAO153" s="31"/>
      <c r="KAP153" s="31"/>
      <c r="KAQ153" s="31"/>
      <c r="KAR153" s="31"/>
      <c r="KAS153" s="31"/>
      <c r="KAT153" s="31"/>
      <c r="KAU153" s="31"/>
      <c r="KAV153" s="31"/>
      <c r="KAW153" s="31"/>
      <c r="KAX153" s="31"/>
      <c r="KAY153" s="31"/>
      <c r="KAZ153" s="31"/>
      <c r="KBA153" s="31"/>
      <c r="KBB153" s="31"/>
      <c r="KBC153" s="31"/>
      <c r="KBD153" s="31"/>
      <c r="KBE153" s="31"/>
      <c r="KBF153" s="31"/>
      <c r="KBG153" s="31"/>
      <c r="KBH153" s="31"/>
      <c r="KBI153" s="31"/>
      <c r="KBJ153" s="31"/>
      <c r="KBK153" s="31"/>
      <c r="KBL153" s="31"/>
      <c r="KBM153" s="31"/>
      <c r="KBN153" s="31"/>
      <c r="KBO153" s="31"/>
      <c r="KBP153" s="31"/>
      <c r="KBQ153" s="31"/>
      <c r="KBR153" s="31"/>
      <c r="KBS153" s="31"/>
      <c r="KBT153" s="31"/>
      <c r="KBU153" s="31"/>
      <c r="KBV153" s="31"/>
      <c r="KBW153" s="31"/>
      <c r="KBX153" s="31"/>
      <c r="KBY153" s="31"/>
      <c r="KBZ153" s="31"/>
      <c r="KCA153" s="31"/>
      <c r="KCB153" s="31"/>
      <c r="KCC153" s="31"/>
      <c r="KCD153" s="31"/>
      <c r="KCE153" s="31"/>
      <c r="KCF153" s="31"/>
      <c r="KCG153" s="31"/>
      <c r="KCH153" s="31"/>
      <c r="KCI153" s="31"/>
      <c r="KCJ153" s="31"/>
      <c r="KCK153" s="31"/>
      <c r="KCL153" s="31"/>
      <c r="KCM153" s="31"/>
      <c r="KCN153" s="31"/>
      <c r="KCO153" s="31"/>
      <c r="KCP153" s="31"/>
      <c r="KCQ153" s="31"/>
      <c r="KCR153" s="31"/>
      <c r="KCS153" s="31"/>
      <c r="KCT153" s="31"/>
      <c r="KCU153" s="31"/>
      <c r="KCV153" s="31"/>
      <c r="KCW153" s="31"/>
      <c r="KCX153" s="31"/>
      <c r="KCY153" s="31"/>
      <c r="KCZ153" s="31"/>
      <c r="KDA153" s="31"/>
      <c r="KDB153" s="31"/>
      <c r="KDC153" s="31"/>
      <c r="KDD153" s="31"/>
      <c r="KDE153" s="31"/>
      <c r="KDF153" s="31"/>
      <c r="KDG153" s="31"/>
      <c r="KDH153" s="31"/>
      <c r="KDI153" s="31"/>
      <c r="KDJ153" s="31"/>
      <c r="KDK153" s="31"/>
      <c r="KDL153" s="31"/>
      <c r="KDM153" s="31"/>
      <c r="KDN153" s="31"/>
      <c r="KDO153" s="31"/>
      <c r="KDP153" s="31"/>
      <c r="KDQ153" s="31"/>
      <c r="KDR153" s="31"/>
      <c r="KDS153" s="31"/>
      <c r="KDT153" s="31"/>
      <c r="KDU153" s="31"/>
      <c r="KDV153" s="31"/>
      <c r="KDW153" s="31"/>
      <c r="KDX153" s="31"/>
      <c r="KDY153" s="31"/>
      <c r="KDZ153" s="31"/>
      <c r="KEA153" s="31"/>
      <c r="KEB153" s="31"/>
      <c r="KEC153" s="31"/>
      <c r="KED153" s="31"/>
      <c r="KEE153" s="31"/>
      <c r="KEF153" s="31"/>
      <c r="KEG153" s="31"/>
      <c r="KEH153" s="31"/>
      <c r="KEI153" s="31"/>
      <c r="KEJ153" s="31"/>
      <c r="KEK153" s="31"/>
      <c r="KEL153" s="31"/>
      <c r="KEM153" s="31"/>
      <c r="KEN153" s="31"/>
      <c r="KEO153" s="31"/>
      <c r="KEP153" s="31"/>
      <c r="KEQ153" s="31"/>
      <c r="KER153" s="31"/>
      <c r="KES153" s="31"/>
      <c r="KET153" s="31"/>
      <c r="KEU153" s="31"/>
      <c r="KEV153" s="31"/>
      <c r="KEW153" s="31"/>
      <c r="KEX153" s="31"/>
      <c r="KEY153" s="31"/>
      <c r="KEZ153" s="31"/>
      <c r="KFA153" s="31"/>
      <c r="KFB153" s="31"/>
      <c r="KFC153" s="31"/>
      <c r="KFD153" s="31"/>
      <c r="KFE153" s="31"/>
      <c r="KFF153" s="31"/>
      <c r="KFG153" s="31"/>
      <c r="KFH153" s="31"/>
      <c r="KFI153" s="31"/>
      <c r="KFJ153" s="31"/>
      <c r="KFK153" s="31"/>
      <c r="KFL153" s="31"/>
      <c r="KFM153" s="31"/>
      <c r="KFN153" s="31"/>
      <c r="KFO153" s="31"/>
      <c r="KFP153" s="31"/>
      <c r="KFQ153" s="31"/>
      <c r="KFR153" s="31"/>
      <c r="KFS153" s="31"/>
      <c r="KFT153" s="31"/>
      <c r="KFU153" s="31"/>
      <c r="KFV153" s="31"/>
      <c r="KFW153" s="31"/>
      <c r="KFX153" s="31"/>
      <c r="KFY153" s="31"/>
      <c r="KFZ153" s="31"/>
      <c r="KGA153" s="31"/>
      <c r="KGB153" s="31"/>
      <c r="KGC153" s="31"/>
      <c r="KGD153" s="31"/>
      <c r="KGE153" s="31"/>
      <c r="KGF153" s="31"/>
      <c r="KGG153" s="31"/>
      <c r="KGH153" s="31"/>
      <c r="KGI153" s="31"/>
      <c r="KGJ153" s="31"/>
      <c r="KGK153" s="31"/>
      <c r="KGL153" s="31"/>
      <c r="KGM153" s="31"/>
      <c r="KGN153" s="31"/>
      <c r="KGO153" s="31"/>
      <c r="KGP153" s="31"/>
      <c r="KGQ153" s="31"/>
      <c r="KGR153" s="31"/>
      <c r="KGS153" s="31"/>
      <c r="KGT153" s="31"/>
      <c r="KGU153" s="31"/>
      <c r="KGV153" s="31"/>
      <c r="KGW153" s="31"/>
      <c r="KGX153" s="31"/>
      <c r="KGY153" s="31"/>
      <c r="KGZ153" s="31"/>
      <c r="KHA153" s="31"/>
      <c r="KHB153" s="31"/>
      <c r="KHC153" s="31"/>
      <c r="KHD153" s="31"/>
      <c r="KHE153" s="31"/>
      <c r="KHF153" s="31"/>
      <c r="KHG153" s="31"/>
      <c r="KHH153" s="31"/>
      <c r="KHI153" s="31"/>
      <c r="KHJ153" s="31"/>
      <c r="KHK153" s="31"/>
      <c r="KHL153" s="31"/>
      <c r="KHM153" s="31"/>
      <c r="KHN153" s="31"/>
      <c r="KHO153" s="31"/>
      <c r="KHP153" s="31"/>
      <c r="KHQ153" s="31"/>
      <c r="KHR153" s="31"/>
      <c r="KHS153" s="31"/>
      <c r="KHT153" s="31"/>
      <c r="KHU153" s="31"/>
      <c r="KHV153" s="31"/>
      <c r="KHW153" s="31"/>
      <c r="KHX153" s="31"/>
      <c r="KHY153" s="31"/>
      <c r="KHZ153" s="31"/>
      <c r="KIA153" s="31"/>
      <c r="KIB153" s="31"/>
      <c r="KIC153" s="31"/>
      <c r="KID153" s="31"/>
      <c r="KIE153" s="31"/>
      <c r="KIF153" s="31"/>
      <c r="KIG153" s="31"/>
      <c r="KIH153" s="31"/>
      <c r="KII153" s="31"/>
      <c r="KIJ153" s="31"/>
      <c r="KIK153" s="31"/>
      <c r="KIL153" s="31"/>
      <c r="KIM153" s="31"/>
      <c r="KIN153" s="31"/>
      <c r="KIO153" s="31"/>
      <c r="KIP153" s="31"/>
      <c r="KIQ153" s="31"/>
      <c r="KIR153" s="31"/>
      <c r="KIS153" s="31"/>
      <c r="KIT153" s="31"/>
      <c r="KIU153" s="31"/>
      <c r="KIV153" s="31"/>
      <c r="KIW153" s="31"/>
      <c r="KIX153" s="31"/>
      <c r="KIY153" s="31"/>
      <c r="KIZ153" s="31"/>
      <c r="KJA153" s="31"/>
      <c r="KJB153" s="31"/>
      <c r="KJC153" s="31"/>
      <c r="KJD153" s="31"/>
      <c r="KJE153" s="31"/>
      <c r="KJF153" s="31"/>
      <c r="KJG153" s="31"/>
      <c r="KJH153" s="31"/>
      <c r="KJI153" s="31"/>
      <c r="KJJ153" s="31"/>
      <c r="KJK153" s="31"/>
      <c r="KJL153" s="31"/>
      <c r="KJM153" s="31"/>
      <c r="KJN153" s="31"/>
      <c r="KJO153" s="31"/>
      <c r="KJP153" s="31"/>
      <c r="KJQ153" s="31"/>
      <c r="KJR153" s="31"/>
      <c r="KJS153" s="31"/>
      <c r="KJT153" s="31"/>
      <c r="KJU153" s="31"/>
      <c r="KJV153" s="31"/>
      <c r="KJW153" s="31"/>
      <c r="KJX153" s="31"/>
      <c r="KJY153" s="31"/>
      <c r="KJZ153" s="31"/>
      <c r="KKA153" s="31"/>
      <c r="KKB153" s="31"/>
      <c r="KKC153" s="31"/>
      <c r="KKD153" s="31"/>
      <c r="KKE153" s="31"/>
      <c r="KKF153" s="31"/>
      <c r="KKG153" s="31"/>
      <c r="KKH153" s="31"/>
      <c r="KKI153" s="31"/>
      <c r="KKJ153" s="31"/>
      <c r="KKK153" s="31"/>
      <c r="KKL153" s="31"/>
      <c r="KKM153" s="31"/>
      <c r="KKN153" s="31"/>
      <c r="KKO153" s="31"/>
      <c r="KKP153" s="31"/>
      <c r="KKQ153" s="31"/>
      <c r="KKR153" s="31"/>
      <c r="KKS153" s="31"/>
      <c r="KKT153" s="31"/>
      <c r="KKU153" s="31"/>
      <c r="KKV153" s="31"/>
      <c r="KKW153" s="31"/>
      <c r="KKX153" s="31"/>
      <c r="KKY153" s="31"/>
      <c r="KKZ153" s="31"/>
      <c r="KLA153" s="31"/>
      <c r="KLB153" s="31"/>
      <c r="KLC153" s="31"/>
      <c r="KLD153" s="31"/>
      <c r="KLE153" s="31"/>
      <c r="KLF153" s="31"/>
      <c r="KLG153" s="31"/>
      <c r="KLH153" s="31"/>
      <c r="KLI153" s="31"/>
      <c r="KLJ153" s="31"/>
      <c r="KLK153" s="31"/>
      <c r="KLL153" s="31"/>
      <c r="KLM153" s="31"/>
      <c r="KLN153" s="31"/>
      <c r="KLO153" s="31"/>
      <c r="KLP153" s="31"/>
      <c r="KLQ153" s="31"/>
      <c r="KLR153" s="31"/>
      <c r="KLS153" s="31"/>
      <c r="KLT153" s="31"/>
      <c r="KLU153" s="31"/>
      <c r="KLV153" s="31"/>
      <c r="KLW153" s="31"/>
      <c r="KLX153" s="31"/>
      <c r="KLY153" s="31"/>
      <c r="KLZ153" s="31"/>
      <c r="KMA153" s="31"/>
      <c r="KMB153" s="31"/>
      <c r="KMC153" s="31"/>
      <c r="KMD153" s="31"/>
      <c r="KME153" s="31"/>
      <c r="KMF153" s="31"/>
      <c r="KMG153" s="31"/>
      <c r="KMH153" s="31"/>
      <c r="KMI153" s="31"/>
      <c r="KMJ153" s="31"/>
      <c r="KMK153" s="31"/>
      <c r="KML153" s="31"/>
      <c r="KMM153" s="31"/>
      <c r="KMN153" s="31"/>
      <c r="KMO153" s="31"/>
      <c r="KMP153" s="31"/>
      <c r="KMQ153" s="31"/>
      <c r="KMR153" s="31"/>
      <c r="KMS153" s="31"/>
      <c r="KMT153" s="31"/>
      <c r="KMU153" s="31"/>
      <c r="KMV153" s="31"/>
      <c r="KMW153" s="31"/>
      <c r="KMX153" s="31"/>
      <c r="KMY153" s="31"/>
      <c r="KMZ153" s="31"/>
      <c r="KNA153" s="31"/>
      <c r="KNB153" s="31"/>
      <c r="KNC153" s="31"/>
      <c r="KND153" s="31"/>
      <c r="KNE153" s="31"/>
      <c r="KNF153" s="31"/>
      <c r="KNG153" s="31"/>
      <c r="KNH153" s="31"/>
      <c r="KNI153" s="31"/>
      <c r="KNJ153" s="31"/>
      <c r="KNK153" s="31"/>
      <c r="KNL153" s="31"/>
      <c r="KNM153" s="31"/>
      <c r="KNN153" s="31"/>
      <c r="KNO153" s="31"/>
      <c r="KNP153" s="31"/>
      <c r="KNQ153" s="31"/>
      <c r="KNR153" s="31"/>
      <c r="KNS153" s="31"/>
      <c r="KNT153" s="31"/>
      <c r="KNU153" s="31"/>
      <c r="KNV153" s="31"/>
      <c r="KNW153" s="31"/>
      <c r="KNX153" s="31"/>
      <c r="KNY153" s="31"/>
      <c r="KNZ153" s="31"/>
      <c r="KOA153" s="31"/>
      <c r="KOB153" s="31"/>
      <c r="KOC153" s="31"/>
      <c r="KOD153" s="31"/>
      <c r="KOE153" s="31"/>
      <c r="KOF153" s="31"/>
      <c r="KOG153" s="31"/>
      <c r="KOH153" s="31"/>
      <c r="KOI153" s="31"/>
      <c r="KOJ153" s="31"/>
      <c r="KOK153" s="31"/>
      <c r="KOL153" s="31"/>
      <c r="KOM153" s="31"/>
      <c r="KON153" s="31"/>
      <c r="KOO153" s="31"/>
      <c r="KOP153" s="31"/>
      <c r="KOQ153" s="31"/>
      <c r="KOR153" s="31"/>
      <c r="KOS153" s="31"/>
      <c r="KOT153" s="31"/>
      <c r="KOU153" s="31"/>
      <c r="KOV153" s="31"/>
      <c r="KOW153" s="31"/>
      <c r="KOX153" s="31"/>
      <c r="KOY153" s="31"/>
      <c r="KOZ153" s="31"/>
      <c r="KPA153" s="31"/>
      <c r="KPB153" s="31"/>
      <c r="KPC153" s="31"/>
      <c r="KPD153" s="31"/>
      <c r="KPE153" s="31"/>
      <c r="KPF153" s="31"/>
      <c r="KPG153" s="31"/>
      <c r="KPH153" s="31"/>
      <c r="KPI153" s="31"/>
      <c r="KPJ153" s="31"/>
      <c r="KPK153" s="31"/>
      <c r="KPL153" s="31"/>
      <c r="KPM153" s="31"/>
      <c r="KPN153" s="31"/>
      <c r="KPO153" s="31"/>
      <c r="KPP153" s="31"/>
      <c r="KPQ153" s="31"/>
      <c r="KPR153" s="31"/>
      <c r="KPS153" s="31"/>
      <c r="KPT153" s="31"/>
      <c r="KPU153" s="31"/>
      <c r="KPV153" s="31"/>
      <c r="KPW153" s="31"/>
      <c r="KPX153" s="31"/>
      <c r="KPY153" s="31"/>
      <c r="KPZ153" s="31"/>
      <c r="KQA153" s="31"/>
      <c r="KQB153" s="31"/>
      <c r="KQC153" s="31"/>
      <c r="KQD153" s="31"/>
      <c r="KQE153" s="31"/>
      <c r="KQF153" s="31"/>
      <c r="KQG153" s="31"/>
      <c r="KQH153" s="31"/>
      <c r="KQI153" s="31"/>
      <c r="KQJ153" s="31"/>
      <c r="KQK153" s="31"/>
      <c r="KQL153" s="31"/>
      <c r="KQM153" s="31"/>
      <c r="KQN153" s="31"/>
      <c r="KQO153" s="31"/>
      <c r="KQP153" s="31"/>
      <c r="KQQ153" s="31"/>
      <c r="KQR153" s="31"/>
      <c r="KQS153" s="31"/>
      <c r="KQT153" s="31"/>
      <c r="KQU153" s="31"/>
      <c r="KQV153" s="31"/>
      <c r="KQW153" s="31"/>
      <c r="KQX153" s="31"/>
      <c r="KQY153" s="31"/>
      <c r="KQZ153" s="31"/>
      <c r="KRA153" s="31"/>
      <c r="KRB153" s="31"/>
      <c r="KRC153" s="31"/>
      <c r="KRD153" s="31"/>
      <c r="KRE153" s="31"/>
      <c r="KRF153" s="31"/>
      <c r="KRG153" s="31"/>
      <c r="KRH153" s="31"/>
      <c r="KRI153" s="31"/>
      <c r="KRJ153" s="31"/>
      <c r="KRK153" s="31"/>
      <c r="KRL153" s="31"/>
      <c r="KRM153" s="31"/>
      <c r="KRN153" s="31"/>
      <c r="KRO153" s="31"/>
      <c r="KRP153" s="31"/>
      <c r="KRQ153" s="31"/>
      <c r="KRR153" s="31"/>
      <c r="KRS153" s="31"/>
      <c r="KRT153" s="31"/>
      <c r="KRU153" s="31"/>
      <c r="KRV153" s="31"/>
      <c r="KRW153" s="31"/>
      <c r="KRX153" s="31"/>
      <c r="KRY153" s="31"/>
      <c r="KRZ153" s="31"/>
      <c r="KSA153" s="31"/>
      <c r="KSB153" s="31"/>
      <c r="KSC153" s="31"/>
      <c r="KSD153" s="31"/>
      <c r="KSE153" s="31"/>
      <c r="KSF153" s="31"/>
      <c r="KSG153" s="31"/>
      <c r="KSH153" s="31"/>
      <c r="KSI153" s="31"/>
      <c r="KSJ153" s="31"/>
      <c r="KSK153" s="31"/>
      <c r="KSL153" s="31"/>
      <c r="KSM153" s="31"/>
      <c r="KSN153" s="31"/>
      <c r="KSO153" s="31"/>
      <c r="KSP153" s="31"/>
      <c r="KSQ153" s="31"/>
      <c r="KSR153" s="31"/>
      <c r="KSS153" s="31"/>
      <c r="KST153" s="31"/>
      <c r="KSU153" s="31"/>
      <c r="KSV153" s="31"/>
      <c r="KSW153" s="31"/>
      <c r="KSX153" s="31"/>
      <c r="KSY153" s="31"/>
      <c r="KSZ153" s="31"/>
      <c r="KTA153" s="31"/>
      <c r="KTB153" s="31"/>
      <c r="KTC153" s="31"/>
      <c r="KTD153" s="31"/>
      <c r="KTE153" s="31"/>
      <c r="KTF153" s="31"/>
      <c r="KTG153" s="31"/>
      <c r="KTH153" s="31"/>
      <c r="KTI153" s="31"/>
      <c r="KTJ153" s="31"/>
      <c r="KTK153" s="31"/>
      <c r="KTL153" s="31"/>
      <c r="KTM153" s="31"/>
      <c r="KTN153" s="31"/>
      <c r="KTO153" s="31"/>
      <c r="KTP153" s="31"/>
      <c r="KTQ153" s="31"/>
      <c r="KTR153" s="31"/>
      <c r="KTS153" s="31"/>
      <c r="KTT153" s="31"/>
      <c r="KTU153" s="31"/>
      <c r="KTV153" s="31"/>
      <c r="KTW153" s="31"/>
      <c r="KTX153" s="31"/>
      <c r="KTY153" s="31"/>
      <c r="KTZ153" s="31"/>
      <c r="KUA153" s="31"/>
      <c r="KUB153" s="31"/>
      <c r="KUC153" s="31"/>
      <c r="KUD153" s="31"/>
      <c r="KUE153" s="31"/>
      <c r="KUF153" s="31"/>
      <c r="KUG153" s="31"/>
      <c r="KUH153" s="31"/>
      <c r="KUI153" s="31"/>
      <c r="KUJ153" s="31"/>
      <c r="KUK153" s="31"/>
      <c r="KUL153" s="31"/>
      <c r="KUM153" s="31"/>
      <c r="KUN153" s="31"/>
      <c r="KUO153" s="31"/>
      <c r="KUP153" s="31"/>
      <c r="KUQ153" s="31"/>
      <c r="KUR153" s="31"/>
      <c r="KUS153" s="31"/>
      <c r="KUT153" s="31"/>
      <c r="KUU153" s="31"/>
      <c r="KUV153" s="31"/>
      <c r="KUW153" s="31"/>
      <c r="KUX153" s="31"/>
      <c r="KUY153" s="31"/>
      <c r="KUZ153" s="31"/>
      <c r="KVA153" s="31"/>
      <c r="KVB153" s="31"/>
      <c r="KVC153" s="31"/>
      <c r="KVD153" s="31"/>
      <c r="KVE153" s="31"/>
      <c r="KVF153" s="31"/>
      <c r="KVG153" s="31"/>
      <c r="KVH153" s="31"/>
      <c r="KVI153" s="31"/>
      <c r="KVJ153" s="31"/>
      <c r="KVK153" s="31"/>
      <c r="KVL153" s="31"/>
      <c r="KVM153" s="31"/>
      <c r="KVN153" s="31"/>
      <c r="KVO153" s="31"/>
      <c r="KVP153" s="31"/>
      <c r="KVQ153" s="31"/>
      <c r="KVR153" s="31"/>
      <c r="KVS153" s="31"/>
      <c r="KVT153" s="31"/>
      <c r="KVU153" s="31"/>
      <c r="KVV153" s="31"/>
      <c r="KVW153" s="31"/>
      <c r="KVX153" s="31"/>
      <c r="KVY153" s="31"/>
      <c r="KVZ153" s="31"/>
      <c r="KWA153" s="31"/>
      <c r="KWB153" s="31"/>
      <c r="KWC153" s="31"/>
      <c r="KWD153" s="31"/>
      <c r="KWE153" s="31"/>
      <c r="KWF153" s="31"/>
      <c r="KWG153" s="31"/>
      <c r="KWH153" s="31"/>
      <c r="KWI153" s="31"/>
      <c r="KWJ153" s="31"/>
      <c r="KWK153" s="31"/>
      <c r="KWL153" s="31"/>
      <c r="KWM153" s="31"/>
      <c r="KWN153" s="31"/>
      <c r="KWO153" s="31"/>
      <c r="KWP153" s="31"/>
      <c r="KWQ153" s="31"/>
      <c r="KWR153" s="31"/>
      <c r="KWS153" s="31"/>
      <c r="KWT153" s="31"/>
      <c r="KWU153" s="31"/>
      <c r="KWV153" s="31"/>
      <c r="KWW153" s="31"/>
      <c r="KWX153" s="31"/>
      <c r="KWY153" s="31"/>
      <c r="KWZ153" s="31"/>
      <c r="KXA153" s="31"/>
      <c r="KXB153" s="31"/>
      <c r="KXC153" s="31"/>
      <c r="KXD153" s="31"/>
      <c r="KXE153" s="31"/>
      <c r="KXF153" s="31"/>
      <c r="KXG153" s="31"/>
      <c r="KXH153" s="31"/>
      <c r="KXI153" s="31"/>
      <c r="KXJ153" s="31"/>
      <c r="KXK153" s="31"/>
      <c r="KXL153" s="31"/>
      <c r="KXM153" s="31"/>
      <c r="KXN153" s="31"/>
      <c r="KXO153" s="31"/>
      <c r="KXP153" s="31"/>
      <c r="KXQ153" s="31"/>
      <c r="KXR153" s="31"/>
      <c r="KXS153" s="31"/>
      <c r="KXT153" s="31"/>
      <c r="KXU153" s="31"/>
      <c r="KXV153" s="31"/>
      <c r="KXW153" s="31"/>
      <c r="KXX153" s="31"/>
      <c r="KXY153" s="31"/>
      <c r="KXZ153" s="31"/>
      <c r="KYA153" s="31"/>
      <c r="KYB153" s="31"/>
      <c r="KYC153" s="31"/>
      <c r="KYD153" s="31"/>
      <c r="KYE153" s="31"/>
      <c r="KYF153" s="31"/>
      <c r="KYG153" s="31"/>
      <c r="KYH153" s="31"/>
      <c r="KYI153" s="31"/>
      <c r="KYJ153" s="31"/>
      <c r="KYK153" s="31"/>
      <c r="KYL153" s="31"/>
      <c r="KYM153" s="31"/>
      <c r="KYN153" s="31"/>
      <c r="KYO153" s="31"/>
      <c r="KYP153" s="31"/>
      <c r="KYQ153" s="31"/>
      <c r="KYR153" s="31"/>
      <c r="KYS153" s="31"/>
      <c r="KYT153" s="31"/>
      <c r="KYU153" s="31"/>
      <c r="KYV153" s="31"/>
      <c r="KYW153" s="31"/>
      <c r="KYX153" s="31"/>
      <c r="KYY153" s="31"/>
      <c r="KYZ153" s="31"/>
      <c r="KZA153" s="31"/>
      <c r="KZB153" s="31"/>
      <c r="KZC153" s="31"/>
      <c r="KZD153" s="31"/>
      <c r="KZE153" s="31"/>
      <c r="KZF153" s="31"/>
      <c r="KZG153" s="31"/>
      <c r="KZH153" s="31"/>
      <c r="KZI153" s="31"/>
      <c r="KZJ153" s="31"/>
      <c r="KZK153" s="31"/>
      <c r="KZL153" s="31"/>
      <c r="KZM153" s="31"/>
      <c r="KZN153" s="31"/>
      <c r="KZO153" s="31"/>
      <c r="KZP153" s="31"/>
      <c r="KZQ153" s="31"/>
      <c r="KZR153" s="31"/>
      <c r="KZS153" s="31"/>
      <c r="KZT153" s="31"/>
      <c r="KZU153" s="31"/>
      <c r="KZV153" s="31"/>
      <c r="KZW153" s="31"/>
      <c r="KZX153" s="31"/>
      <c r="KZY153" s="31"/>
      <c r="KZZ153" s="31"/>
      <c r="LAA153" s="31"/>
      <c r="LAB153" s="31"/>
      <c r="LAC153" s="31"/>
      <c r="LAD153" s="31"/>
      <c r="LAE153" s="31"/>
      <c r="LAF153" s="31"/>
      <c r="LAG153" s="31"/>
      <c r="LAH153" s="31"/>
      <c r="LAI153" s="31"/>
      <c r="LAJ153" s="31"/>
      <c r="LAK153" s="31"/>
      <c r="LAL153" s="31"/>
      <c r="LAM153" s="31"/>
      <c r="LAN153" s="31"/>
      <c r="LAO153" s="31"/>
      <c r="LAP153" s="31"/>
      <c r="LAQ153" s="31"/>
      <c r="LAR153" s="31"/>
      <c r="LAS153" s="31"/>
      <c r="LAT153" s="31"/>
      <c r="LAU153" s="31"/>
      <c r="LAV153" s="31"/>
      <c r="LAW153" s="31"/>
      <c r="LAX153" s="31"/>
      <c r="LAY153" s="31"/>
      <c r="LAZ153" s="31"/>
      <c r="LBA153" s="31"/>
      <c r="LBB153" s="31"/>
      <c r="LBC153" s="31"/>
      <c r="LBD153" s="31"/>
      <c r="LBE153" s="31"/>
      <c r="LBF153" s="31"/>
      <c r="LBG153" s="31"/>
      <c r="LBH153" s="31"/>
      <c r="LBI153" s="31"/>
      <c r="LBJ153" s="31"/>
      <c r="LBK153" s="31"/>
      <c r="LBL153" s="31"/>
      <c r="LBM153" s="31"/>
      <c r="LBN153" s="31"/>
      <c r="LBO153" s="31"/>
      <c r="LBP153" s="31"/>
      <c r="LBQ153" s="31"/>
      <c r="LBR153" s="31"/>
      <c r="LBS153" s="31"/>
      <c r="LBT153" s="31"/>
      <c r="LBU153" s="31"/>
      <c r="LBV153" s="31"/>
      <c r="LBW153" s="31"/>
      <c r="LBX153" s="31"/>
      <c r="LBY153" s="31"/>
      <c r="LBZ153" s="31"/>
      <c r="LCA153" s="31"/>
      <c r="LCB153" s="31"/>
      <c r="LCC153" s="31"/>
      <c r="LCD153" s="31"/>
      <c r="LCE153" s="31"/>
      <c r="LCF153" s="31"/>
      <c r="LCG153" s="31"/>
      <c r="LCH153" s="31"/>
      <c r="LCI153" s="31"/>
      <c r="LCJ153" s="31"/>
      <c r="LCK153" s="31"/>
      <c r="LCL153" s="31"/>
      <c r="LCM153" s="31"/>
      <c r="LCN153" s="31"/>
      <c r="LCO153" s="31"/>
      <c r="LCP153" s="31"/>
      <c r="LCQ153" s="31"/>
      <c r="LCR153" s="31"/>
      <c r="LCS153" s="31"/>
      <c r="LCT153" s="31"/>
      <c r="LCU153" s="31"/>
      <c r="LCV153" s="31"/>
      <c r="LCW153" s="31"/>
      <c r="LCX153" s="31"/>
      <c r="LCY153" s="31"/>
      <c r="LCZ153" s="31"/>
      <c r="LDA153" s="31"/>
      <c r="LDB153" s="31"/>
      <c r="LDC153" s="31"/>
      <c r="LDD153" s="31"/>
      <c r="LDE153" s="31"/>
      <c r="LDF153" s="31"/>
      <c r="LDG153" s="31"/>
      <c r="LDH153" s="31"/>
      <c r="LDI153" s="31"/>
      <c r="LDJ153" s="31"/>
      <c r="LDK153" s="31"/>
      <c r="LDL153" s="31"/>
      <c r="LDM153" s="31"/>
      <c r="LDN153" s="31"/>
      <c r="LDO153" s="31"/>
      <c r="LDP153" s="31"/>
      <c r="LDQ153" s="31"/>
      <c r="LDR153" s="31"/>
      <c r="LDS153" s="31"/>
      <c r="LDT153" s="31"/>
      <c r="LDU153" s="31"/>
      <c r="LDV153" s="31"/>
      <c r="LDW153" s="31"/>
      <c r="LDX153" s="31"/>
      <c r="LDY153" s="31"/>
      <c r="LDZ153" s="31"/>
      <c r="LEA153" s="31"/>
      <c r="LEB153" s="31"/>
      <c r="LEC153" s="31"/>
      <c r="LED153" s="31"/>
      <c r="LEE153" s="31"/>
      <c r="LEF153" s="31"/>
      <c r="LEG153" s="31"/>
      <c r="LEH153" s="31"/>
      <c r="LEI153" s="31"/>
      <c r="LEJ153" s="31"/>
      <c r="LEK153" s="31"/>
      <c r="LEL153" s="31"/>
      <c r="LEM153" s="31"/>
      <c r="LEN153" s="31"/>
      <c r="LEO153" s="31"/>
      <c r="LEP153" s="31"/>
      <c r="LEQ153" s="31"/>
      <c r="LER153" s="31"/>
      <c r="LES153" s="31"/>
      <c r="LET153" s="31"/>
      <c r="LEU153" s="31"/>
      <c r="LEV153" s="31"/>
      <c r="LEW153" s="31"/>
      <c r="LEX153" s="31"/>
      <c r="LEY153" s="31"/>
      <c r="LEZ153" s="31"/>
      <c r="LFA153" s="31"/>
      <c r="LFB153" s="31"/>
      <c r="LFC153" s="31"/>
      <c r="LFD153" s="31"/>
      <c r="LFE153" s="31"/>
      <c r="LFF153" s="31"/>
      <c r="LFG153" s="31"/>
      <c r="LFH153" s="31"/>
      <c r="LFI153" s="31"/>
      <c r="LFJ153" s="31"/>
      <c r="LFK153" s="31"/>
      <c r="LFL153" s="31"/>
      <c r="LFM153" s="31"/>
      <c r="LFN153" s="31"/>
      <c r="LFO153" s="31"/>
      <c r="LFP153" s="31"/>
      <c r="LFQ153" s="31"/>
      <c r="LFR153" s="31"/>
      <c r="LFS153" s="31"/>
      <c r="LFT153" s="31"/>
      <c r="LFU153" s="31"/>
      <c r="LFV153" s="31"/>
      <c r="LFW153" s="31"/>
      <c r="LFX153" s="31"/>
      <c r="LFY153" s="31"/>
      <c r="LFZ153" s="31"/>
      <c r="LGA153" s="31"/>
      <c r="LGB153" s="31"/>
      <c r="LGC153" s="31"/>
      <c r="LGD153" s="31"/>
      <c r="LGE153" s="31"/>
      <c r="LGF153" s="31"/>
      <c r="LGG153" s="31"/>
      <c r="LGH153" s="31"/>
      <c r="LGI153" s="31"/>
      <c r="LGJ153" s="31"/>
      <c r="LGK153" s="31"/>
      <c r="LGL153" s="31"/>
      <c r="LGM153" s="31"/>
      <c r="LGN153" s="31"/>
      <c r="LGO153" s="31"/>
      <c r="LGP153" s="31"/>
      <c r="LGQ153" s="31"/>
      <c r="LGR153" s="31"/>
      <c r="LGS153" s="31"/>
      <c r="LGT153" s="31"/>
      <c r="LGU153" s="31"/>
      <c r="LGV153" s="31"/>
      <c r="LGW153" s="31"/>
      <c r="LGX153" s="31"/>
      <c r="LGY153" s="31"/>
      <c r="LGZ153" s="31"/>
      <c r="LHA153" s="31"/>
      <c r="LHB153" s="31"/>
      <c r="LHC153" s="31"/>
      <c r="LHD153" s="31"/>
      <c r="LHE153" s="31"/>
      <c r="LHF153" s="31"/>
      <c r="LHG153" s="31"/>
      <c r="LHH153" s="31"/>
      <c r="LHI153" s="31"/>
      <c r="LHJ153" s="31"/>
      <c r="LHK153" s="31"/>
      <c r="LHL153" s="31"/>
      <c r="LHM153" s="31"/>
      <c r="LHN153" s="31"/>
      <c r="LHO153" s="31"/>
      <c r="LHP153" s="31"/>
      <c r="LHQ153" s="31"/>
      <c r="LHR153" s="31"/>
      <c r="LHS153" s="31"/>
      <c r="LHT153" s="31"/>
      <c r="LHU153" s="31"/>
      <c r="LHV153" s="31"/>
      <c r="LHW153" s="31"/>
      <c r="LHX153" s="31"/>
      <c r="LHY153" s="31"/>
      <c r="LHZ153" s="31"/>
      <c r="LIA153" s="31"/>
      <c r="LIB153" s="31"/>
      <c r="LIC153" s="31"/>
      <c r="LID153" s="31"/>
      <c r="LIE153" s="31"/>
      <c r="LIF153" s="31"/>
      <c r="LIG153" s="31"/>
      <c r="LIH153" s="31"/>
      <c r="LII153" s="31"/>
      <c r="LIJ153" s="31"/>
      <c r="LIK153" s="31"/>
      <c r="LIL153" s="31"/>
      <c r="LIM153" s="31"/>
      <c r="LIN153" s="31"/>
      <c r="LIO153" s="31"/>
      <c r="LIP153" s="31"/>
      <c r="LIQ153" s="31"/>
      <c r="LIR153" s="31"/>
      <c r="LIS153" s="31"/>
      <c r="LIT153" s="31"/>
      <c r="LIU153" s="31"/>
      <c r="LIV153" s="31"/>
      <c r="LIW153" s="31"/>
      <c r="LIX153" s="31"/>
      <c r="LIY153" s="31"/>
      <c r="LIZ153" s="31"/>
      <c r="LJA153" s="31"/>
      <c r="LJB153" s="31"/>
      <c r="LJC153" s="31"/>
      <c r="LJD153" s="31"/>
      <c r="LJE153" s="31"/>
      <c r="LJF153" s="31"/>
      <c r="LJG153" s="31"/>
      <c r="LJH153" s="31"/>
      <c r="LJI153" s="31"/>
      <c r="LJJ153" s="31"/>
      <c r="LJK153" s="31"/>
      <c r="LJL153" s="31"/>
      <c r="LJM153" s="31"/>
      <c r="LJN153" s="31"/>
      <c r="LJO153" s="31"/>
      <c r="LJP153" s="31"/>
      <c r="LJQ153" s="31"/>
      <c r="LJR153" s="31"/>
      <c r="LJS153" s="31"/>
      <c r="LJT153" s="31"/>
      <c r="LJU153" s="31"/>
      <c r="LJV153" s="31"/>
      <c r="LJW153" s="31"/>
      <c r="LJX153" s="31"/>
      <c r="LJY153" s="31"/>
      <c r="LJZ153" s="31"/>
      <c r="LKA153" s="31"/>
      <c r="LKB153" s="31"/>
      <c r="LKC153" s="31"/>
      <c r="LKD153" s="31"/>
      <c r="LKE153" s="31"/>
      <c r="LKF153" s="31"/>
      <c r="LKG153" s="31"/>
      <c r="LKH153" s="31"/>
      <c r="LKI153" s="31"/>
      <c r="LKJ153" s="31"/>
      <c r="LKK153" s="31"/>
      <c r="LKL153" s="31"/>
      <c r="LKM153" s="31"/>
      <c r="LKN153" s="31"/>
      <c r="LKO153" s="31"/>
      <c r="LKP153" s="31"/>
      <c r="LKQ153" s="31"/>
      <c r="LKR153" s="31"/>
      <c r="LKS153" s="31"/>
      <c r="LKT153" s="31"/>
      <c r="LKU153" s="31"/>
      <c r="LKV153" s="31"/>
      <c r="LKW153" s="31"/>
      <c r="LKX153" s="31"/>
      <c r="LKY153" s="31"/>
      <c r="LKZ153" s="31"/>
      <c r="LLA153" s="31"/>
      <c r="LLB153" s="31"/>
      <c r="LLC153" s="31"/>
      <c r="LLD153" s="31"/>
      <c r="LLE153" s="31"/>
      <c r="LLF153" s="31"/>
      <c r="LLG153" s="31"/>
      <c r="LLH153" s="31"/>
      <c r="LLI153" s="31"/>
      <c r="LLJ153" s="31"/>
      <c r="LLK153" s="31"/>
      <c r="LLL153" s="31"/>
      <c r="LLM153" s="31"/>
      <c r="LLN153" s="31"/>
      <c r="LLO153" s="31"/>
      <c r="LLP153" s="31"/>
      <c r="LLQ153" s="31"/>
      <c r="LLR153" s="31"/>
      <c r="LLS153" s="31"/>
      <c r="LLT153" s="31"/>
      <c r="LLU153" s="31"/>
      <c r="LLV153" s="31"/>
      <c r="LLW153" s="31"/>
      <c r="LLX153" s="31"/>
      <c r="LLY153" s="31"/>
      <c r="LLZ153" s="31"/>
      <c r="LMA153" s="31"/>
      <c r="LMB153" s="31"/>
      <c r="LMC153" s="31"/>
      <c r="LMD153" s="31"/>
      <c r="LME153" s="31"/>
      <c r="LMF153" s="31"/>
      <c r="LMG153" s="31"/>
      <c r="LMH153" s="31"/>
      <c r="LMI153" s="31"/>
      <c r="LMJ153" s="31"/>
      <c r="LMK153" s="31"/>
      <c r="LML153" s="31"/>
      <c r="LMM153" s="31"/>
      <c r="LMN153" s="31"/>
      <c r="LMO153" s="31"/>
      <c r="LMP153" s="31"/>
      <c r="LMQ153" s="31"/>
      <c r="LMR153" s="31"/>
      <c r="LMS153" s="31"/>
      <c r="LMT153" s="31"/>
      <c r="LMU153" s="31"/>
      <c r="LMV153" s="31"/>
      <c r="LMW153" s="31"/>
      <c r="LMX153" s="31"/>
      <c r="LMY153" s="31"/>
      <c r="LMZ153" s="31"/>
      <c r="LNA153" s="31"/>
      <c r="LNB153" s="31"/>
      <c r="LNC153" s="31"/>
      <c r="LND153" s="31"/>
      <c r="LNE153" s="31"/>
      <c r="LNF153" s="31"/>
      <c r="LNG153" s="31"/>
      <c r="LNH153" s="31"/>
      <c r="LNI153" s="31"/>
      <c r="LNJ153" s="31"/>
      <c r="LNK153" s="31"/>
      <c r="LNL153" s="31"/>
      <c r="LNM153" s="31"/>
      <c r="LNN153" s="31"/>
      <c r="LNO153" s="31"/>
      <c r="LNP153" s="31"/>
      <c r="LNQ153" s="31"/>
      <c r="LNR153" s="31"/>
      <c r="LNS153" s="31"/>
      <c r="LNT153" s="31"/>
      <c r="LNU153" s="31"/>
      <c r="LNV153" s="31"/>
      <c r="LNW153" s="31"/>
      <c r="LNX153" s="31"/>
      <c r="LNY153" s="31"/>
      <c r="LNZ153" s="31"/>
      <c r="LOA153" s="31"/>
      <c r="LOB153" s="31"/>
      <c r="LOC153" s="31"/>
      <c r="LOD153" s="31"/>
      <c r="LOE153" s="31"/>
      <c r="LOF153" s="31"/>
      <c r="LOG153" s="31"/>
      <c r="LOH153" s="31"/>
      <c r="LOI153" s="31"/>
      <c r="LOJ153" s="31"/>
      <c r="LOK153" s="31"/>
      <c r="LOL153" s="31"/>
      <c r="LOM153" s="31"/>
      <c r="LON153" s="31"/>
      <c r="LOO153" s="31"/>
      <c r="LOP153" s="31"/>
      <c r="LOQ153" s="31"/>
      <c r="LOR153" s="31"/>
      <c r="LOS153" s="31"/>
      <c r="LOT153" s="31"/>
      <c r="LOU153" s="31"/>
      <c r="LOV153" s="31"/>
      <c r="LOW153" s="31"/>
      <c r="LOX153" s="31"/>
      <c r="LOY153" s="31"/>
      <c r="LOZ153" s="31"/>
      <c r="LPA153" s="31"/>
      <c r="LPB153" s="31"/>
      <c r="LPC153" s="31"/>
      <c r="LPD153" s="31"/>
      <c r="LPE153" s="31"/>
      <c r="LPF153" s="31"/>
      <c r="LPG153" s="31"/>
      <c r="LPH153" s="31"/>
      <c r="LPI153" s="31"/>
      <c r="LPJ153" s="31"/>
      <c r="LPK153" s="31"/>
      <c r="LPL153" s="31"/>
      <c r="LPM153" s="31"/>
      <c r="LPN153" s="31"/>
      <c r="LPO153" s="31"/>
      <c r="LPP153" s="31"/>
      <c r="LPQ153" s="31"/>
      <c r="LPR153" s="31"/>
      <c r="LPS153" s="31"/>
      <c r="LPT153" s="31"/>
      <c r="LPU153" s="31"/>
      <c r="LPV153" s="31"/>
      <c r="LPW153" s="31"/>
      <c r="LPX153" s="31"/>
      <c r="LPY153" s="31"/>
      <c r="LPZ153" s="31"/>
      <c r="LQA153" s="31"/>
      <c r="LQB153" s="31"/>
      <c r="LQC153" s="31"/>
      <c r="LQD153" s="31"/>
      <c r="LQE153" s="31"/>
      <c r="LQF153" s="31"/>
      <c r="LQG153" s="31"/>
      <c r="LQH153" s="31"/>
      <c r="LQI153" s="31"/>
      <c r="LQJ153" s="31"/>
      <c r="LQK153" s="31"/>
      <c r="LQL153" s="31"/>
      <c r="LQM153" s="31"/>
      <c r="LQN153" s="31"/>
      <c r="LQO153" s="31"/>
      <c r="LQP153" s="31"/>
      <c r="LQQ153" s="31"/>
      <c r="LQR153" s="31"/>
      <c r="LQS153" s="31"/>
      <c r="LQT153" s="31"/>
      <c r="LQU153" s="31"/>
      <c r="LQV153" s="31"/>
      <c r="LQW153" s="31"/>
      <c r="LQX153" s="31"/>
      <c r="LQY153" s="31"/>
      <c r="LQZ153" s="31"/>
      <c r="LRA153" s="31"/>
      <c r="LRB153" s="31"/>
      <c r="LRC153" s="31"/>
      <c r="LRD153" s="31"/>
      <c r="LRE153" s="31"/>
      <c r="LRF153" s="31"/>
      <c r="LRG153" s="31"/>
      <c r="LRH153" s="31"/>
      <c r="LRI153" s="31"/>
      <c r="LRJ153" s="31"/>
      <c r="LRK153" s="31"/>
      <c r="LRL153" s="31"/>
      <c r="LRM153" s="31"/>
      <c r="LRN153" s="31"/>
      <c r="LRO153" s="31"/>
      <c r="LRP153" s="31"/>
      <c r="LRQ153" s="31"/>
      <c r="LRR153" s="31"/>
      <c r="LRS153" s="31"/>
      <c r="LRT153" s="31"/>
      <c r="LRU153" s="31"/>
      <c r="LRV153" s="31"/>
      <c r="LRW153" s="31"/>
      <c r="LRX153" s="31"/>
      <c r="LRY153" s="31"/>
      <c r="LRZ153" s="31"/>
      <c r="LSA153" s="31"/>
      <c r="LSB153" s="31"/>
      <c r="LSC153" s="31"/>
      <c r="LSD153" s="31"/>
      <c r="LSE153" s="31"/>
      <c r="LSF153" s="31"/>
      <c r="LSG153" s="31"/>
      <c r="LSH153" s="31"/>
      <c r="LSI153" s="31"/>
      <c r="LSJ153" s="31"/>
      <c r="LSK153" s="31"/>
      <c r="LSL153" s="31"/>
      <c r="LSM153" s="31"/>
      <c r="LSN153" s="31"/>
      <c r="LSO153" s="31"/>
      <c r="LSP153" s="31"/>
      <c r="LSQ153" s="31"/>
      <c r="LSR153" s="31"/>
      <c r="LSS153" s="31"/>
      <c r="LST153" s="31"/>
      <c r="LSU153" s="31"/>
      <c r="LSV153" s="31"/>
      <c r="LSW153" s="31"/>
      <c r="LSX153" s="31"/>
      <c r="LSY153" s="31"/>
      <c r="LSZ153" s="31"/>
      <c r="LTA153" s="31"/>
      <c r="LTB153" s="31"/>
      <c r="LTC153" s="31"/>
      <c r="LTD153" s="31"/>
      <c r="LTE153" s="31"/>
      <c r="LTF153" s="31"/>
      <c r="LTG153" s="31"/>
      <c r="LTH153" s="31"/>
      <c r="LTI153" s="31"/>
      <c r="LTJ153" s="31"/>
      <c r="LTK153" s="31"/>
      <c r="LTL153" s="31"/>
      <c r="LTM153" s="31"/>
      <c r="LTN153" s="31"/>
      <c r="LTO153" s="31"/>
      <c r="LTP153" s="31"/>
      <c r="LTQ153" s="31"/>
      <c r="LTR153" s="31"/>
      <c r="LTS153" s="31"/>
      <c r="LTT153" s="31"/>
      <c r="LTU153" s="31"/>
      <c r="LTV153" s="31"/>
      <c r="LTW153" s="31"/>
      <c r="LTX153" s="31"/>
      <c r="LTY153" s="31"/>
      <c r="LTZ153" s="31"/>
      <c r="LUA153" s="31"/>
      <c r="LUB153" s="31"/>
      <c r="LUC153" s="31"/>
      <c r="LUD153" s="31"/>
      <c r="LUE153" s="31"/>
      <c r="LUF153" s="31"/>
      <c r="LUG153" s="31"/>
      <c r="LUH153" s="31"/>
      <c r="LUI153" s="31"/>
      <c r="LUJ153" s="31"/>
      <c r="LUK153" s="31"/>
      <c r="LUL153" s="31"/>
      <c r="LUM153" s="31"/>
      <c r="LUN153" s="31"/>
      <c r="LUO153" s="31"/>
      <c r="LUP153" s="31"/>
      <c r="LUQ153" s="31"/>
      <c r="LUR153" s="31"/>
      <c r="LUS153" s="31"/>
      <c r="LUT153" s="31"/>
      <c r="LUU153" s="31"/>
      <c r="LUV153" s="31"/>
      <c r="LUW153" s="31"/>
      <c r="LUX153" s="31"/>
      <c r="LUY153" s="31"/>
      <c r="LUZ153" s="31"/>
      <c r="LVA153" s="31"/>
      <c r="LVB153" s="31"/>
      <c r="LVC153" s="31"/>
      <c r="LVD153" s="31"/>
      <c r="LVE153" s="31"/>
      <c r="LVF153" s="31"/>
      <c r="LVG153" s="31"/>
      <c r="LVH153" s="31"/>
      <c r="LVI153" s="31"/>
      <c r="LVJ153" s="31"/>
      <c r="LVK153" s="31"/>
      <c r="LVL153" s="31"/>
      <c r="LVM153" s="31"/>
      <c r="LVN153" s="31"/>
      <c r="LVO153" s="31"/>
      <c r="LVP153" s="31"/>
      <c r="LVQ153" s="31"/>
      <c r="LVR153" s="31"/>
      <c r="LVS153" s="31"/>
      <c r="LVT153" s="31"/>
      <c r="LVU153" s="31"/>
      <c r="LVV153" s="31"/>
      <c r="LVW153" s="31"/>
      <c r="LVX153" s="31"/>
      <c r="LVY153" s="31"/>
      <c r="LVZ153" s="31"/>
      <c r="LWA153" s="31"/>
      <c r="LWB153" s="31"/>
      <c r="LWC153" s="31"/>
      <c r="LWD153" s="31"/>
      <c r="LWE153" s="31"/>
      <c r="LWF153" s="31"/>
      <c r="LWG153" s="31"/>
      <c r="LWH153" s="31"/>
      <c r="LWI153" s="31"/>
      <c r="LWJ153" s="31"/>
      <c r="LWK153" s="31"/>
      <c r="LWL153" s="31"/>
      <c r="LWM153" s="31"/>
      <c r="LWN153" s="31"/>
      <c r="LWO153" s="31"/>
      <c r="LWP153" s="31"/>
      <c r="LWQ153" s="31"/>
      <c r="LWR153" s="31"/>
      <c r="LWS153" s="31"/>
      <c r="LWT153" s="31"/>
      <c r="LWU153" s="31"/>
      <c r="LWV153" s="31"/>
      <c r="LWW153" s="31"/>
      <c r="LWX153" s="31"/>
      <c r="LWY153" s="31"/>
      <c r="LWZ153" s="31"/>
      <c r="LXA153" s="31"/>
      <c r="LXB153" s="31"/>
      <c r="LXC153" s="31"/>
      <c r="LXD153" s="31"/>
      <c r="LXE153" s="31"/>
      <c r="LXF153" s="31"/>
      <c r="LXG153" s="31"/>
      <c r="LXH153" s="31"/>
      <c r="LXI153" s="31"/>
      <c r="LXJ153" s="31"/>
      <c r="LXK153" s="31"/>
      <c r="LXL153" s="31"/>
      <c r="LXM153" s="31"/>
      <c r="LXN153" s="31"/>
      <c r="LXO153" s="31"/>
      <c r="LXP153" s="31"/>
      <c r="LXQ153" s="31"/>
      <c r="LXR153" s="31"/>
      <c r="LXS153" s="31"/>
      <c r="LXT153" s="31"/>
      <c r="LXU153" s="31"/>
      <c r="LXV153" s="31"/>
      <c r="LXW153" s="31"/>
      <c r="LXX153" s="31"/>
      <c r="LXY153" s="31"/>
      <c r="LXZ153" s="31"/>
      <c r="LYA153" s="31"/>
      <c r="LYB153" s="31"/>
      <c r="LYC153" s="31"/>
      <c r="LYD153" s="31"/>
      <c r="LYE153" s="31"/>
      <c r="LYF153" s="31"/>
      <c r="LYG153" s="31"/>
      <c r="LYH153" s="31"/>
      <c r="LYI153" s="31"/>
      <c r="LYJ153" s="31"/>
      <c r="LYK153" s="31"/>
      <c r="LYL153" s="31"/>
      <c r="LYM153" s="31"/>
      <c r="LYN153" s="31"/>
      <c r="LYO153" s="31"/>
      <c r="LYP153" s="31"/>
      <c r="LYQ153" s="31"/>
      <c r="LYR153" s="31"/>
      <c r="LYS153" s="31"/>
      <c r="LYT153" s="31"/>
      <c r="LYU153" s="31"/>
      <c r="LYV153" s="31"/>
      <c r="LYW153" s="31"/>
      <c r="LYX153" s="31"/>
      <c r="LYY153" s="31"/>
      <c r="LYZ153" s="31"/>
      <c r="LZA153" s="31"/>
      <c r="LZB153" s="31"/>
      <c r="LZC153" s="31"/>
      <c r="LZD153" s="31"/>
      <c r="LZE153" s="31"/>
      <c r="LZF153" s="31"/>
      <c r="LZG153" s="31"/>
      <c r="LZH153" s="31"/>
      <c r="LZI153" s="31"/>
      <c r="LZJ153" s="31"/>
      <c r="LZK153" s="31"/>
      <c r="LZL153" s="31"/>
      <c r="LZM153" s="31"/>
      <c r="LZN153" s="31"/>
      <c r="LZO153" s="31"/>
      <c r="LZP153" s="31"/>
      <c r="LZQ153" s="31"/>
      <c r="LZR153" s="31"/>
      <c r="LZS153" s="31"/>
      <c r="LZT153" s="31"/>
      <c r="LZU153" s="31"/>
      <c r="LZV153" s="31"/>
      <c r="LZW153" s="31"/>
      <c r="LZX153" s="31"/>
      <c r="LZY153" s="31"/>
      <c r="LZZ153" s="31"/>
      <c r="MAA153" s="31"/>
      <c r="MAB153" s="31"/>
      <c r="MAC153" s="31"/>
      <c r="MAD153" s="31"/>
      <c r="MAE153" s="31"/>
      <c r="MAF153" s="31"/>
      <c r="MAG153" s="31"/>
      <c r="MAH153" s="31"/>
      <c r="MAI153" s="31"/>
      <c r="MAJ153" s="31"/>
      <c r="MAK153" s="31"/>
      <c r="MAL153" s="31"/>
      <c r="MAM153" s="31"/>
      <c r="MAN153" s="31"/>
      <c r="MAO153" s="31"/>
      <c r="MAP153" s="31"/>
      <c r="MAQ153" s="31"/>
      <c r="MAR153" s="31"/>
      <c r="MAS153" s="31"/>
      <c r="MAT153" s="31"/>
      <c r="MAU153" s="31"/>
      <c r="MAV153" s="31"/>
      <c r="MAW153" s="31"/>
      <c r="MAX153" s="31"/>
      <c r="MAY153" s="31"/>
      <c r="MAZ153" s="31"/>
      <c r="MBA153" s="31"/>
      <c r="MBB153" s="31"/>
      <c r="MBC153" s="31"/>
      <c r="MBD153" s="31"/>
      <c r="MBE153" s="31"/>
      <c r="MBF153" s="31"/>
      <c r="MBG153" s="31"/>
      <c r="MBH153" s="31"/>
      <c r="MBI153" s="31"/>
      <c r="MBJ153" s="31"/>
      <c r="MBK153" s="31"/>
      <c r="MBL153" s="31"/>
      <c r="MBM153" s="31"/>
      <c r="MBN153" s="31"/>
      <c r="MBO153" s="31"/>
      <c r="MBP153" s="31"/>
      <c r="MBQ153" s="31"/>
      <c r="MBR153" s="31"/>
      <c r="MBS153" s="31"/>
      <c r="MBT153" s="31"/>
      <c r="MBU153" s="31"/>
      <c r="MBV153" s="31"/>
      <c r="MBW153" s="31"/>
      <c r="MBX153" s="31"/>
      <c r="MBY153" s="31"/>
      <c r="MBZ153" s="31"/>
      <c r="MCA153" s="31"/>
      <c r="MCB153" s="31"/>
      <c r="MCC153" s="31"/>
      <c r="MCD153" s="31"/>
      <c r="MCE153" s="31"/>
      <c r="MCF153" s="31"/>
      <c r="MCG153" s="31"/>
      <c r="MCH153" s="31"/>
      <c r="MCI153" s="31"/>
      <c r="MCJ153" s="31"/>
      <c r="MCK153" s="31"/>
      <c r="MCL153" s="31"/>
      <c r="MCM153" s="31"/>
      <c r="MCN153" s="31"/>
      <c r="MCO153" s="31"/>
      <c r="MCP153" s="31"/>
      <c r="MCQ153" s="31"/>
      <c r="MCR153" s="31"/>
      <c r="MCS153" s="31"/>
      <c r="MCT153" s="31"/>
      <c r="MCU153" s="31"/>
      <c r="MCV153" s="31"/>
      <c r="MCW153" s="31"/>
      <c r="MCX153" s="31"/>
      <c r="MCY153" s="31"/>
      <c r="MCZ153" s="31"/>
      <c r="MDA153" s="31"/>
      <c r="MDB153" s="31"/>
      <c r="MDC153" s="31"/>
      <c r="MDD153" s="31"/>
      <c r="MDE153" s="31"/>
      <c r="MDF153" s="31"/>
      <c r="MDG153" s="31"/>
      <c r="MDH153" s="31"/>
      <c r="MDI153" s="31"/>
      <c r="MDJ153" s="31"/>
      <c r="MDK153" s="31"/>
      <c r="MDL153" s="31"/>
      <c r="MDM153" s="31"/>
      <c r="MDN153" s="31"/>
      <c r="MDO153" s="31"/>
      <c r="MDP153" s="31"/>
      <c r="MDQ153" s="31"/>
      <c r="MDR153" s="31"/>
      <c r="MDS153" s="31"/>
      <c r="MDT153" s="31"/>
      <c r="MDU153" s="31"/>
      <c r="MDV153" s="31"/>
      <c r="MDW153" s="31"/>
      <c r="MDX153" s="31"/>
      <c r="MDY153" s="31"/>
      <c r="MDZ153" s="31"/>
      <c r="MEA153" s="31"/>
      <c r="MEB153" s="31"/>
      <c r="MEC153" s="31"/>
      <c r="MED153" s="31"/>
      <c r="MEE153" s="31"/>
      <c r="MEF153" s="31"/>
      <c r="MEG153" s="31"/>
      <c r="MEH153" s="31"/>
      <c r="MEI153" s="31"/>
      <c r="MEJ153" s="31"/>
      <c r="MEK153" s="31"/>
      <c r="MEL153" s="31"/>
      <c r="MEM153" s="31"/>
      <c r="MEN153" s="31"/>
      <c r="MEO153" s="31"/>
      <c r="MEP153" s="31"/>
      <c r="MEQ153" s="31"/>
      <c r="MER153" s="31"/>
      <c r="MES153" s="31"/>
      <c r="MET153" s="31"/>
      <c r="MEU153" s="31"/>
      <c r="MEV153" s="31"/>
      <c r="MEW153" s="31"/>
      <c r="MEX153" s="31"/>
      <c r="MEY153" s="31"/>
      <c r="MEZ153" s="31"/>
      <c r="MFA153" s="31"/>
      <c r="MFB153" s="31"/>
      <c r="MFC153" s="31"/>
      <c r="MFD153" s="31"/>
      <c r="MFE153" s="31"/>
      <c r="MFF153" s="31"/>
      <c r="MFG153" s="31"/>
      <c r="MFH153" s="31"/>
      <c r="MFI153" s="31"/>
      <c r="MFJ153" s="31"/>
      <c r="MFK153" s="31"/>
      <c r="MFL153" s="31"/>
      <c r="MFM153" s="31"/>
      <c r="MFN153" s="31"/>
      <c r="MFO153" s="31"/>
      <c r="MFP153" s="31"/>
      <c r="MFQ153" s="31"/>
      <c r="MFR153" s="31"/>
      <c r="MFS153" s="31"/>
      <c r="MFT153" s="31"/>
      <c r="MFU153" s="31"/>
      <c r="MFV153" s="31"/>
      <c r="MFW153" s="31"/>
      <c r="MFX153" s="31"/>
      <c r="MFY153" s="31"/>
      <c r="MFZ153" s="31"/>
      <c r="MGA153" s="31"/>
      <c r="MGB153" s="31"/>
      <c r="MGC153" s="31"/>
      <c r="MGD153" s="31"/>
      <c r="MGE153" s="31"/>
      <c r="MGF153" s="31"/>
      <c r="MGG153" s="31"/>
      <c r="MGH153" s="31"/>
      <c r="MGI153" s="31"/>
      <c r="MGJ153" s="31"/>
      <c r="MGK153" s="31"/>
      <c r="MGL153" s="31"/>
      <c r="MGM153" s="31"/>
      <c r="MGN153" s="31"/>
      <c r="MGO153" s="31"/>
      <c r="MGP153" s="31"/>
      <c r="MGQ153" s="31"/>
      <c r="MGR153" s="31"/>
      <c r="MGS153" s="31"/>
      <c r="MGT153" s="31"/>
      <c r="MGU153" s="31"/>
      <c r="MGV153" s="31"/>
      <c r="MGW153" s="31"/>
      <c r="MGX153" s="31"/>
      <c r="MGY153" s="31"/>
      <c r="MGZ153" s="31"/>
      <c r="MHA153" s="31"/>
      <c r="MHB153" s="31"/>
      <c r="MHC153" s="31"/>
      <c r="MHD153" s="31"/>
      <c r="MHE153" s="31"/>
      <c r="MHF153" s="31"/>
      <c r="MHG153" s="31"/>
      <c r="MHH153" s="31"/>
      <c r="MHI153" s="31"/>
      <c r="MHJ153" s="31"/>
      <c r="MHK153" s="31"/>
      <c r="MHL153" s="31"/>
      <c r="MHM153" s="31"/>
      <c r="MHN153" s="31"/>
      <c r="MHO153" s="31"/>
      <c r="MHP153" s="31"/>
      <c r="MHQ153" s="31"/>
      <c r="MHR153" s="31"/>
      <c r="MHS153" s="31"/>
      <c r="MHT153" s="31"/>
      <c r="MHU153" s="31"/>
      <c r="MHV153" s="31"/>
      <c r="MHW153" s="31"/>
      <c r="MHX153" s="31"/>
      <c r="MHY153" s="31"/>
      <c r="MHZ153" s="31"/>
      <c r="MIA153" s="31"/>
      <c r="MIB153" s="31"/>
      <c r="MIC153" s="31"/>
      <c r="MID153" s="31"/>
      <c r="MIE153" s="31"/>
      <c r="MIF153" s="31"/>
      <c r="MIG153" s="31"/>
      <c r="MIH153" s="31"/>
      <c r="MII153" s="31"/>
      <c r="MIJ153" s="31"/>
      <c r="MIK153" s="31"/>
      <c r="MIL153" s="31"/>
      <c r="MIM153" s="31"/>
      <c r="MIN153" s="31"/>
      <c r="MIO153" s="31"/>
      <c r="MIP153" s="31"/>
      <c r="MIQ153" s="31"/>
      <c r="MIR153" s="31"/>
      <c r="MIS153" s="31"/>
      <c r="MIT153" s="31"/>
      <c r="MIU153" s="31"/>
      <c r="MIV153" s="31"/>
      <c r="MIW153" s="31"/>
      <c r="MIX153" s="31"/>
      <c r="MIY153" s="31"/>
      <c r="MIZ153" s="31"/>
      <c r="MJA153" s="31"/>
      <c r="MJB153" s="31"/>
      <c r="MJC153" s="31"/>
      <c r="MJD153" s="31"/>
      <c r="MJE153" s="31"/>
      <c r="MJF153" s="31"/>
      <c r="MJG153" s="31"/>
      <c r="MJH153" s="31"/>
      <c r="MJI153" s="31"/>
      <c r="MJJ153" s="31"/>
      <c r="MJK153" s="31"/>
      <c r="MJL153" s="31"/>
      <c r="MJM153" s="31"/>
      <c r="MJN153" s="31"/>
      <c r="MJO153" s="31"/>
      <c r="MJP153" s="31"/>
      <c r="MJQ153" s="31"/>
      <c r="MJR153" s="31"/>
      <c r="MJS153" s="31"/>
      <c r="MJT153" s="31"/>
      <c r="MJU153" s="31"/>
      <c r="MJV153" s="31"/>
      <c r="MJW153" s="31"/>
      <c r="MJX153" s="31"/>
      <c r="MJY153" s="31"/>
      <c r="MJZ153" s="31"/>
      <c r="MKA153" s="31"/>
      <c r="MKB153" s="31"/>
      <c r="MKC153" s="31"/>
      <c r="MKD153" s="31"/>
      <c r="MKE153" s="31"/>
      <c r="MKF153" s="31"/>
      <c r="MKG153" s="31"/>
      <c r="MKH153" s="31"/>
      <c r="MKI153" s="31"/>
      <c r="MKJ153" s="31"/>
      <c r="MKK153" s="31"/>
      <c r="MKL153" s="31"/>
      <c r="MKM153" s="31"/>
      <c r="MKN153" s="31"/>
      <c r="MKO153" s="31"/>
      <c r="MKP153" s="31"/>
      <c r="MKQ153" s="31"/>
      <c r="MKR153" s="31"/>
      <c r="MKS153" s="31"/>
      <c r="MKT153" s="31"/>
      <c r="MKU153" s="31"/>
      <c r="MKV153" s="31"/>
      <c r="MKW153" s="31"/>
      <c r="MKX153" s="31"/>
      <c r="MKY153" s="31"/>
      <c r="MKZ153" s="31"/>
      <c r="MLA153" s="31"/>
      <c r="MLB153" s="31"/>
      <c r="MLC153" s="31"/>
      <c r="MLD153" s="31"/>
      <c r="MLE153" s="31"/>
      <c r="MLF153" s="31"/>
      <c r="MLG153" s="31"/>
      <c r="MLH153" s="31"/>
      <c r="MLI153" s="31"/>
      <c r="MLJ153" s="31"/>
      <c r="MLK153" s="31"/>
      <c r="MLL153" s="31"/>
      <c r="MLM153" s="31"/>
      <c r="MLN153" s="31"/>
      <c r="MLO153" s="31"/>
      <c r="MLP153" s="31"/>
      <c r="MLQ153" s="31"/>
      <c r="MLR153" s="31"/>
      <c r="MLS153" s="31"/>
      <c r="MLT153" s="31"/>
      <c r="MLU153" s="31"/>
      <c r="MLV153" s="31"/>
      <c r="MLW153" s="31"/>
      <c r="MLX153" s="31"/>
      <c r="MLY153" s="31"/>
      <c r="MLZ153" s="31"/>
      <c r="MMA153" s="31"/>
      <c r="MMB153" s="31"/>
      <c r="MMC153" s="31"/>
      <c r="MMD153" s="31"/>
      <c r="MME153" s="31"/>
      <c r="MMF153" s="31"/>
      <c r="MMG153" s="31"/>
      <c r="MMH153" s="31"/>
      <c r="MMI153" s="31"/>
      <c r="MMJ153" s="31"/>
      <c r="MMK153" s="31"/>
      <c r="MML153" s="31"/>
      <c r="MMM153" s="31"/>
      <c r="MMN153" s="31"/>
      <c r="MMO153" s="31"/>
      <c r="MMP153" s="31"/>
      <c r="MMQ153" s="31"/>
      <c r="MMR153" s="31"/>
      <c r="MMS153" s="31"/>
      <c r="MMT153" s="31"/>
      <c r="MMU153" s="31"/>
      <c r="MMV153" s="31"/>
      <c r="MMW153" s="31"/>
      <c r="MMX153" s="31"/>
      <c r="MMY153" s="31"/>
      <c r="MMZ153" s="31"/>
      <c r="MNA153" s="31"/>
      <c r="MNB153" s="31"/>
      <c r="MNC153" s="31"/>
      <c r="MND153" s="31"/>
      <c r="MNE153" s="31"/>
      <c r="MNF153" s="31"/>
      <c r="MNG153" s="31"/>
      <c r="MNH153" s="31"/>
      <c r="MNI153" s="31"/>
      <c r="MNJ153" s="31"/>
      <c r="MNK153" s="31"/>
      <c r="MNL153" s="31"/>
      <c r="MNM153" s="31"/>
      <c r="MNN153" s="31"/>
      <c r="MNO153" s="31"/>
      <c r="MNP153" s="31"/>
      <c r="MNQ153" s="31"/>
      <c r="MNR153" s="31"/>
      <c r="MNS153" s="31"/>
      <c r="MNT153" s="31"/>
      <c r="MNU153" s="31"/>
      <c r="MNV153" s="31"/>
      <c r="MNW153" s="31"/>
      <c r="MNX153" s="31"/>
      <c r="MNY153" s="31"/>
      <c r="MNZ153" s="31"/>
      <c r="MOA153" s="31"/>
      <c r="MOB153" s="31"/>
      <c r="MOC153" s="31"/>
      <c r="MOD153" s="31"/>
      <c r="MOE153" s="31"/>
      <c r="MOF153" s="31"/>
      <c r="MOG153" s="31"/>
      <c r="MOH153" s="31"/>
      <c r="MOI153" s="31"/>
      <c r="MOJ153" s="31"/>
      <c r="MOK153" s="31"/>
      <c r="MOL153" s="31"/>
      <c r="MOM153" s="31"/>
      <c r="MON153" s="31"/>
      <c r="MOO153" s="31"/>
      <c r="MOP153" s="31"/>
      <c r="MOQ153" s="31"/>
      <c r="MOR153" s="31"/>
      <c r="MOS153" s="31"/>
      <c r="MOT153" s="31"/>
      <c r="MOU153" s="31"/>
      <c r="MOV153" s="31"/>
      <c r="MOW153" s="31"/>
      <c r="MOX153" s="31"/>
      <c r="MOY153" s="31"/>
      <c r="MOZ153" s="31"/>
      <c r="MPA153" s="31"/>
      <c r="MPB153" s="31"/>
      <c r="MPC153" s="31"/>
      <c r="MPD153" s="31"/>
      <c r="MPE153" s="31"/>
      <c r="MPF153" s="31"/>
      <c r="MPG153" s="31"/>
      <c r="MPH153" s="31"/>
      <c r="MPI153" s="31"/>
      <c r="MPJ153" s="31"/>
      <c r="MPK153" s="31"/>
      <c r="MPL153" s="31"/>
      <c r="MPM153" s="31"/>
      <c r="MPN153" s="31"/>
      <c r="MPO153" s="31"/>
      <c r="MPP153" s="31"/>
      <c r="MPQ153" s="31"/>
      <c r="MPR153" s="31"/>
      <c r="MPS153" s="31"/>
      <c r="MPT153" s="31"/>
      <c r="MPU153" s="31"/>
      <c r="MPV153" s="31"/>
      <c r="MPW153" s="31"/>
      <c r="MPX153" s="31"/>
      <c r="MPY153" s="31"/>
      <c r="MPZ153" s="31"/>
      <c r="MQA153" s="31"/>
      <c r="MQB153" s="31"/>
      <c r="MQC153" s="31"/>
      <c r="MQD153" s="31"/>
      <c r="MQE153" s="31"/>
      <c r="MQF153" s="31"/>
      <c r="MQG153" s="31"/>
      <c r="MQH153" s="31"/>
      <c r="MQI153" s="31"/>
      <c r="MQJ153" s="31"/>
      <c r="MQK153" s="31"/>
      <c r="MQL153" s="31"/>
      <c r="MQM153" s="31"/>
      <c r="MQN153" s="31"/>
      <c r="MQO153" s="31"/>
      <c r="MQP153" s="31"/>
      <c r="MQQ153" s="31"/>
      <c r="MQR153" s="31"/>
      <c r="MQS153" s="31"/>
      <c r="MQT153" s="31"/>
      <c r="MQU153" s="31"/>
      <c r="MQV153" s="31"/>
      <c r="MQW153" s="31"/>
      <c r="MQX153" s="31"/>
      <c r="MQY153" s="31"/>
      <c r="MQZ153" s="31"/>
      <c r="MRA153" s="31"/>
      <c r="MRB153" s="31"/>
      <c r="MRC153" s="31"/>
      <c r="MRD153" s="31"/>
      <c r="MRE153" s="31"/>
      <c r="MRF153" s="31"/>
      <c r="MRG153" s="31"/>
      <c r="MRH153" s="31"/>
      <c r="MRI153" s="31"/>
      <c r="MRJ153" s="31"/>
      <c r="MRK153" s="31"/>
      <c r="MRL153" s="31"/>
      <c r="MRM153" s="31"/>
      <c r="MRN153" s="31"/>
      <c r="MRO153" s="31"/>
      <c r="MRP153" s="31"/>
      <c r="MRQ153" s="31"/>
      <c r="MRR153" s="31"/>
      <c r="MRS153" s="31"/>
      <c r="MRT153" s="31"/>
      <c r="MRU153" s="31"/>
      <c r="MRV153" s="31"/>
      <c r="MRW153" s="31"/>
      <c r="MRX153" s="31"/>
      <c r="MRY153" s="31"/>
      <c r="MRZ153" s="31"/>
      <c r="MSA153" s="31"/>
      <c r="MSB153" s="31"/>
      <c r="MSC153" s="31"/>
      <c r="MSD153" s="31"/>
      <c r="MSE153" s="31"/>
      <c r="MSF153" s="31"/>
      <c r="MSG153" s="31"/>
      <c r="MSH153" s="31"/>
      <c r="MSI153" s="31"/>
      <c r="MSJ153" s="31"/>
      <c r="MSK153" s="31"/>
      <c r="MSL153" s="31"/>
      <c r="MSM153" s="31"/>
      <c r="MSN153" s="31"/>
      <c r="MSO153" s="31"/>
      <c r="MSP153" s="31"/>
      <c r="MSQ153" s="31"/>
      <c r="MSR153" s="31"/>
      <c r="MSS153" s="31"/>
      <c r="MST153" s="31"/>
      <c r="MSU153" s="31"/>
      <c r="MSV153" s="31"/>
      <c r="MSW153" s="31"/>
      <c r="MSX153" s="31"/>
      <c r="MSY153" s="31"/>
      <c r="MSZ153" s="31"/>
      <c r="MTA153" s="31"/>
      <c r="MTB153" s="31"/>
      <c r="MTC153" s="31"/>
      <c r="MTD153" s="31"/>
      <c r="MTE153" s="31"/>
      <c r="MTF153" s="31"/>
      <c r="MTG153" s="31"/>
      <c r="MTH153" s="31"/>
      <c r="MTI153" s="31"/>
      <c r="MTJ153" s="31"/>
      <c r="MTK153" s="31"/>
      <c r="MTL153" s="31"/>
      <c r="MTM153" s="31"/>
      <c r="MTN153" s="31"/>
      <c r="MTO153" s="31"/>
      <c r="MTP153" s="31"/>
      <c r="MTQ153" s="31"/>
      <c r="MTR153" s="31"/>
      <c r="MTS153" s="31"/>
      <c r="MTT153" s="31"/>
      <c r="MTU153" s="31"/>
      <c r="MTV153" s="31"/>
      <c r="MTW153" s="31"/>
      <c r="MTX153" s="31"/>
      <c r="MTY153" s="31"/>
      <c r="MTZ153" s="31"/>
      <c r="MUA153" s="31"/>
      <c r="MUB153" s="31"/>
      <c r="MUC153" s="31"/>
      <c r="MUD153" s="31"/>
      <c r="MUE153" s="31"/>
      <c r="MUF153" s="31"/>
      <c r="MUG153" s="31"/>
      <c r="MUH153" s="31"/>
      <c r="MUI153" s="31"/>
      <c r="MUJ153" s="31"/>
      <c r="MUK153" s="31"/>
      <c r="MUL153" s="31"/>
      <c r="MUM153" s="31"/>
      <c r="MUN153" s="31"/>
      <c r="MUO153" s="31"/>
      <c r="MUP153" s="31"/>
      <c r="MUQ153" s="31"/>
      <c r="MUR153" s="31"/>
      <c r="MUS153" s="31"/>
      <c r="MUT153" s="31"/>
      <c r="MUU153" s="31"/>
      <c r="MUV153" s="31"/>
      <c r="MUW153" s="31"/>
      <c r="MUX153" s="31"/>
      <c r="MUY153" s="31"/>
      <c r="MUZ153" s="31"/>
      <c r="MVA153" s="31"/>
      <c r="MVB153" s="31"/>
      <c r="MVC153" s="31"/>
      <c r="MVD153" s="31"/>
      <c r="MVE153" s="31"/>
      <c r="MVF153" s="31"/>
      <c r="MVG153" s="31"/>
      <c r="MVH153" s="31"/>
      <c r="MVI153" s="31"/>
      <c r="MVJ153" s="31"/>
      <c r="MVK153" s="31"/>
      <c r="MVL153" s="31"/>
      <c r="MVM153" s="31"/>
      <c r="MVN153" s="31"/>
      <c r="MVO153" s="31"/>
      <c r="MVP153" s="31"/>
      <c r="MVQ153" s="31"/>
      <c r="MVR153" s="31"/>
      <c r="MVS153" s="31"/>
      <c r="MVT153" s="31"/>
      <c r="MVU153" s="31"/>
      <c r="MVV153" s="31"/>
      <c r="MVW153" s="31"/>
      <c r="MVX153" s="31"/>
      <c r="MVY153" s="31"/>
      <c r="MVZ153" s="31"/>
      <c r="MWA153" s="31"/>
      <c r="MWB153" s="31"/>
      <c r="MWC153" s="31"/>
      <c r="MWD153" s="31"/>
      <c r="MWE153" s="31"/>
      <c r="MWF153" s="31"/>
      <c r="MWG153" s="31"/>
      <c r="MWH153" s="31"/>
      <c r="MWI153" s="31"/>
      <c r="MWJ153" s="31"/>
      <c r="MWK153" s="31"/>
      <c r="MWL153" s="31"/>
      <c r="MWM153" s="31"/>
      <c r="MWN153" s="31"/>
      <c r="MWO153" s="31"/>
      <c r="MWP153" s="31"/>
      <c r="MWQ153" s="31"/>
      <c r="MWR153" s="31"/>
      <c r="MWS153" s="31"/>
      <c r="MWT153" s="31"/>
      <c r="MWU153" s="31"/>
      <c r="MWV153" s="31"/>
      <c r="MWW153" s="31"/>
      <c r="MWX153" s="31"/>
      <c r="MWY153" s="31"/>
      <c r="MWZ153" s="31"/>
      <c r="MXA153" s="31"/>
      <c r="MXB153" s="31"/>
      <c r="MXC153" s="31"/>
      <c r="MXD153" s="31"/>
      <c r="MXE153" s="31"/>
      <c r="MXF153" s="31"/>
      <c r="MXG153" s="31"/>
      <c r="MXH153" s="31"/>
      <c r="MXI153" s="31"/>
      <c r="MXJ153" s="31"/>
      <c r="MXK153" s="31"/>
      <c r="MXL153" s="31"/>
      <c r="MXM153" s="31"/>
      <c r="MXN153" s="31"/>
      <c r="MXO153" s="31"/>
      <c r="MXP153" s="31"/>
      <c r="MXQ153" s="31"/>
      <c r="MXR153" s="31"/>
      <c r="MXS153" s="31"/>
      <c r="MXT153" s="31"/>
      <c r="MXU153" s="31"/>
      <c r="MXV153" s="31"/>
      <c r="MXW153" s="31"/>
      <c r="MXX153" s="31"/>
      <c r="MXY153" s="31"/>
      <c r="MXZ153" s="31"/>
      <c r="MYA153" s="31"/>
      <c r="MYB153" s="31"/>
      <c r="MYC153" s="31"/>
      <c r="MYD153" s="31"/>
      <c r="MYE153" s="31"/>
      <c r="MYF153" s="31"/>
      <c r="MYG153" s="31"/>
      <c r="MYH153" s="31"/>
      <c r="MYI153" s="31"/>
      <c r="MYJ153" s="31"/>
      <c r="MYK153" s="31"/>
      <c r="MYL153" s="31"/>
      <c r="MYM153" s="31"/>
      <c r="MYN153" s="31"/>
      <c r="MYO153" s="31"/>
      <c r="MYP153" s="31"/>
      <c r="MYQ153" s="31"/>
      <c r="MYR153" s="31"/>
      <c r="MYS153" s="31"/>
      <c r="MYT153" s="31"/>
      <c r="MYU153" s="31"/>
      <c r="MYV153" s="31"/>
      <c r="MYW153" s="31"/>
      <c r="MYX153" s="31"/>
      <c r="MYY153" s="31"/>
      <c r="MYZ153" s="31"/>
      <c r="MZA153" s="31"/>
      <c r="MZB153" s="31"/>
      <c r="MZC153" s="31"/>
      <c r="MZD153" s="31"/>
      <c r="MZE153" s="31"/>
      <c r="MZF153" s="31"/>
      <c r="MZG153" s="31"/>
      <c r="MZH153" s="31"/>
      <c r="MZI153" s="31"/>
      <c r="MZJ153" s="31"/>
      <c r="MZK153" s="31"/>
      <c r="MZL153" s="31"/>
      <c r="MZM153" s="31"/>
      <c r="MZN153" s="31"/>
      <c r="MZO153" s="31"/>
      <c r="MZP153" s="31"/>
      <c r="MZQ153" s="31"/>
      <c r="MZR153" s="31"/>
      <c r="MZS153" s="31"/>
      <c r="MZT153" s="31"/>
      <c r="MZU153" s="31"/>
      <c r="MZV153" s="31"/>
      <c r="MZW153" s="31"/>
      <c r="MZX153" s="31"/>
      <c r="MZY153" s="31"/>
      <c r="MZZ153" s="31"/>
      <c r="NAA153" s="31"/>
      <c r="NAB153" s="31"/>
      <c r="NAC153" s="31"/>
      <c r="NAD153" s="31"/>
      <c r="NAE153" s="31"/>
      <c r="NAF153" s="31"/>
      <c r="NAG153" s="31"/>
      <c r="NAH153" s="31"/>
      <c r="NAI153" s="31"/>
      <c r="NAJ153" s="31"/>
      <c r="NAK153" s="31"/>
      <c r="NAL153" s="31"/>
      <c r="NAM153" s="31"/>
      <c r="NAN153" s="31"/>
      <c r="NAO153" s="31"/>
      <c r="NAP153" s="31"/>
      <c r="NAQ153" s="31"/>
      <c r="NAR153" s="31"/>
      <c r="NAS153" s="31"/>
      <c r="NAT153" s="31"/>
      <c r="NAU153" s="31"/>
      <c r="NAV153" s="31"/>
      <c r="NAW153" s="31"/>
      <c r="NAX153" s="31"/>
      <c r="NAY153" s="31"/>
      <c r="NAZ153" s="31"/>
      <c r="NBA153" s="31"/>
      <c r="NBB153" s="31"/>
      <c r="NBC153" s="31"/>
      <c r="NBD153" s="31"/>
      <c r="NBE153" s="31"/>
      <c r="NBF153" s="31"/>
      <c r="NBG153" s="31"/>
      <c r="NBH153" s="31"/>
      <c r="NBI153" s="31"/>
      <c r="NBJ153" s="31"/>
      <c r="NBK153" s="31"/>
      <c r="NBL153" s="31"/>
      <c r="NBM153" s="31"/>
      <c r="NBN153" s="31"/>
      <c r="NBO153" s="31"/>
      <c r="NBP153" s="31"/>
      <c r="NBQ153" s="31"/>
      <c r="NBR153" s="31"/>
      <c r="NBS153" s="31"/>
      <c r="NBT153" s="31"/>
      <c r="NBU153" s="31"/>
      <c r="NBV153" s="31"/>
      <c r="NBW153" s="31"/>
      <c r="NBX153" s="31"/>
      <c r="NBY153" s="31"/>
      <c r="NBZ153" s="31"/>
      <c r="NCA153" s="31"/>
      <c r="NCB153" s="31"/>
      <c r="NCC153" s="31"/>
      <c r="NCD153" s="31"/>
      <c r="NCE153" s="31"/>
      <c r="NCF153" s="31"/>
      <c r="NCG153" s="31"/>
      <c r="NCH153" s="31"/>
      <c r="NCI153" s="31"/>
      <c r="NCJ153" s="31"/>
      <c r="NCK153" s="31"/>
      <c r="NCL153" s="31"/>
      <c r="NCM153" s="31"/>
      <c r="NCN153" s="31"/>
      <c r="NCO153" s="31"/>
      <c r="NCP153" s="31"/>
      <c r="NCQ153" s="31"/>
      <c r="NCR153" s="31"/>
      <c r="NCS153" s="31"/>
      <c r="NCT153" s="31"/>
      <c r="NCU153" s="31"/>
      <c r="NCV153" s="31"/>
      <c r="NCW153" s="31"/>
      <c r="NCX153" s="31"/>
      <c r="NCY153" s="31"/>
      <c r="NCZ153" s="31"/>
      <c r="NDA153" s="31"/>
      <c r="NDB153" s="31"/>
      <c r="NDC153" s="31"/>
      <c r="NDD153" s="31"/>
      <c r="NDE153" s="31"/>
      <c r="NDF153" s="31"/>
      <c r="NDG153" s="31"/>
      <c r="NDH153" s="31"/>
      <c r="NDI153" s="31"/>
      <c r="NDJ153" s="31"/>
      <c r="NDK153" s="31"/>
      <c r="NDL153" s="31"/>
      <c r="NDM153" s="31"/>
      <c r="NDN153" s="31"/>
      <c r="NDO153" s="31"/>
      <c r="NDP153" s="31"/>
      <c r="NDQ153" s="31"/>
      <c r="NDR153" s="31"/>
      <c r="NDS153" s="31"/>
      <c r="NDT153" s="31"/>
      <c r="NDU153" s="31"/>
      <c r="NDV153" s="31"/>
      <c r="NDW153" s="31"/>
      <c r="NDX153" s="31"/>
      <c r="NDY153" s="31"/>
      <c r="NDZ153" s="31"/>
      <c r="NEA153" s="31"/>
      <c r="NEB153" s="31"/>
      <c r="NEC153" s="31"/>
      <c r="NED153" s="31"/>
      <c r="NEE153" s="31"/>
      <c r="NEF153" s="31"/>
      <c r="NEG153" s="31"/>
      <c r="NEH153" s="31"/>
      <c r="NEI153" s="31"/>
      <c r="NEJ153" s="31"/>
      <c r="NEK153" s="31"/>
      <c r="NEL153" s="31"/>
      <c r="NEM153" s="31"/>
      <c r="NEN153" s="31"/>
      <c r="NEO153" s="31"/>
      <c r="NEP153" s="31"/>
      <c r="NEQ153" s="31"/>
      <c r="NER153" s="31"/>
      <c r="NES153" s="31"/>
      <c r="NET153" s="31"/>
      <c r="NEU153" s="31"/>
      <c r="NEV153" s="31"/>
      <c r="NEW153" s="31"/>
      <c r="NEX153" s="31"/>
      <c r="NEY153" s="31"/>
      <c r="NEZ153" s="31"/>
      <c r="NFA153" s="31"/>
      <c r="NFB153" s="31"/>
      <c r="NFC153" s="31"/>
      <c r="NFD153" s="31"/>
      <c r="NFE153" s="31"/>
      <c r="NFF153" s="31"/>
      <c r="NFG153" s="31"/>
      <c r="NFH153" s="31"/>
      <c r="NFI153" s="31"/>
      <c r="NFJ153" s="31"/>
      <c r="NFK153" s="31"/>
      <c r="NFL153" s="31"/>
      <c r="NFM153" s="31"/>
      <c r="NFN153" s="31"/>
      <c r="NFO153" s="31"/>
      <c r="NFP153" s="31"/>
      <c r="NFQ153" s="31"/>
      <c r="NFR153" s="31"/>
      <c r="NFS153" s="31"/>
      <c r="NFT153" s="31"/>
      <c r="NFU153" s="31"/>
      <c r="NFV153" s="31"/>
      <c r="NFW153" s="31"/>
      <c r="NFX153" s="31"/>
      <c r="NFY153" s="31"/>
      <c r="NFZ153" s="31"/>
      <c r="NGA153" s="31"/>
      <c r="NGB153" s="31"/>
      <c r="NGC153" s="31"/>
      <c r="NGD153" s="31"/>
      <c r="NGE153" s="31"/>
      <c r="NGF153" s="31"/>
      <c r="NGG153" s="31"/>
      <c r="NGH153" s="31"/>
      <c r="NGI153" s="31"/>
      <c r="NGJ153" s="31"/>
      <c r="NGK153" s="31"/>
      <c r="NGL153" s="31"/>
      <c r="NGM153" s="31"/>
      <c r="NGN153" s="31"/>
      <c r="NGO153" s="31"/>
      <c r="NGP153" s="31"/>
      <c r="NGQ153" s="31"/>
      <c r="NGR153" s="31"/>
      <c r="NGS153" s="31"/>
      <c r="NGT153" s="31"/>
      <c r="NGU153" s="31"/>
      <c r="NGV153" s="31"/>
      <c r="NGW153" s="31"/>
      <c r="NGX153" s="31"/>
      <c r="NGY153" s="31"/>
      <c r="NGZ153" s="31"/>
      <c r="NHA153" s="31"/>
      <c r="NHB153" s="31"/>
      <c r="NHC153" s="31"/>
      <c r="NHD153" s="31"/>
      <c r="NHE153" s="31"/>
      <c r="NHF153" s="31"/>
      <c r="NHG153" s="31"/>
      <c r="NHH153" s="31"/>
      <c r="NHI153" s="31"/>
      <c r="NHJ153" s="31"/>
      <c r="NHK153" s="31"/>
      <c r="NHL153" s="31"/>
      <c r="NHM153" s="31"/>
      <c r="NHN153" s="31"/>
      <c r="NHO153" s="31"/>
      <c r="NHP153" s="31"/>
      <c r="NHQ153" s="31"/>
      <c r="NHR153" s="31"/>
      <c r="NHS153" s="31"/>
      <c r="NHT153" s="31"/>
      <c r="NHU153" s="31"/>
      <c r="NHV153" s="31"/>
      <c r="NHW153" s="31"/>
      <c r="NHX153" s="31"/>
      <c r="NHY153" s="31"/>
      <c r="NHZ153" s="31"/>
      <c r="NIA153" s="31"/>
      <c r="NIB153" s="31"/>
      <c r="NIC153" s="31"/>
      <c r="NID153" s="31"/>
      <c r="NIE153" s="31"/>
      <c r="NIF153" s="31"/>
      <c r="NIG153" s="31"/>
      <c r="NIH153" s="31"/>
      <c r="NII153" s="31"/>
      <c r="NIJ153" s="31"/>
      <c r="NIK153" s="31"/>
      <c r="NIL153" s="31"/>
      <c r="NIM153" s="31"/>
      <c r="NIN153" s="31"/>
      <c r="NIO153" s="31"/>
      <c r="NIP153" s="31"/>
      <c r="NIQ153" s="31"/>
      <c r="NIR153" s="31"/>
      <c r="NIS153" s="31"/>
      <c r="NIT153" s="31"/>
      <c r="NIU153" s="31"/>
      <c r="NIV153" s="31"/>
      <c r="NIW153" s="31"/>
      <c r="NIX153" s="31"/>
      <c r="NIY153" s="31"/>
      <c r="NIZ153" s="31"/>
      <c r="NJA153" s="31"/>
      <c r="NJB153" s="31"/>
      <c r="NJC153" s="31"/>
      <c r="NJD153" s="31"/>
      <c r="NJE153" s="31"/>
      <c r="NJF153" s="31"/>
      <c r="NJG153" s="31"/>
      <c r="NJH153" s="31"/>
      <c r="NJI153" s="31"/>
      <c r="NJJ153" s="31"/>
      <c r="NJK153" s="31"/>
      <c r="NJL153" s="31"/>
      <c r="NJM153" s="31"/>
      <c r="NJN153" s="31"/>
      <c r="NJO153" s="31"/>
      <c r="NJP153" s="31"/>
      <c r="NJQ153" s="31"/>
      <c r="NJR153" s="31"/>
      <c r="NJS153" s="31"/>
      <c r="NJT153" s="31"/>
      <c r="NJU153" s="31"/>
      <c r="NJV153" s="31"/>
      <c r="NJW153" s="31"/>
      <c r="NJX153" s="31"/>
      <c r="NJY153" s="31"/>
      <c r="NJZ153" s="31"/>
      <c r="NKA153" s="31"/>
      <c r="NKB153" s="31"/>
      <c r="NKC153" s="31"/>
      <c r="NKD153" s="31"/>
      <c r="NKE153" s="31"/>
      <c r="NKF153" s="31"/>
      <c r="NKG153" s="31"/>
      <c r="NKH153" s="31"/>
      <c r="NKI153" s="31"/>
      <c r="NKJ153" s="31"/>
      <c r="NKK153" s="31"/>
      <c r="NKL153" s="31"/>
      <c r="NKM153" s="31"/>
      <c r="NKN153" s="31"/>
      <c r="NKO153" s="31"/>
      <c r="NKP153" s="31"/>
      <c r="NKQ153" s="31"/>
      <c r="NKR153" s="31"/>
      <c r="NKS153" s="31"/>
      <c r="NKT153" s="31"/>
      <c r="NKU153" s="31"/>
      <c r="NKV153" s="31"/>
      <c r="NKW153" s="31"/>
      <c r="NKX153" s="31"/>
      <c r="NKY153" s="31"/>
      <c r="NKZ153" s="31"/>
      <c r="NLA153" s="31"/>
      <c r="NLB153" s="31"/>
      <c r="NLC153" s="31"/>
      <c r="NLD153" s="31"/>
      <c r="NLE153" s="31"/>
      <c r="NLF153" s="31"/>
      <c r="NLG153" s="31"/>
      <c r="NLH153" s="31"/>
      <c r="NLI153" s="31"/>
      <c r="NLJ153" s="31"/>
      <c r="NLK153" s="31"/>
      <c r="NLL153" s="31"/>
      <c r="NLM153" s="31"/>
      <c r="NLN153" s="31"/>
      <c r="NLO153" s="31"/>
      <c r="NLP153" s="31"/>
      <c r="NLQ153" s="31"/>
      <c r="NLR153" s="31"/>
      <c r="NLS153" s="31"/>
      <c r="NLT153" s="31"/>
      <c r="NLU153" s="31"/>
      <c r="NLV153" s="31"/>
      <c r="NLW153" s="31"/>
      <c r="NLX153" s="31"/>
      <c r="NLY153" s="31"/>
      <c r="NLZ153" s="31"/>
      <c r="NMA153" s="31"/>
      <c r="NMB153" s="31"/>
      <c r="NMC153" s="31"/>
      <c r="NMD153" s="31"/>
      <c r="NME153" s="31"/>
      <c r="NMF153" s="31"/>
      <c r="NMG153" s="31"/>
      <c r="NMH153" s="31"/>
      <c r="NMI153" s="31"/>
      <c r="NMJ153" s="31"/>
      <c r="NMK153" s="31"/>
      <c r="NML153" s="31"/>
      <c r="NMM153" s="31"/>
      <c r="NMN153" s="31"/>
      <c r="NMO153" s="31"/>
      <c r="NMP153" s="31"/>
      <c r="NMQ153" s="31"/>
      <c r="NMR153" s="31"/>
      <c r="NMS153" s="31"/>
      <c r="NMT153" s="31"/>
      <c r="NMU153" s="31"/>
      <c r="NMV153" s="31"/>
      <c r="NMW153" s="31"/>
      <c r="NMX153" s="31"/>
      <c r="NMY153" s="31"/>
      <c r="NMZ153" s="31"/>
      <c r="NNA153" s="31"/>
      <c r="NNB153" s="31"/>
      <c r="NNC153" s="31"/>
      <c r="NND153" s="31"/>
      <c r="NNE153" s="31"/>
      <c r="NNF153" s="31"/>
      <c r="NNG153" s="31"/>
      <c r="NNH153" s="31"/>
      <c r="NNI153" s="31"/>
      <c r="NNJ153" s="31"/>
      <c r="NNK153" s="31"/>
      <c r="NNL153" s="31"/>
      <c r="NNM153" s="31"/>
      <c r="NNN153" s="31"/>
      <c r="NNO153" s="31"/>
      <c r="NNP153" s="31"/>
      <c r="NNQ153" s="31"/>
      <c r="NNR153" s="31"/>
      <c r="NNS153" s="31"/>
      <c r="NNT153" s="31"/>
      <c r="NNU153" s="31"/>
      <c r="NNV153" s="31"/>
      <c r="NNW153" s="31"/>
      <c r="NNX153" s="31"/>
      <c r="NNY153" s="31"/>
      <c r="NNZ153" s="31"/>
      <c r="NOA153" s="31"/>
      <c r="NOB153" s="31"/>
      <c r="NOC153" s="31"/>
      <c r="NOD153" s="31"/>
      <c r="NOE153" s="31"/>
      <c r="NOF153" s="31"/>
      <c r="NOG153" s="31"/>
      <c r="NOH153" s="31"/>
      <c r="NOI153" s="31"/>
      <c r="NOJ153" s="31"/>
      <c r="NOK153" s="31"/>
      <c r="NOL153" s="31"/>
      <c r="NOM153" s="31"/>
      <c r="NON153" s="31"/>
      <c r="NOO153" s="31"/>
      <c r="NOP153" s="31"/>
      <c r="NOQ153" s="31"/>
      <c r="NOR153" s="31"/>
      <c r="NOS153" s="31"/>
      <c r="NOT153" s="31"/>
      <c r="NOU153" s="31"/>
      <c r="NOV153" s="31"/>
      <c r="NOW153" s="31"/>
      <c r="NOX153" s="31"/>
      <c r="NOY153" s="31"/>
      <c r="NOZ153" s="31"/>
      <c r="NPA153" s="31"/>
      <c r="NPB153" s="31"/>
      <c r="NPC153" s="31"/>
      <c r="NPD153" s="31"/>
      <c r="NPE153" s="31"/>
      <c r="NPF153" s="31"/>
      <c r="NPG153" s="31"/>
      <c r="NPH153" s="31"/>
      <c r="NPI153" s="31"/>
      <c r="NPJ153" s="31"/>
      <c r="NPK153" s="31"/>
      <c r="NPL153" s="31"/>
      <c r="NPM153" s="31"/>
      <c r="NPN153" s="31"/>
      <c r="NPO153" s="31"/>
      <c r="NPP153" s="31"/>
      <c r="NPQ153" s="31"/>
      <c r="NPR153" s="31"/>
      <c r="NPS153" s="31"/>
      <c r="NPT153" s="31"/>
      <c r="NPU153" s="31"/>
      <c r="NPV153" s="31"/>
      <c r="NPW153" s="31"/>
      <c r="NPX153" s="31"/>
      <c r="NPY153" s="31"/>
      <c r="NPZ153" s="31"/>
      <c r="NQA153" s="31"/>
      <c r="NQB153" s="31"/>
      <c r="NQC153" s="31"/>
      <c r="NQD153" s="31"/>
      <c r="NQE153" s="31"/>
      <c r="NQF153" s="31"/>
      <c r="NQG153" s="31"/>
      <c r="NQH153" s="31"/>
      <c r="NQI153" s="31"/>
      <c r="NQJ153" s="31"/>
      <c r="NQK153" s="31"/>
      <c r="NQL153" s="31"/>
      <c r="NQM153" s="31"/>
      <c r="NQN153" s="31"/>
      <c r="NQO153" s="31"/>
      <c r="NQP153" s="31"/>
      <c r="NQQ153" s="31"/>
      <c r="NQR153" s="31"/>
      <c r="NQS153" s="31"/>
      <c r="NQT153" s="31"/>
      <c r="NQU153" s="31"/>
      <c r="NQV153" s="31"/>
      <c r="NQW153" s="31"/>
      <c r="NQX153" s="31"/>
      <c r="NQY153" s="31"/>
      <c r="NQZ153" s="31"/>
      <c r="NRA153" s="31"/>
      <c r="NRB153" s="31"/>
      <c r="NRC153" s="31"/>
      <c r="NRD153" s="31"/>
      <c r="NRE153" s="31"/>
      <c r="NRF153" s="31"/>
      <c r="NRG153" s="31"/>
      <c r="NRH153" s="31"/>
      <c r="NRI153" s="31"/>
      <c r="NRJ153" s="31"/>
      <c r="NRK153" s="31"/>
      <c r="NRL153" s="31"/>
      <c r="NRM153" s="31"/>
      <c r="NRN153" s="31"/>
      <c r="NRO153" s="31"/>
      <c r="NRP153" s="31"/>
      <c r="NRQ153" s="31"/>
      <c r="NRR153" s="31"/>
      <c r="NRS153" s="31"/>
      <c r="NRT153" s="31"/>
      <c r="NRU153" s="31"/>
      <c r="NRV153" s="31"/>
      <c r="NRW153" s="31"/>
      <c r="NRX153" s="31"/>
      <c r="NRY153" s="31"/>
      <c r="NRZ153" s="31"/>
      <c r="NSA153" s="31"/>
      <c r="NSB153" s="31"/>
      <c r="NSC153" s="31"/>
      <c r="NSD153" s="31"/>
      <c r="NSE153" s="31"/>
      <c r="NSF153" s="31"/>
      <c r="NSG153" s="31"/>
      <c r="NSH153" s="31"/>
      <c r="NSI153" s="31"/>
      <c r="NSJ153" s="31"/>
      <c r="NSK153" s="31"/>
      <c r="NSL153" s="31"/>
      <c r="NSM153" s="31"/>
      <c r="NSN153" s="31"/>
      <c r="NSO153" s="31"/>
      <c r="NSP153" s="31"/>
      <c r="NSQ153" s="31"/>
      <c r="NSR153" s="31"/>
      <c r="NSS153" s="31"/>
      <c r="NST153" s="31"/>
      <c r="NSU153" s="31"/>
      <c r="NSV153" s="31"/>
      <c r="NSW153" s="31"/>
      <c r="NSX153" s="31"/>
      <c r="NSY153" s="31"/>
      <c r="NSZ153" s="31"/>
      <c r="NTA153" s="31"/>
      <c r="NTB153" s="31"/>
      <c r="NTC153" s="31"/>
      <c r="NTD153" s="31"/>
      <c r="NTE153" s="31"/>
      <c r="NTF153" s="31"/>
      <c r="NTG153" s="31"/>
      <c r="NTH153" s="31"/>
      <c r="NTI153" s="31"/>
      <c r="NTJ153" s="31"/>
      <c r="NTK153" s="31"/>
      <c r="NTL153" s="31"/>
      <c r="NTM153" s="31"/>
      <c r="NTN153" s="31"/>
      <c r="NTO153" s="31"/>
      <c r="NTP153" s="31"/>
      <c r="NTQ153" s="31"/>
      <c r="NTR153" s="31"/>
      <c r="NTS153" s="31"/>
      <c r="NTT153" s="31"/>
      <c r="NTU153" s="31"/>
      <c r="NTV153" s="31"/>
      <c r="NTW153" s="31"/>
      <c r="NTX153" s="31"/>
      <c r="NTY153" s="31"/>
      <c r="NTZ153" s="31"/>
      <c r="NUA153" s="31"/>
      <c r="NUB153" s="31"/>
      <c r="NUC153" s="31"/>
      <c r="NUD153" s="31"/>
      <c r="NUE153" s="31"/>
      <c r="NUF153" s="31"/>
      <c r="NUG153" s="31"/>
      <c r="NUH153" s="31"/>
      <c r="NUI153" s="31"/>
      <c r="NUJ153" s="31"/>
      <c r="NUK153" s="31"/>
      <c r="NUL153" s="31"/>
      <c r="NUM153" s="31"/>
      <c r="NUN153" s="31"/>
      <c r="NUO153" s="31"/>
      <c r="NUP153" s="31"/>
      <c r="NUQ153" s="31"/>
      <c r="NUR153" s="31"/>
      <c r="NUS153" s="31"/>
      <c r="NUT153" s="31"/>
      <c r="NUU153" s="31"/>
      <c r="NUV153" s="31"/>
      <c r="NUW153" s="31"/>
      <c r="NUX153" s="31"/>
      <c r="NUY153" s="31"/>
      <c r="NUZ153" s="31"/>
      <c r="NVA153" s="31"/>
      <c r="NVB153" s="31"/>
      <c r="NVC153" s="31"/>
      <c r="NVD153" s="31"/>
      <c r="NVE153" s="31"/>
      <c r="NVF153" s="31"/>
      <c r="NVG153" s="31"/>
      <c r="NVH153" s="31"/>
      <c r="NVI153" s="31"/>
      <c r="NVJ153" s="31"/>
      <c r="NVK153" s="31"/>
      <c r="NVL153" s="31"/>
      <c r="NVM153" s="31"/>
      <c r="NVN153" s="31"/>
      <c r="NVO153" s="31"/>
      <c r="NVP153" s="31"/>
      <c r="NVQ153" s="31"/>
      <c r="NVR153" s="31"/>
      <c r="NVS153" s="31"/>
      <c r="NVT153" s="31"/>
      <c r="NVU153" s="31"/>
      <c r="NVV153" s="31"/>
      <c r="NVW153" s="31"/>
      <c r="NVX153" s="31"/>
      <c r="NVY153" s="31"/>
      <c r="NVZ153" s="31"/>
      <c r="NWA153" s="31"/>
      <c r="NWB153" s="31"/>
      <c r="NWC153" s="31"/>
      <c r="NWD153" s="31"/>
      <c r="NWE153" s="31"/>
      <c r="NWF153" s="31"/>
      <c r="NWG153" s="31"/>
      <c r="NWH153" s="31"/>
      <c r="NWI153" s="31"/>
      <c r="NWJ153" s="31"/>
      <c r="NWK153" s="31"/>
      <c r="NWL153" s="31"/>
      <c r="NWM153" s="31"/>
      <c r="NWN153" s="31"/>
      <c r="NWO153" s="31"/>
      <c r="NWP153" s="31"/>
      <c r="NWQ153" s="31"/>
      <c r="NWR153" s="31"/>
      <c r="NWS153" s="31"/>
      <c r="NWT153" s="31"/>
      <c r="NWU153" s="31"/>
      <c r="NWV153" s="31"/>
      <c r="NWW153" s="31"/>
      <c r="NWX153" s="31"/>
      <c r="NWY153" s="31"/>
      <c r="NWZ153" s="31"/>
      <c r="NXA153" s="31"/>
      <c r="NXB153" s="31"/>
      <c r="NXC153" s="31"/>
      <c r="NXD153" s="31"/>
      <c r="NXE153" s="31"/>
      <c r="NXF153" s="31"/>
      <c r="NXG153" s="31"/>
      <c r="NXH153" s="31"/>
      <c r="NXI153" s="31"/>
      <c r="NXJ153" s="31"/>
      <c r="NXK153" s="31"/>
      <c r="NXL153" s="31"/>
      <c r="NXM153" s="31"/>
      <c r="NXN153" s="31"/>
      <c r="NXO153" s="31"/>
      <c r="NXP153" s="31"/>
      <c r="NXQ153" s="31"/>
      <c r="NXR153" s="31"/>
      <c r="NXS153" s="31"/>
      <c r="NXT153" s="31"/>
      <c r="NXU153" s="31"/>
      <c r="NXV153" s="31"/>
      <c r="NXW153" s="31"/>
      <c r="NXX153" s="31"/>
      <c r="NXY153" s="31"/>
      <c r="NXZ153" s="31"/>
      <c r="NYA153" s="31"/>
      <c r="NYB153" s="31"/>
      <c r="NYC153" s="31"/>
      <c r="NYD153" s="31"/>
      <c r="NYE153" s="31"/>
      <c r="NYF153" s="31"/>
      <c r="NYG153" s="31"/>
      <c r="NYH153" s="31"/>
      <c r="NYI153" s="31"/>
      <c r="NYJ153" s="31"/>
      <c r="NYK153" s="31"/>
      <c r="NYL153" s="31"/>
      <c r="NYM153" s="31"/>
      <c r="NYN153" s="31"/>
      <c r="NYO153" s="31"/>
      <c r="NYP153" s="31"/>
      <c r="NYQ153" s="31"/>
      <c r="NYR153" s="31"/>
      <c r="NYS153" s="31"/>
      <c r="NYT153" s="31"/>
      <c r="NYU153" s="31"/>
      <c r="NYV153" s="31"/>
      <c r="NYW153" s="31"/>
      <c r="NYX153" s="31"/>
      <c r="NYY153" s="31"/>
      <c r="NYZ153" s="31"/>
      <c r="NZA153" s="31"/>
      <c r="NZB153" s="31"/>
      <c r="NZC153" s="31"/>
      <c r="NZD153" s="31"/>
      <c r="NZE153" s="31"/>
      <c r="NZF153" s="31"/>
      <c r="NZG153" s="31"/>
      <c r="NZH153" s="31"/>
      <c r="NZI153" s="31"/>
      <c r="NZJ153" s="31"/>
      <c r="NZK153" s="31"/>
      <c r="NZL153" s="31"/>
      <c r="NZM153" s="31"/>
      <c r="NZN153" s="31"/>
      <c r="NZO153" s="31"/>
      <c r="NZP153" s="31"/>
      <c r="NZQ153" s="31"/>
      <c r="NZR153" s="31"/>
      <c r="NZS153" s="31"/>
      <c r="NZT153" s="31"/>
      <c r="NZU153" s="31"/>
      <c r="NZV153" s="31"/>
      <c r="NZW153" s="31"/>
      <c r="NZX153" s="31"/>
      <c r="NZY153" s="31"/>
      <c r="NZZ153" s="31"/>
      <c r="OAA153" s="31"/>
      <c r="OAB153" s="31"/>
      <c r="OAC153" s="31"/>
      <c r="OAD153" s="31"/>
      <c r="OAE153" s="31"/>
      <c r="OAF153" s="31"/>
      <c r="OAG153" s="31"/>
      <c r="OAH153" s="31"/>
      <c r="OAI153" s="31"/>
      <c r="OAJ153" s="31"/>
      <c r="OAK153" s="31"/>
      <c r="OAL153" s="31"/>
      <c r="OAM153" s="31"/>
      <c r="OAN153" s="31"/>
      <c r="OAO153" s="31"/>
      <c r="OAP153" s="31"/>
      <c r="OAQ153" s="31"/>
      <c r="OAR153" s="31"/>
      <c r="OAS153" s="31"/>
      <c r="OAT153" s="31"/>
      <c r="OAU153" s="31"/>
      <c r="OAV153" s="31"/>
      <c r="OAW153" s="31"/>
      <c r="OAX153" s="31"/>
      <c r="OAY153" s="31"/>
      <c r="OAZ153" s="31"/>
      <c r="OBA153" s="31"/>
      <c r="OBB153" s="31"/>
      <c r="OBC153" s="31"/>
      <c r="OBD153" s="31"/>
      <c r="OBE153" s="31"/>
      <c r="OBF153" s="31"/>
      <c r="OBG153" s="31"/>
      <c r="OBH153" s="31"/>
      <c r="OBI153" s="31"/>
      <c r="OBJ153" s="31"/>
      <c r="OBK153" s="31"/>
      <c r="OBL153" s="31"/>
      <c r="OBM153" s="31"/>
      <c r="OBN153" s="31"/>
      <c r="OBO153" s="31"/>
      <c r="OBP153" s="31"/>
      <c r="OBQ153" s="31"/>
      <c r="OBR153" s="31"/>
      <c r="OBS153" s="31"/>
      <c r="OBT153" s="31"/>
      <c r="OBU153" s="31"/>
      <c r="OBV153" s="31"/>
      <c r="OBW153" s="31"/>
      <c r="OBX153" s="31"/>
      <c r="OBY153" s="31"/>
      <c r="OBZ153" s="31"/>
      <c r="OCA153" s="31"/>
      <c r="OCB153" s="31"/>
      <c r="OCC153" s="31"/>
      <c r="OCD153" s="31"/>
      <c r="OCE153" s="31"/>
      <c r="OCF153" s="31"/>
      <c r="OCG153" s="31"/>
      <c r="OCH153" s="31"/>
      <c r="OCI153" s="31"/>
      <c r="OCJ153" s="31"/>
      <c r="OCK153" s="31"/>
      <c r="OCL153" s="31"/>
      <c r="OCM153" s="31"/>
      <c r="OCN153" s="31"/>
      <c r="OCO153" s="31"/>
      <c r="OCP153" s="31"/>
      <c r="OCQ153" s="31"/>
      <c r="OCR153" s="31"/>
      <c r="OCS153" s="31"/>
      <c r="OCT153" s="31"/>
      <c r="OCU153" s="31"/>
      <c r="OCV153" s="31"/>
      <c r="OCW153" s="31"/>
      <c r="OCX153" s="31"/>
      <c r="OCY153" s="31"/>
      <c r="OCZ153" s="31"/>
      <c r="ODA153" s="31"/>
      <c r="ODB153" s="31"/>
      <c r="ODC153" s="31"/>
      <c r="ODD153" s="31"/>
      <c r="ODE153" s="31"/>
      <c r="ODF153" s="31"/>
      <c r="ODG153" s="31"/>
      <c r="ODH153" s="31"/>
      <c r="ODI153" s="31"/>
      <c r="ODJ153" s="31"/>
      <c r="ODK153" s="31"/>
      <c r="ODL153" s="31"/>
      <c r="ODM153" s="31"/>
      <c r="ODN153" s="31"/>
      <c r="ODO153" s="31"/>
      <c r="ODP153" s="31"/>
      <c r="ODQ153" s="31"/>
      <c r="ODR153" s="31"/>
      <c r="ODS153" s="31"/>
      <c r="ODT153" s="31"/>
      <c r="ODU153" s="31"/>
      <c r="ODV153" s="31"/>
      <c r="ODW153" s="31"/>
      <c r="ODX153" s="31"/>
      <c r="ODY153" s="31"/>
      <c r="ODZ153" s="31"/>
      <c r="OEA153" s="31"/>
      <c r="OEB153" s="31"/>
      <c r="OEC153" s="31"/>
      <c r="OED153" s="31"/>
      <c r="OEE153" s="31"/>
      <c r="OEF153" s="31"/>
      <c r="OEG153" s="31"/>
      <c r="OEH153" s="31"/>
      <c r="OEI153" s="31"/>
      <c r="OEJ153" s="31"/>
      <c r="OEK153" s="31"/>
      <c r="OEL153" s="31"/>
      <c r="OEM153" s="31"/>
      <c r="OEN153" s="31"/>
      <c r="OEO153" s="31"/>
      <c r="OEP153" s="31"/>
      <c r="OEQ153" s="31"/>
      <c r="OER153" s="31"/>
      <c r="OES153" s="31"/>
      <c r="OET153" s="31"/>
      <c r="OEU153" s="31"/>
      <c r="OEV153" s="31"/>
      <c r="OEW153" s="31"/>
      <c r="OEX153" s="31"/>
      <c r="OEY153" s="31"/>
      <c r="OEZ153" s="31"/>
      <c r="OFA153" s="31"/>
      <c r="OFB153" s="31"/>
      <c r="OFC153" s="31"/>
      <c r="OFD153" s="31"/>
      <c r="OFE153" s="31"/>
      <c r="OFF153" s="31"/>
      <c r="OFG153" s="31"/>
      <c r="OFH153" s="31"/>
      <c r="OFI153" s="31"/>
      <c r="OFJ153" s="31"/>
      <c r="OFK153" s="31"/>
      <c r="OFL153" s="31"/>
      <c r="OFM153" s="31"/>
      <c r="OFN153" s="31"/>
      <c r="OFO153" s="31"/>
      <c r="OFP153" s="31"/>
      <c r="OFQ153" s="31"/>
      <c r="OFR153" s="31"/>
      <c r="OFS153" s="31"/>
      <c r="OFT153" s="31"/>
      <c r="OFU153" s="31"/>
      <c r="OFV153" s="31"/>
      <c r="OFW153" s="31"/>
      <c r="OFX153" s="31"/>
      <c r="OFY153" s="31"/>
      <c r="OFZ153" s="31"/>
      <c r="OGA153" s="31"/>
      <c r="OGB153" s="31"/>
      <c r="OGC153" s="31"/>
      <c r="OGD153" s="31"/>
      <c r="OGE153" s="31"/>
      <c r="OGF153" s="31"/>
      <c r="OGG153" s="31"/>
      <c r="OGH153" s="31"/>
      <c r="OGI153" s="31"/>
      <c r="OGJ153" s="31"/>
      <c r="OGK153" s="31"/>
      <c r="OGL153" s="31"/>
      <c r="OGM153" s="31"/>
      <c r="OGN153" s="31"/>
      <c r="OGO153" s="31"/>
      <c r="OGP153" s="31"/>
      <c r="OGQ153" s="31"/>
      <c r="OGR153" s="31"/>
      <c r="OGS153" s="31"/>
      <c r="OGT153" s="31"/>
      <c r="OGU153" s="31"/>
      <c r="OGV153" s="31"/>
      <c r="OGW153" s="31"/>
      <c r="OGX153" s="31"/>
      <c r="OGY153" s="31"/>
      <c r="OGZ153" s="31"/>
      <c r="OHA153" s="31"/>
      <c r="OHB153" s="31"/>
      <c r="OHC153" s="31"/>
      <c r="OHD153" s="31"/>
      <c r="OHE153" s="31"/>
      <c r="OHF153" s="31"/>
      <c r="OHG153" s="31"/>
      <c r="OHH153" s="31"/>
      <c r="OHI153" s="31"/>
      <c r="OHJ153" s="31"/>
      <c r="OHK153" s="31"/>
      <c r="OHL153" s="31"/>
      <c r="OHM153" s="31"/>
      <c r="OHN153" s="31"/>
      <c r="OHO153" s="31"/>
      <c r="OHP153" s="31"/>
      <c r="OHQ153" s="31"/>
      <c r="OHR153" s="31"/>
      <c r="OHS153" s="31"/>
      <c r="OHT153" s="31"/>
      <c r="OHU153" s="31"/>
      <c r="OHV153" s="31"/>
      <c r="OHW153" s="31"/>
      <c r="OHX153" s="31"/>
      <c r="OHY153" s="31"/>
      <c r="OHZ153" s="31"/>
      <c r="OIA153" s="31"/>
      <c r="OIB153" s="31"/>
      <c r="OIC153" s="31"/>
      <c r="OID153" s="31"/>
      <c r="OIE153" s="31"/>
      <c r="OIF153" s="31"/>
      <c r="OIG153" s="31"/>
      <c r="OIH153" s="31"/>
      <c r="OII153" s="31"/>
      <c r="OIJ153" s="31"/>
      <c r="OIK153" s="31"/>
      <c r="OIL153" s="31"/>
      <c r="OIM153" s="31"/>
      <c r="OIN153" s="31"/>
      <c r="OIO153" s="31"/>
      <c r="OIP153" s="31"/>
      <c r="OIQ153" s="31"/>
      <c r="OIR153" s="31"/>
      <c r="OIS153" s="31"/>
      <c r="OIT153" s="31"/>
      <c r="OIU153" s="31"/>
      <c r="OIV153" s="31"/>
      <c r="OIW153" s="31"/>
      <c r="OIX153" s="31"/>
      <c r="OIY153" s="31"/>
      <c r="OIZ153" s="31"/>
      <c r="OJA153" s="31"/>
      <c r="OJB153" s="31"/>
      <c r="OJC153" s="31"/>
      <c r="OJD153" s="31"/>
      <c r="OJE153" s="31"/>
      <c r="OJF153" s="31"/>
      <c r="OJG153" s="31"/>
      <c r="OJH153" s="31"/>
      <c r="OJI153" s="31"/>
      <c r="OJJ153" s="31"/>
      <c r="OJK153" s="31"/>
      <c r="OJL153" s="31"/>
      <c r="OJM153" s="31"/>
      <c r="OJN153" s="31"/>
      <c r="OJO153" s="31"/>
      <c r="OJP153" s="31"/>
      <c r="OJQ153" s="31"/>
      <c r="OJR153" s="31"/>
      <c r="OJS153" s="31"/>
      <c r="OJT153" s="31"/>
      <c r="OJU153" s="31"/>
      <c r="OJV153" s="31"/>
      <c r="OJW153" s="31"/>
      <c r="OJX153" s="31"/>
      <c r="OJY153" s="31"/>
      <c r="OJZ153" s="31"/>
      <c r="OKA153" s="31"/>
      <c r="OKB153" s="31"/>
      <c r="OKC153" s="31"/>
      <c r="OKD153" s="31"/>
      <c r="OKE153" s="31"/>
      <c r="OKF153" s="31"/>
      <c r="OKG153" s="31"/>
      <c r="OKH153" s="31"/>
      <c r="OKI153" s="31"/>
      <c r="OKJ153" s="31"/>
      <c r="OKK153" s="31"/>
      <c r="OKL153" s="31"/>
      <c r="OKM153" s="31"/>
      <c r="OKN153" s="31"/>
      <c r="OKO153" s="31"/>
      <c r="OKP153" s="31"/>
      <c r="OKQ153" s="31"/>
      <c r="OKR153" s="31"/>
      <c r="OKS153" s="31"/>
      <c r="OKT153" s="31"/>
      <c r="OKU153" s="31"/>
      <c r="OKV153" s="31"/>
      <c r="OKW153" s="31"/>
      <c r="OKX153" s="31"/>
      <c r="OKY153" s="31"/>
      <c r="OKZ153" s="31"/>
      <c r="OLA153" s="31"/>
      <c r="OLB153" s="31"/>
      <c r="OLC153" s="31"/>
      <c r="OLD153" s="31"/>
      <c r="OLE153" s="31"/>
      <c r="OLF153" s="31"/>
      <c r="OLG153" s="31"/>
      <c r="OLH153" s="31"/>
      <c r="OLI153" s="31"/>
      <c r="OLJ153" s="31"/>
      <c r="OLK153" s="31"/>
      <c r="OLL153" s="31"/>
      <c r="OLM153" s="31"/>
      <c r="OLN153" s="31"/>
      <c r="OLO153" s="31"/>
      <c r="OLP153" s="31"/>
      <c r="OLQ153" s="31"/>
      <c r="OLR153" s="31"/>
      <c r="OLS153" s="31"/>
      <c r="OLT153" s="31"/>
      <c r="OLU153" s="31"/>
      <c r="OLV153" s="31"/>
      <c r="OLW153" s="31"/>
      <c r="OLX153" s="31"/>
      <c r="OLY153" s="31"/>
      <c r="OLZ153" s="31"/>
      <c r="OMA153" s="31"/>
      <c r="OMB153" s="31"/>
      <c r="OMC153" s="31"/>
      <c r="OMD153" s="31"/>
      <c r="OME153" s="31"/>
      <c r="OMF153" s="31"/>
      <c r="OMG153" s="31"/>
      <c r="OMH153" s="31"/>
      <c r="OMI153" s="31"/>
      <c r="OMJ153" s="31"/>
      <c r="OMK153" s="31"/>
      <c r="OML153" s="31"/>
      <c r="OMM153" s="31"/>
      <c r="OMN153" s="31"/>
      <c r="OMO153" s="31"/>
      <c r="OMP153" s="31"/>
      <c r="OMQ153" s="31"/>
      <c r="OMR153" s="31"/>
      <c r="OMS153" s="31"/>
      <c r="OMT153" s="31"/>
      <c r="OMU153" s="31"/>
      <c r="OMV153" s="31"/>
      <c r="OMW153" s="31"/>
      <c r="OMX153" s="31"/>
      <c r="OMY153" s="31"/>
      <c r="OMZ153" s="31"/>
      <c r="ONA153" s="31"/>
      <c r="ONB153" s="31"/>
      <c r="ONC153" s="31"/>
      <c r="OND153" s="31"/>
      <c r="ONE153" s="31"/>
      <c r="ONF153" s="31"/>
      <c r="ONG153" s="31"/>
      <c r="ONH153" s="31"/>
      <c r="ONI153" s="31"/>
      <c r="ONJ153" s="31"/>
      <c r="ONK153" s="31"/>
      <c r="ONL153" s="31"/>
      <c r="ONM153" s="31"/>
      <c r="ONN153" s="31"/>
      <c r="ONO153" s="31"/>
      <c r="ONP153" s="31"/>
      <c r="ONQ153" s="31"/>
      <c r="ONR153" s="31"/>
      <c r="ONS153" s="31"/>
      <c r="ONT153" s="31"/>
      <c r="ONU153" s="31"/>
      <c r="ONV153" s="31"/>
      <c r="ONW153" s="31"/>
      <c r="ONX153" s="31"/>
      <c r="ONY153" s="31"/>
      <c r="ONZ153" s="31"/>
      <c r="OOA153" s="31"/>
      <c r="OOB153" s="31"/>
      <c r="OOC153" s="31"/>
      <c r="OOD153" s="31"/>
      <c r="OOE153" s="31"/>
      <c r="OOF153" s="31"/>
      <c r="OOG153" s="31"/>
      <c r="OOH153" s="31"/>
      <c r="OOI153" s="31"/>
      <c r="OOJ153" s="31"/>
      <c r="OOK153" s="31"/>
      <c r="OOL153" s="31"/>
      <c r="OOM153" s="31"/>
      <c r="OON153" s="31"/>
      <c r="OOO153" s="31"/>
      <c r="OOP153" s="31"/>
      <c r="OOQ153" s="31"/>
      <c r="OOR153" s="31"/>
      <c r="OOS153" s="31"/>
      <c r="OOT153" s="31"/>
      <c r="OOU153" s="31"/>
      <c r="OOV153" s="31"/>
      <c r="OOW153" s="31"/>
      <c r="OOX153" s="31"/>
      <c r="OOY153" s="31"/>
      <c r="OOZ153" s="31"/>
      <c r="OPA153" s="31"/>
      <c r="OPB153" s="31"/>
      <c r="OPC153" s="31"/>
      <c r="OPD153" s="31"/>
      <c r="OPE153" s="31"/>
      <c r="OPF153" s="31"/>
      <c r="OPG153" s="31"/>
      <c r="OPH153" s="31"/>
      <c r="OPI153" s="31"/>
      <c r="OPJ153" s="31"/>
      <c r="OPK153" s="31"/>
      <c r="OPL153" s="31"/>
      <c r="OPM153" s="31"/>
      <c r="OPN153" s="31"/>
      <c r="OPO153" s="31"/>
      <c r="OPP153" s="31"/>
      <c r="OPQ153" s="31"/>
      <c r="OPR153" s="31"/>
      <c r="OPS153" s="31"/>
      <c r="OPT153" s="31"/>
      <c r="OPU153" s="31"/>
      <c r="OPV153" s="31"/>
      <c r="OPW153" s="31"/>
      <c r="OPX153" s="31"/>
      <c r="OPY153" s="31"/>
      <c r="OPZ153" s="31"/>
      <c r="OQA153" s="31"/>
      <c r="OQB153" s="31"/>
      <c r="OQC153" s="31"/>
      <c r="OQD153" s="31"/>
      <c r="OQE153" s="31"/>
      <c r="OQF153" s="31"/>
      <c r="OQG153" s="31"/>
      <c r="OQH153" s="31"/>
      <c r="OQI153" s="31"/>
      <c r="OQJ153" s="31"/>
      <c r="OQK153" s="31"/>
      <c r="OQL153" s="31"/>
      <c r="OQM153" s="31"/>
      <c r="OQN153" s="31"/>
      <c r="OQO153" s="31"/>
      <c r="OQP153" s="31"/>
      <c r="OQQ153" s="31"/>
      <c r="OQR153" s="31"/>
      <c r="OQS153" s="31"/>
      <c r="OQT153" s="31"/>
      <c r="OQU153" s="31"/>
      <c r="OQV153" s="31"/>
      <c r="OQW153" s="31"/>
      <c r="OQX153" s="31"/>
      <c r="OQY153" s="31"/>
      <c r="OQZ153" s="31"/>
      <c r="ORA153" s="31"/>
      <c r="ORB153" s="31"/>
      <c r="ORC153" s="31"/>
      <c r="ORD153" s="31"/>
      <c r="ORE153" s="31"/>
      <c r="ORF153" s="31"/>
      <c r="ORG153" s="31"/>
      <c r="ORH153" s="31"/>
      <c r="ORI153" s="31"/>
      <c r="ORJ153" s="31"/>
      <c r="ORK153" s="31"/>
      <c r="ORL153" s="31"/>
      <c r="ORM153" s="31"/>
      <c r="ORN153" s="31"/>
      <c r="ORO153" s="31"/>
      <c r="ORP153" s="31"/>
      <c r="ORQ153" s="31"/>
      <c r="ORR153" s="31"/>
      <c r="ORS153" s="31"/>
      <c r="ORT153" s="31"/>
      <c r="ORU153" s="31"/>
      <c r="ORV153" s="31"/>
      <c r="ORW153" s="31"/>
      <c r="ORX153" s="31"/>
      <c r="ORY153" s="31"/>
      <c r="ORZ153" s="31"/>
      <c r="OSA153" s="31"/>
      <c r="OSB153" s="31"/>
      <c r="OSC153" s="31"/>
      <c r="OSD153" s="31"/>
      <c r="OSE153" s="31"/>
      <c r="OSF153" s="31"/>
      <c r="OSG153" s="31"/>
      <c r="OSH153" s="31"/>
      <c r="OSI153" s="31"/>
      <c r="OSJ153" s="31"/>
      <c r="OSK153" s="31"/>
      <c r="OSL153" s="31"/>
      <c r="OSM153" s="31"/>
      <c r="OSN153" s="31"/>
      <c r="OSO153" s="31"/>
      <c r="OSP153" s="31"/>
      <c r="OSQ153" s="31"/>
      <c r="OSR153" s="31"/>
      <c r="OSS153" s="31"/>
      <c r="OST153" s="31"/>
      <c r="OSU153" s="31"/>
      <c r="OSV153" s="31"/>
      <c r="OSW153" s="31"/>
      <c r="OSX153" s="31"/>
      <c r="OSY153" s="31"/>
      <c r="OSZ153" s="31"/>
      <c r="OTA153" s="31"/>
      <c r="OTB153" s="31"/>
      <c r="OTC153" s="31"/>
      <c r="OTD153" s="31"/>
      <c r="OTE153" s="31"/>
      <c r="OTF153" s="31"/>
      <c r="OTG153" s="31"/>
      <c r="OTH153" s="31"/>
      <c r="OTI153" s="31"/>
      <c r="OTJ153" s="31"/>
      <c r="OTK153" s="31"/>
      <c r="OTL153" s="31"/>
      <c r="OTM153" s="31"/>
      <c r="OTN153" s="31"/>
      <c r="OTO153" s="31"/>
      <c r="OTP153" s="31"/>
      <c r="OTQ153" s="31"/>
      <c r="OTR153" s="31"/>
      <c r="OTS153" s="31"/>
      <c r="OTT153" s="31"/>
      <c r="OTU153" s="31"/>
      <c r="OTV153" s="31"/>
      <c r="OTW153" s="31"/>
      <c r="OTX153" s="31"/>
      <c r="OTY153" s="31"/>
      <c r="OTZ153" s="31"/>
      <c r="OUA153" s="31"/>
      <c r="OUB153" s="31"/>
      <c r="OUC153" s="31"/>
      <c r="OUD153" s="31"/>
      <c r="OUE153" s="31"/>
      <c r="OUF153" s="31"/>
      <c r="OUG153" s="31"/>
      <c r="OUH153" s="31"/>
      <c r="OUI153" s="31"/>
      <c r="OUJ153" s="31"/>
      <c r="OUK153" s="31"/>
      <c r="OUL153" s="31"/>
      <c r="OUM153" s="31"/>
      <c r="OUN153" s="31"/>
      <c r="OUO153" s="31"/>
      <c r="OUP153" s="31"/>
      <c r="OUQ153" s="31"/>
      <c r="OUR153" s="31"/>
      <c r="OUS153" s="31"/>
      <c r="OUT153" s="31"/>
      <c r="OUU153" s="31"/>
      <c r="OUV153" s="31"/>
      <c r="OUW153" s="31"/>
      <c r="OUX153" s="31"/>
      <c r="OUY153" s="31"/>
      <c r="OUZ153" s="31"/>
      <c r="OVA153" s="31"/>
      <c r="OVB153" s="31"/>
      <c r="OVC153" s="31"/>
      <c r="OVD153" s="31"/>
      <c r="OVE153" s="31"/>
      <c r="OVF153" s="31"/>
      <c r="OVG153" s="31"/>
      <c r="OVH153" s="31"/>
      <c r="OVI153" s="31"/>
      <c r="OVJ153" s="31"/>
      <c r="OVK153" s="31"/>
      <c r="OVL153" s="31"/>
      <c r="OVM153" s="31"/>
      <c r="OVN153" s="31"/>
      <c r="OVO153" s="31"/>
      <c r="OVP153" s="31"/>
      <c r="OVQ153" s="31"/>
      <c r="OVR153" s="31"/>
      <c r="OVS153" s="31"/>
      <c r="OVT153" s="31"/>
      <c r="OVU153" s="31"/>
      <c r="OVV153" s="31"/>
      <c r="OVW153" s="31"/>
      <c r="OVX153" s="31"/>
      <c r="OVY153" s="31"/>
      <c r="OVZ153" s="31"/>
      <c r="OWA153" s="31"/>
      <c r="OWB153" s="31"/>
      <c r="OWC153" s="31"/>
      <c r="OWD153" s="31"/>
      <c r="OWE153" s="31"/>
      <c r="OWF153" s="31"/>
      <c r="OWG153" s="31"/>
      <c r="OWH153" s="31"/>
      <c r="OWI153" s="31"/>
      <c r="OWJ153" s="31"/>
      <c r="OWK153" s="31"/>
      <c r="OWL153" s="31"/>
      <c r="OWM153" s="31"/>
      <c r="OWN153" s="31"/>
      <c r="OWO153" s="31"/>
      <c r="OWP153" s="31"/>
      <c r="OWQ153" s="31"/>
      <c r="OWR153" s="31"/>
      <c r="OWS153" s="31"/>
      <c r="OWT153" s="31"/>
      <c r="OWU153" s="31"/>
      <c r="OWV153" s="31"/>
      <c r="OWW153" s="31"/>
      <c r="OWX153" s="31"/>
      <c r="OWY153" s="31"/>
      <c r="OWZ153" s="31"/>
      <c r="OXA153" s="31"/>
      <c r="OXB153" s="31"/>
      <c r="OXC153" s="31"/>
      <c r="OXD153" s="31"/>
      <c r="OXE153" s="31"/>
      <c r="OXF153" s="31"/>
      <c r="OXG153" s="31"/>
      <c r="OXH153" s="31"/>
      <c r="OXI153" s="31"/>
      <c r="OXJ153" s="31"/>
      <c r="OXK153" s="31"/>
      <c r="OXL153" s="31"/>
      <c r="OXM153" s="31"/>
      <c r="OXN153" s="31"/>
      <c r="OXO153" s="31"/>
      <c r="OXP153" s="31"/>
      <c r="OXQ153" s="31"/>
      <c r="OXR153" s="31"/>
      <c r="OXS153" s="31"/>
      <c r="OXT153" s="31"/>
      <c r="OXU153" s="31"/>
      <c r="OXV153" s="31"/>
      <c r="OXW153" s="31"/>
      <c r="OXX153" s="31"/>
      <c r="OXY153" s="31"/>
      <c r="OXZ153" s="31"/>
      <c r="OYA153" s="31"/>
      <c r="OYB153" s="31"/>
      <c r="OYC153" s="31"/>
      <c r="OYD153" s="31"/>
      <c r="OYE153" s="31"/>
      <c r="OYF153" s="31"/>
      <c r="OYG153" s="31"/>
      <c r="OYH153" s="31"/>
      <c r="OYI153" s="31"/>
      <c r="OYJ153" s="31"/>
      <c r="OYK153" s="31"/>
      <c r="OYL153" s="31"/>
      <c r="OYM153" s="31"/>
      <c r="OYN153" s="31"/>
      <c r="OYO153" s="31"/>
      <c r="OYP153" s="31"/>
      <c r="OYQ153" s="31"/>
      <c r="OYR153" s="31"/>
      <c r="OYS153" s="31"/>
      <c r="OYT153" s="31"/>
      <c r="OYU153" s="31"/>
      <c r="OYV153" s="31"/>
      <c r="OYW153" s="31"/>
      <c r="OYX153" s="31"/>
      <c r="OYY153" s="31"/>
      <c r="OYZ153" s="31"/>
      <c r="OZA153" s="31"/>
      <c r="OZB153" s="31"/>
      <c r="OZC153" s="31"/>
      <c r="OZD153" s="31"/>
      <c r="OZE153" s="31"/>
      <c r="OZF153" s="31"/>
      <c r="OZG153" s="31"/>
      <c r="OZH153" s="31"/>
      <c r="OZI153" s="31"/>
      <c r="OZJ153" s="31"/>
      <c r="OZK153" s="31"/>
      <c r="OZL153" s="31"/>
      <c r="OZM153" s="31"/>
      <c r="OZN153" s="31"/>
      <c r="OZO153" s="31"/>
      <c r="OZP153" s="31"/>
      <c r="OZQ153" s="31"/>
      <c r="OZR153" s="31"/>
      <c r="OZS153" s="31"/>
      <c r="OZT153" s="31"/>
      <c r="OZU153" s="31"/>
      <c r="OZV153" s="31"/>
      <c r="OZW153" s="31"/>
      <c r="OZX153" s="31"/>
      <c r="OZY153" s="31"/>
      <c r="OZZ153" s="31"/>
      <c r="PAA153" s="31"/>
      <c r="PAB153" s="31"/>
      <c r="PAC153" s="31"/>
      <c r="PAD153" s="31"/>
      <c r="PAE153" s="31"/>
      <c r="PAF153" s="31"/>
      <c r="PAG153" s="31"/>
      <c r="PAH153" s="31"/>
      <c r="PAI153" s="31"/>
      <c r="PAJ153" s="31"/>
      <c r="PAK153" s="31"/>
      <c r="PAL153" s="31"/>
      <c r="PAM153" s="31"/>
      <c r="PAN153" s="31"/>
      <c r="PAO153" s="31"/>
      <c r="PAP153" s="31"/>
      <c r="PAQ153" s="31"/>
      <c r="PAR153" s="31"/>
      <c r="PAS153" s="31"/>
      <c r="PAT153" s="31"/>
      <c r="PAU153" s="31"/>
      <c r="PAV153" s="31"/>
      <c r="PAW153" s="31"/>
      <c r="PAX153" s="31"/>
      <c r="PAY153" s="31"/>
      <c r="PAZ153" s="31"/>
      <c r="PBA153" s="31"/>
      <c r="PBB153" s="31"/>
      <c r="PBC153" s="31"/>
      <c r="PBD153" s="31"/>
      <c r="PBE153" s="31"/>
      <c r="PBF153" s="31"/>
      <c r="PBG153" s="31"/>
      <c r="PBH153" s="31"/>
      <c r="PBI153" s="31"/>
      <c r="PBJ153" s="31"/>
      <c r="PBK153" s="31"/>
      <c r="PBL153" s="31"/>
      <c r="PBM153" s="31"/>
      <c r="PBN153" s="31"/>
      <c r="PBO153" s="31"/>
      <c r="PBP153" s="31"/>
      <c r="PBQ153" s="31"/>
      <c r="PBR153" s="31"/>
      <c r="PBS153" s="31"/>
      <c r="PBT153" s="31"/>
      <c r="PBU153" s="31"/>
      <c r="PBV153" s="31"/>
      <c r="PBW153" s="31"/>
      <c r="PBX153" s="31"/>
      <c r="PBY153" s="31"/>
      <c r="PBZ153" s="31"/>
      <c r="PCA153" s="31"/>
      <c r="PCB153" s="31"/>
      <c r="PCC153" s="31"/>
      <c r="PCD153" s="31"/>
      <c r="PCE153" s="31"/>
      <c r="PCF153" s="31"/>
      <c r="PCG153" s="31"/>
      <c r="PCH153" s="31"/>
      <c r="PCI153" s="31"/>
      <c r="PCJ153" s="31"/>
      <c r="PCK153" s="31"/>
      <c r="PCL153" s="31"/>
      <c r="PCM153" s="31"/>
      <c r="PCN153" s="31"/>
      <c r="PCO153" s="31"/>
      <c r="PCP153" s="31"/>
      <c r="PCQ153" s="31"/>
      <c r="PCR153" s="31"/>
      <c r="PCS153" s="31"/>
      <c r="PCT153" s="31"/>
      <c r="PCU153" s="31"/>
      <c r="PCV153" s="31"/>
      <c r="PCW153" s="31"/>
      <c r="PCX153" s="31"/>
      <c r="PCY153" s="31"/>
      <c r="PCZ153" s="31"/>
      <c r="PDA153" s="31"/>
      <c r="PDB153" s="31"/>
      <c r="PDC153" s="31"/>
      <c r="PDD153" s="31"/>
      <c r="PDE153" s="31"/>
      <c r="PDF153" s="31"/>
      <c r="PDG153" s="31"/>
      <c r="PDH153" s="31"/>
      <c r="PDI153" s="31"/>
      <c r="PDJ153" s="31"/>
      <c r="PDK153" s="31"/>
      <c r="PDL153" s="31"/>
      <c r="PDM153" s="31"/>
      <c r="PDN153" s="31"/>
      <c r="PDO153" s="31"/>
      <c r="PDP153" s="31"/>
      <c r="PDQ153" s="31"/>
      <c r="PDR153" s="31"/>
      <c r="PDS153" s="31"/>
      <c r="PDT153" s="31"/>
      <c r="PDU153" s="31"/>
      <c r="PDV153" s="31"/>
      <c r="PDW153" s="31"/>
      <c r="PDX153" s="31"/>
      <c r="PDY153" s="31"/>
      <c r="PDZ153" s="31"/>
      <c r="PEA153" s="31"/>
      <c r="PEB153" s="31"/>
      <c r="PEC153" s="31"/>
      <c r="PED153" s="31"/>
      <c r="PEE153" s="31"/>
      <c r="PEF153" s="31"/>
      <c r="PEG153" s="31"/>
      <c r="PEH153" s="31"/>
      <c r="PEI153" s="31"/>
      <c r="PEJ153" s="31"/>
      <c r="PEK153" s="31"/>
      <c r="PEL153" s="31"/>
      <c r="PEM153" s="31"/>
      <c r="PEN153" s="31"/>
      <c r="PEO153" s="31"/>
      <c r="PEP153" s="31"/>
      <c r="PEQ153" s="31"/>
      <c r="PER153" s="31"/>
      <c r="PES153" s="31"/>
      <c r="PET153" s="31"/>
      <c r="PEU153" s="31"/>
      <c r="PEV153" s="31"/>
      <c r="PEW153" s="31"/>
      <c r="PEX153" s="31"/>
      <c r="PEY153" s="31"/>
      <c r="PEZ153" s="31"/>
      <c r="PFA153" s="31"/>
      <c r="PFB153" s="31"/>
      <c r="PFC153" s="31"/>
      <c r="PFD153" s="31"/>
      <c r="PFE153" s="31"/>
      <c r="PFF153" s="31"/>
      <c r="PFG153" s="31"/>
      <c r="PFH153" s="31"/>
      <c r="PFI153" s="31"/>
      <c r="PFJ153" s="31"/>
      <c r="PFK153" s="31"/>
      <c r="PFL153" s="31"/>
      <c r="PFM153" s="31"/>
      <c r="PFN153" s="31"/>
      <c r="PFO153" s="31"/>
      <c r="PFP153" s="31"/>
      <c r="PFQ153" s="31"/>
      <c r="PFR153" s="31"/>
      <c r="PFS153" s="31"/>
      <c r="PFT153" s="31"/>
      <c r="PFU153" s="31"/>
      <c r="PFV153" s="31"/>
      <c r="PFW153" s="31"/>
      <c r="PFX153" s="31"/>
      <c r="PFY153" s="31"/>
      <c r="PFZ153" s="31"/>
      <c r="PGA153" s="31"/>
      <c r="PGB153" s="31"/>
      <c r="PGC153" s="31"/>
      <c r="PGD153" s="31"/>
      <c r="PGE153" s="31"/>
      <c r="PGF153" s="31"/>
      <c r="PGG153" s="31"/>
      <c r="PGH153" s="31"/>
      <c r="PGI153" s="31"/>
      <c r="PGJ153" s="31"/>
      <c r="PGK153" s="31"/>
      <c r="PGL153" s="31"/>
      <c r="PGM153" s="31"/>
      <c r="PGN153" s="31"/>
      <c r="PGO153" s="31"/>
      <c r="PGP153" s="31"/>
      <c r="PGQ153" s="31"/>
      <c r="PGR153" s="31"/>
      <c r="PGS153" s="31"/>
      <c r="PGT153" s="31"/>
      <c r="PGU153" s="31"/>
      <c r="PGV153" s="31"/>
      <c r="PGW153" s="31"/>
      <c r="PGX153" s="31"/>
      <c r="PGY153" s="31"/>
      <c r="PGZ153" s="31"/>
      <c r="PHA153" s="31"/>
      <c r="PHB153" s="31"/>
      <c r="PHC153" s="31"/>
      <c r="PHD153" s="31"/>
      <c r="PHE153" s="31"/>
      <c r="PHF153" s="31"/>
      <c r="PHG153" s="31"/>
      <c r="PHH153" s="31"/>
      <c r="PHI153" s="31"/>
      <c r="PHJ153" s="31"/>
      <c r="PHK153" s="31"/>
      <c r="PHL153" s="31"/>
      <c r="PHM153" s="31"/>
      <c r="PHN153" s="31"/>
      <c r="PHO153" s="31"/>
      <c r="PHP153" s="31"/>
      <c r="PHQ153" s="31"/>
      <c r="PHR153" s="31"/>
      <c r="PHS153" s="31"/>
      <c r="PHT153" s="31"/>
      <c r="PHU153" s="31"/>
      <c r="PHV153" s="31"/>
      <c r="PHW153" s="31"/>
      <c r="PHX153" s="31"/>
      <c r="PHY153" s="31"/>
      <c r="PHZ153" s="31"/>
      <c r="PIA153" s="31"/>
      <c r="PIB153" s="31"/>
      <c r="PIC153" s="31"/>
      <c r="PID153" s="31"/>
      <c r="PIE153" s="31"/>
      <c r="PIF153" s="31"/>
      <c r="PIG153" s="31"/>
      <c r="PIH153" s="31"/>
      <c r="PII153" s="31"/>
      <c r="PIJ153" s="31"/>
      <c r="PIK153" s="31"/>
      <c r="PIL153" s="31"/>
      <c r="PIM153" s="31"/>
      <c r="PIN153" s="31"/>
      <c r="PIO153" s="31"/>
      <c r="PIP153" s="31"/>
      <c r="PIQ153" s="31"/>
      <c r="PIR153" s="31"/>
      <c r="PIS153" s="31"/>
      <c r="PIT153" s="31"/>
      <c r="PIU153" s="31"/>
      <c r="PIV153" s="31"/>
      <c r="PIW153" s="31"/>
      <c r="PIX153" s="31"/>
      <c r="PIY153" s="31"/>
      <c r="PIZ153" s="31"/>
      <c r="PJA153" s="31"/>
      <c r="PJB153" s="31"/>
      <c r="PJC153" s="31"/>
      <c r="PJD153" s="31"/>
      <c r="PJE153" s="31"/>
      <c r="PJF153" s="31"/>
      <c r="PJG153" s="31"/>
      <c r="PJH153" s="31"/>
      <c r="PJI153" s="31"/>
      <c r="PJJ153" s="31"/>
      <c r="PJK153" s="31"/>
      <c r="PJL153" s="31"/>
      <c r="PJM153" s="31"/>
      <c r="PJN153" s="31"/>
      <c r="PJO153" s="31"/>
      <c r="PJP153" s="31"/>
      <c r="PJQ153" s="31"/>
      <c r="PJR153" s="31"/>
      <c r="PJS153" s="31"/>
      <c r="PJT153" s="31"/>
      <c r="PJU153" s="31"/>
      <c r="PJV153" s="31"/>
      <c r="PJW153" s="31"/>
      <c r="PJX153" s="31"/>
      <c r="PJY153" s="31"/>
      <c r="PJZ153" s="31"/>
      <c r="PKA153" s="31"/>
      <c r="PKB153" s="31"/>
      <c r="PKC153" s="31"/>
      <c r="PKD153" s="31"/>
      <c r="PKE153" s="31"/>
      <c r="PKF153" s="31"/>
      <c r="PKG153" s="31"/>
      <c r="PKH153" s="31"/>
      <c r="PKI153" s="31"/>
      <c r="PKJ153" s="31"/>
      <c r="PKK153" s="31"/>
      <c r="PKL153" s="31"/>
      <c r="PKM153" s="31"/>
      <c r="PKN153" s="31"/>
      <c r="PKO153" s="31"/>
      <c r="PKP153" s="31"/>
      <c r="PKQ153" s="31"/>
      <c r="PKR153" s="31"/>
      <c r="PKS153" s="31"/>
      <c r="PKT153" s="31"/>
      <c r="PKU153" s="31"/>
      <c r="PKV153" s="31"/>
      <c r="PKW153" s="31"/>
      <c r="PKX153" s="31"/>
      <c r="PKY153" s="31"/>
      <c r="PKZ153" s="31"/>
      <c r="PLA153" s="31"/>
      <c r="PLB153" s="31"/>
      <c r="PLC153" s="31"/>
      <c r="PLD153" s="31"/>
      <c r="PLE153" s="31"/>
      <c r="PLF153" s="31"/>
      <c r="PLG153" s="31"/>
      <c r="PLH153" s="31"/>
      <c r="PLI153" s="31"/>
      <c r="PLJ153" s="31"/>
      <c r="PLK153" s="31"/>
      <c r="PLL153" s="31"/>
      <c r="PLM153" s="31"/>
      <c r="PLN153" s="31"/>
      <c r="PLO153" s="31"/>
      <c r="PLP153" s="31"/>
      <c r="PLQ153" s="31"/>
      <c r="PLR153" s="31"/>
      <c r="PLS153" s="31"/>
      <c r="PLT153" s="31"/>
      <c r="PLU153" s="31"/>
      <c r="PLV153" s="31"/>
      <c r="PLW153" s="31"/>
      <c r="PLX153" s="31"/>
      <c r="PLY153" s="31"/>
      <c r="PLZ153" s="31"/>
      <c r="PMA153" s="31"/>
      <c r="PMB153" s="31"/>
      <c r="PMC153" s="31"/>
      <c r="PMD153" s="31"/>
      <c r="PME153" s="31"/>
      <c r="PMF153" s="31"/>
      <c r="PMG153" s="31"/>
      <c r="PMH153" s="31"/>
      <c r="PMI153" s="31"/>
      <c r="PMJ153" s="31"/>
      <c r="PMK153" s="31"/>
      <c r="PML153" s="31"/>
      <c r="PMM153" s="31"/>
      <c r="PMN153" s="31"/>
      <c r="PMO153" s="31"/>
      <c r="PMP153" s="31"/>
      <c r="PMQ153" s="31"/>
      <c r="PMR153" s="31"/>
      <c r="PMS153" s="31"/>
      <c r="PMT153" s="31"/>
      <c r="PMU153" s="31"/>
      <c r="PMV153" s="31"/>
      <c r="PMW153" s="31"/>
      <c r="PMX153" s="31"/>
      <c r="PMY153" s="31"/>
      <c r="PMZ153" s="31"/>
      <c r="PNA153" s="31"/>
      <c r="PNB153" s="31"/>
      <c r="PNC153" s="31"/>
      <c r="PND153" s="31"/>
      <c r="PNE153" s="31"/>
      <c r="PNF153" s="31"/>
      <c r="PNG153" s="31"/>
      <c r="PNH153" s="31"/>
      <c r="PNI153" s="31"/>
      <c r="PNJ153" s="31"/>
      <c r="PNK153" s="31"/>
      <c r="PNL153" s="31"/>
      <c r="PNM153" s="31"/>
      <c r="PNN153" s="31"/>
      <c r="PNO153" s="31"/>
      <c r="PNP153" s="31"/>
      <c r="PNQ153" s="31"/>
      <c r="PNR153" s="31"/>
      <c r="PNS153" s="31"/>
      <c r="PNT153" s="31"/>
      <c r="PNU153" s="31"/>
      <c r="PNV153" s="31"/>
      <c r="PNW153" s="31"/>
      <c r="PNX153" s="31"/>
      <c r="PNY153" s="31"/>
      <c r="PNZ153" s="31"/>
      <c r="POA153" s="31"/>
      <c r="POB153" s="31"/>
      <c r="POC153" s="31"/>
      <c r="POD153" s="31"/>
      <c r="POE153" s="31"/>
      <c r="POF153" s="31"/>
      <c r="POG153" s="31"/>
      <c r="POH153" s="31"/>
      <c r="POI153" s="31"/>
      <c r="POJ153" s="31"/>
      <c r="POK153" s="31"/>
      <c r="POL153" s="31"/>
      <c r="POM153" s="31"/>
      <c r="PON153" s="31"/>
      <c r="POO153" s="31"/>
      <c r="POP153" s="31"/>
      <c r="POQ153" s="31"/>
      <c r="POR153" s="31"/>
      <c r="POS153" s="31"/>
      <c r="POT153" s="31"/>
      <c r="POU153" s="31"/>
      <c r="POV153" s="31"/>
      <c r="POW153" s="31"/>
      <c r="POX153" s="31"/>
      <c r="POY153" s="31"/>
      <c r="POZ153" s="31"/>
      <c r="PPA153" s="31"/>
      <c r="PPB153" s="31"/>
      <c r="PPC153" s="31"/>
      <c r="PPD153" s="31"/>
      <c r="PPE153" s="31"/>
      <c r="PPF153" s="31"/>
      <c r="PPG153" s="31"/>
      <c r="PPH153" s="31"/>
      <c r="PPI153" s="31"/>
      <c r="PPJ153" s="31"/>
      <c r="PPK153" s="31"/>
      <c r="PPL153" s="31"/>
      <c r="PPM153" s="31"/>
      <c r="PPN153" s="31"/>
      <c r="PPO153" s="31"/>
      <c r="PPP153" s="31"/>
      <c r="PPQ153" s="31"/>
      <c r="PPR153" s="31"/>
      <c r="PPS153" s="31"/>
      <c r="PPT153" s="31"/>
      <c r="PPU153" s="31"/>
      <c r="PPV153" s="31"/>
      <c r="PPW153" s="31"/>
      <c r="PPX153" s="31"/>
      <c r="PPY153" s="31"/>
      <c r="PPZ153" s="31"/>
      <c r="PQA153" s="31"/>
      <c r="PQB153" s="31"/>
      <c r="PQC153" s="31"/>
      <c r="PQD153" s="31"/>
      <c r="PQE153" s="31"/>
      <c r="PQF153" s="31"/>
      <c r="PQG153" s="31"/>
      <c r="PQH153" s="31"/>
      <c r="PQI153" s="31"/>
      <c r="PQJ153" s="31"/>
      <c r="PQK153" s="31"/>
      <c r="PQL153" s="31"/>
      <c r="PQM153" s="31"/>
      <c r="PQN153" s="31"/>
      <c r="PQO153" s="31"/>
      <c r="PQP153" s="31"/>
      <c r="PQQ153" s="31"/>
      <c r="PQR153" s="31"/>
      <c r="PQS153" s="31"/>
      <c r="PQT153" s="31"/>
      <c r="PQU153" s="31"/>
      <c r="PQV153" s="31"/>
      <c r="PQW153" s="31"/>
      <c r="PQX153" s="31"/>
      <c r="PQY153" s="31"/>
      <c r="PQZ153" s="31"/>
      <c r="PRA153" s="31"/>
      <c r="PRB153" s="31"/>
      <c r="PRC153" s="31"/>
      <c r="PRD153" s="31"/>
      <c r="PRE153" s="31"/>
      <c r="PRF153" s="31"/>
      <c r="PRG153" s="31"/>
      <c r="PRH153" s="31"/>
      <c r="PRI153" s="31"/>
      <c r="PRJ153" s="31"/>
      <c r="PRK153" s="31"/>
      <c r="PRL153" s="31"/>
      <c r="PRM153" s="31"/>
      <c r="PRN153" s="31"/>
      <c r="PRO153" s="31"/>
      <c r="PRP153" s="31"/>
      <c r="PRQ153" s="31"/>
      <c r="PRR153" s="31"/>
      <c r="PRS153" s="31"/>
      <c r="PRT153" s="31"/>
      <c r="PRU153" s="31"/>
      <c r="PRV153" s="31"/>
      <c r="PRW153" s="31"/>
      <c r="PRX153" s="31"/>
      <c r="PRY153" s="31"/>
      <c r="PRZ153" s="31"/>
      <c r="PSA153" s="31"/>
      <c r="PSB153" s="31"/>
      <c r="PSC153" s="31"/>
      <c r="PSD153" s="31"/>
      <c r="PSE153" s="31"/>
      <c r="PSF153" s="31"/>
      <c r="PSG153" s="31"/>
      <c r="PSH153" s="31"/>
      <c r="PSI153" s="31"/>
      <c r="PSJ153" s="31"/>
      <c r="PSK153" s="31"/>
      <c r="PSL153" s="31"/>
      <c r="PSM153" s="31"/>
      <c r="PSN153" s="31"/>
      <c r="PSO153" s="31"/>
      <c r="PSP153" s="31"/>
      <c r="PSQ153" s="31"/>
      <c r="PSR153" s="31"/>
      <c r="PSS153" s="31"/>
      <c r="PST153" s="31"/>
      <c r="PSU153" s="31"/>
      <c r="PSV153" s="31"/>
      <c r="PSW153" s="31"/>
      <c r="PSX153" s="31"/>
      <c r="PSY153" s="31"/>
      <c r="PSZ153" s="31"/>
      <c r="PTA153" s="31"/>
      <c r="PTB153" s="31"/>
      <c r="PTC153" s="31"/>
      <c r="PTD153" s="31"/>
      <c r="PTE153" s="31"/>
      <c r="PTF153" s="31"/>
      <c r="PTG153" s="31"/>
      <c r="PTH153" s="31"/>
      <c r="PTI153" s="31"/>
      <c r="PTJ153" s="31"/>
      <c r="PTK153" s="31"/>
      <c r="PTL153" s="31"/>
      <c r="PTM153" s="31"/>
      <c r="PTN153" s="31"/>
      <c r="PTO153" s="31"/>
      <c r="PTP153" s="31"/>
      <c r="PTQ153" s="31"/>
      <c r="PTR153" s="31"/>
      <c r="PTS153" s="31"/>
      <c r="PTT153" s="31"/>
      <c r="PTU153" s="31"/>
      <c r="PTV153" s="31"/>
      <c r="PTW153" s="31"/>
      <c r="PTX153" s="31"/>
      <c r="PTY153" s="31"/>
      <c r="PTZ153" s="31"/>
      <c r="PUA153" s="31"/>
      <c r="PUB153" s="31"/>
      <c r="PUC153" s="31"/>
      <c r="PUD153" s="31"/>
      <c r="PUE153" s="31"/>
      <c r="PUF153" s="31"/>
      <c r="PUG153" s="31"/>
      <c r="PUH153" s="31"/>
      <c r="PUI153" s="31"/>
      <c r="PUJ153" s="31"/>
      <c r="PUK153" s="31"/>
      <c r="PUL153" s="31"/>
      <c r="PUM153" s="31"/>
      <c r="PUN153" s="31"/>
      <c r="PUO153" s="31"/>
      <c r="PUP153" s="31"/>
      <c r="PUQ153" s="31"/>
      <c r="PUR153" s="31"/>
      <c r="PUS153" s="31"/>
      <c r="PUT153" s="31"/>
      <c r="PUU153" s="31"/>
      <c r="PUV153" s="31"/>
      <c r="PUW153" s="31"/>
      <c r="PUX153" s="31"/>
      <c r="PUY153" s="31"/>
      <c r="PUZ153" s="31"/>
      <c r="PVA153" s="31"/>
      <c r="PVB153" s="31"/>
      <c r="PVC153" s="31"/>
      <c r="PVD153" s="31"/>
      <c r="PVE153" s="31"/>
      <c r="PVF153" s="31"/>
      <c r="PVG153" s="31"/>
      <c r="PVH153" s="31"/>
      <c r="PVI153" s="31"/>
      <c r="PVJ153" s="31"/>
      <c r="PVK153" s="31"/>
      <c r="PVL153" s="31"/>
      <c r="PVM153" s="31"/>
      <c r="PVN153" s="31"/>
      <c r="PVO153" s="31"/>
      <c r="PVP153" s="31"/>
      <c r="PVQ153" s="31"/>
      <c r="PVR153" s="31"/>
      <c r="PVS153" s="31"/>
      <c r="PVT153" s="31"/>
      <c r="PVU153" s="31"/>
      <c r="PVV153" s="31"/>
      <c r="PVW153" s="31"/>
      <c r="PVX153" s="31"/>
      <c r="PVY153" s="31"/>
      <c r="PVZ153" s="31"/>
      <c r="PWA153" s="31"/>
      <c r="PWB153" s="31"/>
      <c r="PWC153" s="31"/>
      <c r="PWD153" s="31"/>
      <c r="PWE153" s="31"/>
      <c r="PWF153" s="31"/>
      <c r="PWG153" s="31"/>
      <c r="PWH153" s="31"/>
      <c r="PWI153" s="31"/>
      <c r="PWJ153" s="31"/>
      <c r="PWK153" s="31"/>
      <c r="PWL153" s="31"/>
      <c r="PWM153" s="31"/>
      <c r="PWN153" s="31"/>
      <c r="PWO153" s="31"/>
      <c r="PWP153" s="31"/>
      <c r="PWQ153" s="31"/>
      <c r="PWR153" s="31"/>
      <c r="PWS153" s="31"/>
      <c r="PWT153" s="31"/>
      <c r="PWU153" s="31"/>
      <c r="PWV153" s="31"/>
      <c r="PWW153" s="31"/>
      <c r="PWX153" s="31"/>
      <c r="PWY153" s="31"/>
      <c r="PWZ153" s="31"/>
      <c r="PXA153" s="31"/>
      <c r="PXB153" s="31"/>
      <c r="PXC153" s="31"/>
      <c r="PXD153" s="31"/>
      <c r="PXE153" s="31"/>
      <c r="PXF153" s="31"/>
      <c r="PXG153" s="31"/>
      <c r="PXH153" s="31"/>
      <c r="PXI153" s="31"/>
      <c r="PXJ153" s="31"/>
      <c r="PXK153" s="31"/>
      <c r="PXL153" s="31"/>
      <c r="PXM153" s="31"/>
      <c r="PXN153" s="31"/>
      <c r="PXO153" s="31"/>
      <c r="PXP153" s="31"/>
      <c r="PXQ153" s="31"/>
      <c r="PXR153" s="31"/>
      <c r="PXS153" s="31"/>
      <c r="PXT153" s="31"/>
      <c r="PXU153" s="31"/>
      <c r="PXV153" s="31"/>
      <c r="PXW153" s="31"/>
      <c r="PXX153" s="31"/>
      <c r="PXY153" s="31"/>
      <c r="PXZ153" s="31"/>
      <c r="PYA153" s="31"/>
      <c r="PYB153" s="31"/>
      <c r="PYC153" s="31"/>
      <c r="PYD153" s="31"/>
      <c r="PYE153" s="31"/>
      <c r="PYF153" s="31"/>
      <c r="PYG153" s="31"/>
      <c r="PYH153" s="31"/>
      <c r="PYI153" s="31"/>
      <c r="PYJ153" s="31"/>
      <c r="PYK153" s="31"/>
      <c r="PYL153" s="31"/>
      <c r="PYM153" s="31"/>
      <c r="PYN153" s="31"/>
      <c r="PYO153" s="31"/>
      <c r="PYP153" s="31"/>
      <c r="PYQ153" s="31"/>
      <c r="PYR153" s="31"/>
      <c r="PYS153" s="31"/>
      <c r="PYT153" s="31"/>
      <c r="PYU153" s="31"/>
      <c r="PYV153" s="31"/>
      <c r="PYW153" s="31"/>
      <c r="PYX153" s="31"/>
      <c r="PYY153" s="31"/>
      <c r="PYZ153" s="31"/>
      <c r="PZA153" s="31"/>
      <c r="PZB153" s="31"/>
      <c r="PZC153" s="31"/>
      <c r="PZD153" s="31"/>
      <c r="PZE153" s="31"/>
      <c r="PZF153" s="31"/>
      <c r="PZG153" s="31"/>
      <c r="PZH153" s="31"/>
      <c r="PZI153" s="31"/>
      <c r="PZJ153" s="31"/>
      <c r="PZK153" s="31"/>
      <c r="PZL153" s="31"/>
      <c r="PZM153" s="31"/>
      <c r="PZN153" s="31"/>
      <c r="PZO153" s="31"/>
      <c r="PZP153" s="31"/>
      <c r="PZQ153" s="31"/>
      <c r="PZR153" s="31"/>
      <c r="PZS153" s="31"/>
      <c r="PZT153" s="31"/>
      <c r="PZU153" s="31"/>
      <c r="PZV153" s="31"/>
      <c r="PZW153" s="31"/>
      <c r="PZX153" s="31"/>
      <c r="PZY153" s="31"/>
      <c r="PZZ153" s="31"/>
      <c r="QAA153" s="31"/>
      <c r="QAB153" s="31"/>
      <c r="QAC153" s="31"/>
      <c r="QAD153" s="31"/>
      <c r="QAE153" s="31"/>
      <c r="QAF153" s="31"/>
      <c r="QAG153" s="31"/>
      <c r="QAH153" s="31"/>
      <c r="QAI153" s="31"/>
      <c r="QAJ153" s="31"/>
      <c r="QAK153" s="31"/>
      <c r="QAL153" s="31"/>
      <c r="QAM153" s="31"/>
      <c r="QAN153" s="31"/>
      <c r="QAO153" s="31"/>
      <c r="QAP153" s="31"/>
      <c r="QAQ153" s="31"/>
      <c r="QAR153" s="31"/>
      <c r="QAS153" s="31"/>
      <c r="QAT153" s="31"/>
      <c r="QAU153" s="31"/>
      <c r="QAV153" s="31"/>
      <c r="QAW153" s="31"/>
      <c r="QAX153" s="31"/>
      <c r="QAY153" s="31"/>
      <c r="QAZ153" s="31"/>
      <c r="QBA153" s="31"/>
      <c r="QBB153" s="31"/>
      <c r="QBC153" s="31"/>
      <c r="QBD153" s="31"/>
      <c r="QBE153" s="31"/>
      <c r="QBF153" s="31"/>
      <c r="QBG153" s="31"/>
      <c r="QBH153" s="31"/>
      <c r="QBI153" s="31"/>
      <c r="QBJ153" s="31"/>
      <c r="QBK153" s="31"/>
      <c r="QBL153" s="31"/>
      <c r="QBM153" s="31"/>
      <c r="QBN153" s="31"/>
      <c r="QBO153" s="31"/>
      <c r="QBP153" s="31"/>
      <c r="QBQ153" s="31"/>
      <c r="QBR153" s="31"/>
      <c r="QBS153" s="31"/>
      <c r="QBT153" s="31"/>
      <c r="QBU153" s="31"/>
      <c r="QBV153" s="31"/>
      <c r="QBW153" s="31"/>
      <c r="QBX153" s="31"/>
      <c r="QBY153" s="31"/>
      <c r="QBZ153" s="31"/>
      <c r="QCA153" s="31"/>
      <c r="QCB153" s="31"/>
      <c r="QCC153" s="31"/>
      <c r="QCD153" s="31"/>
      <c r="QCE153" s="31"/>
      <c r="QCF153" s="31"/>
      <c r="QCG153" s="31"/>
      <c r="QCH153" s="31"/>
      <c r="QCI153" s="31"/>
      <c r="QCJ153" s="31"/>
      <c r="QCK153" s="31"/>
      <c r="QCL153" s="31"/>
      <c r="QCM153" s="31"/>
      <c r="QCN153" s="31"/>
      <c r="QCO153" s="31"/>
      <c r="QCP153" s="31"/>
      <c r="QCQ153" s="31"/>
      <c r="QCR153" s="31"/>
      <c r="QCS153" s="31"/>
      <c r="QCT153" s="31"/>
      <c r="QCU153" s="31"/>
      <c r="QCV153" s="31"/>
      <c r="QCW153" s="31"/>
      <c r="QCX153" s="31"/>
      <c r="QCY153" s="31"/>
      <c r="QCZ153" s="31"/>
      <c r="QDA153" s="31"/>
      <c r="QDB153" s="31"/>
      <c r="QDC153" s="31"/>
      <c r="QDD153" s="31"/>
      <c r="QDE153" s="31"/>
      <c r="QDF153" s="31"/>
      <c r="QDG153" s="31"/>
      <c r="QDH153" s="31"/>
      <c r="QDI153" s="31"/>
      <c r="QDJ153" s="31"/>
      <c r="QDK153" s="31"/>
      <c r="QDL153" s="31"/>
      <c r="QDM153" s="31"/>
      <c r="QDN153" s="31"/>
      <c r="QDO153" s="31"/>
      <c r="QDP153" s="31"/>
      <c r="QDQ153" s="31"/>
      <c r="QDR153" s="31"/>
      <c r="QDS153" s="31"/>
      <c r="QDT153" s="31"/>
      <c r="QDU153" s="31"/>
      <c r="QDV153" s="31"/>
      <c r="QDW153" s="31"/>
      <c r="QDX153" s="31"/>
      <c r="QDY153" s="31"/>
      <c r="QDZ153" s="31"/>
      <c r="QEA153" s="31"/>
      <c r="QEB153" s="31"/>
      <c r="QEC153" s="31"/>
      <c r="QED153" s="31"/>
      <c r="QEE153" s="31"/>
      <c r="QEF153" s="31"/>
      <c r="QEG153" s="31"/>
      <c r="QEH153" s="31"/>
      <c r="QEI153" s="31"/>
      <c r="QEJ153" s="31"/>
      <c r="QEK153" s="31"/>
      <c r="QEL153" s="31"/>
      <c r="QEM153" s="31"/>
      <c r="QEN153" s="31"/>
      <c r="QEO153" s="31"/>
      <c r="QEP153" s="31"/>
      <c r="QEQ153" s="31"/>
      <c r="QER153" s="31"/>
      <c r="QES153" s="31"/>
      <c r="QET153" s="31"/>
      <c r="QEU153" s="31"/>
      <c r="QEV153" s="31"/>
      <c r="QEW153" s="31"/>
      <c r="QEX153" s="31"/>
      <c r="QEY153" s="31"/>
      <c r="QEZ153" s="31"/>
      <c r="QFA153" s="31"/>
      <c r="QFB153" s="31"/>
      <c r="QFC153" s="31"/>
      <c r="QFD153" s="31"/>
      <c r="QFE153" s="31"/>
      <c r="QFF153" s="31"/>
      <c r="QFG153" s="31"/>
      <c r="QFH153" s="31"/>
      <c r="QFI153" s="31"/>
      <c r="QFJ153" s="31"/>
      <c r="QFK153" s="31"/>
      <c r="QFL153" s="31"/>
      <c r="QFM153" s="31"/>
      <c r="QFN153" s="31"/>
      <c r="QFO153" s="31"/>
      <c r="QFP153" s="31"/>
      <c r="QFQ153" s="31"/>
      <c r="QFR153" s="31"/>
      <c r="QFS153" s="31"/>
      <c r="QFT153" s="31"/>
      <c r="QFU153" s="31"/>
      <c r="QFV153" s="31"/>
      <c r="QFW153" s="31"/>
      <c r="QFX153" s="31"/>
      <c r="QFY153" s="31"/>
      <c r="QFZ153" s="31"/>
      <c r="QGA153" s="31"/>
      <c r="QGB153" s="31"/>
      <c r="QGC153" s="31"/>
      <c r="QGD153" s="31"/>
      <c r="QGE153" s="31"/>
      <c r="QGF153" s="31"/>
      <c r="QGG153" s="31"/>
      <c r="QGH153" s="31"/>
      <c r="QGI153" s="31"/>
      <c r="QGJ153" s="31"/>
      <c r="QGK153" s="31"/>
      <c r="QGL153" s="31"/>
      <c r="QGM153" s="31"/>
      <c r="QGN153" s="31"/>
      <c r="QGO153" s="31"/>
      <c r="QGP153" s="31"/>
      <c r="QGQ153" s="31"/>
      <c r="QGR153" s="31"/>
      <c r="QGS153" s="31"/>
      <c r="QGT153" s="31"/>
      <c r="QGU153" s="31"/>
      <c r="QGV153" s="31"/>
      <c r="QGW153" s="31"/>
      <c r="QGX153" s="31"/>
      <c r="QGY153" s="31"/>
      <c r="QGZ153" s="31"/>
      <c r="QHA153" s="31"/>
      <c r="QHB153" s="31"/>
      <c r="QHC153" s="31"/>
      <c r="QHD153" s="31"/>
      <c r="QHE153" s="31"/>
      <c r="QHF153" s="31"/>
      <c r="QHG153" s="31"/>
      <c r="QHH153" s="31"/>
      <c r="QHI153" s="31"/>
      <c r="QHJ153" s="31"/>
      <c r="QHK153" s="31"/>
      <c r="QHL153" s="31"/>
      <c r="QHM153" s="31"/>
      <c r="QHN153" s="31"/>
      <c r="QHO153" s="31"/>
      <c r="QHP153" s="31"/>
      <c r="QHQ153" s="31"/>
      <c r="QHR153" s="31"/>
      <c r="QHS153" s="31"/>
      <c r="QHT153" s="31"/>
      <c r="QHU153" s="31"/>
      <c r="QHV153" s="31"/>
      <c r="QHW153" s="31"/>
      <c r="QHX153" s="31"/>
      <c r="QHY153" s="31"/>
      <c r="QHZ153" s="31"/>
      <c r="QIA153" s="31"/>
      <c r="QIB153" s="31"/>
      <c r="QIC153" s="31"/>
      <c r="QID153" s="31"/>
      <c r="QIE153" s="31"/>
      <c r="QIF153" s="31"/>
      <c r="QIG153" s="31"/>
      <c r="QIH153" s="31"/>
      <c r="QII153" s="31"/>
      <c r="QIJ153" s="31"/>
      <c r="QIK153" s="31"/>
      <c r="QIL153" s="31"/>
      <c r="QIM153" s="31"/>
      <c r="QIN153" s="31"/>
      <c r="QIO153" s="31"/>
      <c r="QIP153" s="31"/>
      <c r="QIQ153" s="31"/>
      <c r="QIR153" s="31"/>
      <c r="QIS153" s="31"/>
      <c r="QIT153" s="31"/>
      <c r="QIU153" s="31"/>
      <c r="QIV153" s="31"/>
      <c r="QIW153" s="31"/>
      <c r="QIX153" s="31"/>
      <c r="QIY153" s="31"/>
      <c r="QIZ153" s="31"/>
      <c r="QJA153" s="31"/>
      <c r="QJB153" s="31"/>
      <c r="QJC153" s="31"/>
      <c r="QJD153" s="31"/>
      <c r="QJE153" s="31"/>
      <c r="QJF153" s="31"/>
      <c r="QJG153" s="31"/>
      <c r="QJH153" s="31"/>
      <c r="QJI153" s="31"/>
      <c r="QJJ153" s="31"/>
      <c r="QJK153" s="31"/>
      <c r="QJL153" s="31"/>
      <c r="QJM153" s="31"/>
      <c r="QJN153" s="31"/>
      <c r="QJO153" s="31"/>
      <c r="QJP153" s="31"/>
      <c r="QJQ153" s="31"/>
      <c r="QJR153" s="31"/>
      <c r="QJS153" s="31"/>
      <c r="QJT153" s="31"/>
      <c r="QJU153" s="31"/>
      <c r="QJV153" s="31"/>
      <c r="QJW153" s="31"/>
      <c r="QJX153" s="31"/>
      <c r="QJY153" s="31"/>
      <c r="QJZ153" s="31"/>
      <c r="QKA153" s="31"/>
      <c r="QKB153" s="31"/>
      <c r="QKC153" s="31"/>
      <c r="QKD153" s="31"/>
      <c r="QKE153" s="31"/>
      <c r="QKF153" s="31"/>
      <c r="QKG153" s="31"/>
      <c r="QKH153" s="31"/>
      <c r="QKI153" s="31"/>
      <c r="QKJ153" s="31"/>
      <c r="QKK153" s="31"/>
      <c r="QKL153" s="31"/>
      <c r="QKM153" s="31"/>
      <c r="QKN153" s="31"/>
      <c r="QKO153" s="31"/>
      <c r="QKP153" s="31"/>
      <c r="QKQ153" s="31"/>
      <c r="QKR153" s="31"/>
      <c r="QKS153" s="31"/>
      <c r="QKT153" s="31"/>
      <c r="QKU153" s="31"/>
      <c r="QKV153" s="31"/>
      <c r="QKW153" s="31"/>
      <c r="QKX153" s="31"/>
      <c r="QKY153" s="31"/>
      <c r="QKZ153" s="31"/>
      <c r="QLA153" s="31"/>
      <c r="QLB153" s="31"/>
      <c r="QLC153" s="31"/>
      <c r="QLD153" s="31"/>
      <c r="QLE153" s="31"/>
      <c r="QLF153" s="31"/>
      <c r="QLG153" s="31"/>
      <c r="QLH153" s="31"/>
      <c r="QLI153" s="31"/>
      <c r="QLJ153" s="31"/>
      <c r="QLK153" s="31"/>
      <c r="QLL153" s="31"/>
      <c r="QLM153" s="31"/>
      <c r="QLN153" s="31"/>
      <c r="QLO153" s="31"/>
      <c r="QLP153" s="31"/>
      <c r="QLQ153" s="31"/>
      <c r="QLR153" s="31"/>
      <c r="QLS153" s="31"/>
      <c r="QLT153" s="31"/>
      <c r="QLU153" s="31"/>
      <c r="QLV153" s="31"/>
      <c r="QLW153" s="31"/>
      <c r="QLX153" s="31"/>
      <c r="QLY153" s="31"/>
      <c r="QLZ153" s="31"/>
      <c r="QMA153" s="31"/>
      <c r="QMB153" s="31"/>
      <c r="QMC153" s="31"/>
      <c r="QMD153" s="31"/>
      <c r="QME153" s="31"/>
      <c r="QMF153" s="31"/>
      <c r="QMG153" s="31"/>
      <c r="QMH153" s="31"/>
      <c r="QMI153" s="31"/>
      <c r="QMJ153" s="31"/>
      <c r="QMK153" s="31"/>
      <c r="QML153" s="31"/>
      <c r="QMM153" s="31"/>
      <c r="QMN153" s="31"/>
      <c r="QMO153" s="31"/>
      <c r="QMP153" s="31"/>
      <c r="QMQ153" s="31"/>
      <c r="QMR153" s="31"/>
      <c r="QMS153" s="31"/>
      <c r="QMT153" s="31"/>
      <c r="QMU153" s="31"/>
      <c r="QMV153" s="31"/>
      <c r="QMW153" s="31"/>
      <c r="QMX153" s="31"/>
      <c r="QMY153" s="31"/>
      <c r="QMZ153" s="31"/>
      <c r="QNA153" s="31"/>
      <c r="QNB153" s="31"/>
      <c r="QNC153" s="31"/>
      <c r="QND153" s="31"/>
      <c r="QNE153" s="31"/>
      <c r="QNF153" s="31"/>
      <c r="QNG153" s="31"/>
      <c r="QNH153" s="31"/>
      <c r="QNI153" s="31"/>
      <c r="QNJ153" s="31"/>
      <c r="QNK153" s="31"/>
      <c r="QNL153" s="31"/>
      <c r="QNM153" s="31"/>
      <c r="QNN153" s="31"/>
      <c r="QNO153" s="31"/>
      <c r="QNP153" s="31"/>
      <c r="QNQ153" s="31"/>
      <c r="QNR153" s="31"/>
      <c r="QNS153" s="31"/>
      <c r="QNT153" s="31"/>
      <c r="QNU153" s="31"/>
      <c r="QNV153" s="31"/>
      <c r="QNW153" s="31"/>
      <c r="QNX153" s="31"/>
      <c r="QNY153" s="31"/>
      <c r="QNZ153" s="31"/>
      <c r="QOA153" s="31"/>
      <c r="QOB153" s="31"/>
      <c r="QOC153" s="31"/>
      <c r="QOD153" s="31"/>
      <c r="QOE153" s="31"/>
      <c r="QOF153" s="31"/>
      <c r="QOG153" s="31"/>
      <c r="QOH153" s="31"/>
      <c r="QOI153" s="31"/>
      <c r="QOJ153" s="31"/>
      <c r="QOK153" s="31"/>
      <c r="QOL153" s="31"/>
      <c r="QOM153" s="31"/>
      <c r="QON153" s="31"/>
      <c r="QOO153" s="31"/>
      <c r="QOP153" s="31"/>
      <c r="QOQ153" s="31"/>
      <c r="QOR153" s="31"/>
      <c r="QOS153" s="31"/>
      <c r="QOT153" s="31"/>
      <c r="QOU153" s="31"/>
      <c r="QOV153" s="31"/>
      <c r="QOW153" s="31"/>
      <c r="QOX153" s="31"/>
      <c r="QOY153" s="31"/>
      <c r="QOZ153" s="31"/>
      <c r="QPA153" s="31"/>
      <c r="QPB153" s="31"/>
      <c r="QPC153" s="31"/>
      <c r="QPD153" s="31"/>
      <c r="QPE153" s="31"/>
      <c r="QPF153" s="31"/>
      <c r="QPG153" s="31"/>
      <c r="QPH153" s="31"/>
      <c r="QPI153" s="31"/>
      <c r="QPJ153" s="31"/>
      <c r="QPK153" s="31"/>
      <c r="QPL153" s="31"/>
      <c r="QPM153" s="31"/>
      <c r="QPN153" s="31"/>
      <c r="QPO153" s="31"/>
      <c r="QPP153" s="31"/>
      <c r="QPQ153" s="31"/>
      <c r="QPR153" s="31"/>
      <c r="QPS153" s="31"/>
      <c r="QPT153" s="31"/>
      <c r="QPU153" s="31"/>
      <c r="QPV153" s="31"/>
      <c r="QPW153" s="31"/>
      <c r="QPX153" s="31"/>
      <c r="QPY153" s="31"/>
      <c r="QPZ153" s="31"/>
      <c r="QQA153" s="31"/>
      <c r="QQB153" s="31"/>
      <c r="QQC153" s="31"/>
      <c r="QQD153" s="31"/>
      <c r="QQE153" s="31"/>
      <c r="QQF153" s="31"/>
      <c r="QQG153" s="31"/>
      <c r="QQH153" s="31"/>
      <c r="QQI153" s="31"/>
      <c r="QQJ153" s="31"/>
      <c r="QQK153" s="31"/>
      <c r="QQL153" s="31"/>
      <c r="QQM153" s="31"/>
      <c r="QQN153" s="31"/>
      <c r="QQO153" s="31"/>
      <c r="QQP153" s="31"/>
      <c r="QQQ153" s="31"/>
      <c r="QQR153" s="31"/>
      <c r="QQS153" s="31"/>
      <c r="QQT153" s="31"/>
      <c r="QQU153" s="31"/>
      <c r="QQV153" s="31"/>
      <c r="QQW153" s="31"/>
      <c r="QQX153" s="31"/>
      <c r="QQY153" s="31"/>
      <c r="QQZ153" s="31"/>
      <c r="QRA153" s="31"/>
      <c r="QRB153" s="31"/>
      <c r="QRC153" s="31"/>
      <c r="QRD153" s="31"/>
      <c r="QRE153" s="31"/>
      <c r="QRF153" s="31"/>
      <c r="QRG153" s="31"/>
      <c r="QRH153" s="31"/>
      <c r="QRI153" s="31"/>
      <c r="QRJ153" s="31"/>
      <c r="QRK153" s="31"/>
      <c r="QRL153" s="31"/>
      <c r="QRM153" s="31"/>
      <c r="QRN153" s="31"/>
      <c r="QRO153" s="31"/>
      <c r="QRP153" s="31"/>
      <c r="QRQ153" s="31"/>
      <c r="QRR153" s="31"/>
      <c r="QRS153" s="31"/>
      <c r="QRT153" s="31"/>
      <c r="QRU153" s="31"/>
      <c r="QRV153" s="31"/>
      <c r="QRW153" s="31"/>
      <c r="QRX153" s="31"/>
      <c r="QRY153" s="31"/>
      <c r="QRZ153" s="31"/>
      <c r="QSA153" s="31"/>
      <c r="QSB153" s="31"/>
      <c r="QSC153" s="31"/>
      <c r="QSD153" s="31"/>
      <c r="QSE153" s="31"/>
      <c r="QSF153" s="31"/>
      <c r="QSG153" s="31"/>
      <c r="QSH153" s="31"/>
      <c r="QSI153" s="31"/>
      <c r="QSJ153" s="31"/>
      <c r="QSK153" s="31"/>
      <c r="QSL153" s="31"/>
      <c r="QSM153" s="31"/>
      <c r="QSN153" s="31"/>
      <c r="QSO153" s="31"/>
      <c r="QSP153" s="31"/>
      <c r="QSQ153" s="31"/>
      <c r="QSR153" s="31"/>
      <c r="QSS153" s="31"/>
      <c r="QST153" s="31"/>
      <c r="QSU153" s="31"/>
      <c r="QSV153" s="31"/>
      <c r="QSW153" s="31"/>
      <c r="QSX153" s="31"/>
      <c r="QSY153" s="31"/>
      <c r="QSZ153" s="31"/>
      <c r="QTA153" s="31"/>
      <c r="QTB153" s="31"/>
      <c r="QTC153" s="31"/>
      <c r="QTD153" s="31"/>
      <c r="QTE153" s="31"/>
      <c r="QTF153" s="31"/>
      <c r="QTG153" s="31"/>
      <c r="QTH153" s="31"/>
      <c r="QTI153" s="31"/>
      <c r="QTJ153" s="31"/>
      <c r="QTK153" s="31"/>
      <c r="QTL153" s="31"/>
      <c r="QTM153" s="31"/>
      <c r="QTN153" s="31"/>
      <c r="QTO153" s="31"/>
      <c r="QTP153" s="31"/>
      <c r="QTQ153" s="31"/>
      <c r="QTR153" s="31"/>
      <c r="QTS153" s="31"/>
      <c r="QTT153" s="31"/>
      <c r="QTU153" s="31"/>
      <c r="QTV153" s="31"/>
      <c r="QTW153" s="31"/>
      <c r="QTX153" s="31"/>
      <c r="QTY153" s="31"/>
      <c r="QTZ153" s="31"/>
      <c r="QUA153" s="31"/>
      <c r="QUB153" s="31"/>
      <c r="QUC153" s="31"/>
      <c r="QUD153" s="31"/>
      <c r="QUE153" s="31"/>
      <c r="QUF153" s="31"/>
      <c r="QUG153" s="31"/>
      <c r="QUH153" s="31"/>
      <c r="QUI153" s="31"/>
      <c r="QUJ153" s="31"/>
      <c r="QUK153" s="31"/>
      <c r="QUL153" s="31"/>
      <c r="QUM153" s="31"/>
      <c r="QUN153" s="31"/>
      <c r="QUO153" s="31"/>
      <c r="QUP153" s="31"/>
      <c r="QUQ153" s="31"/>
      <c r="QUR153" s="31"/>
      <c r="QUS153" s="31"/>
      <c r="QUT153" s="31"/>
      <c r="QUU153" s="31"/>
      <c r="QUV153" s="31"/>
      <c r="QUW153" s="31"/>
      <c r="QUX153" s="31"/>
      <c r="QUY153" s="31"/>
      <c r="QUZ153" s="31"/>
      <c r="QVA153" s="31"/>
      <c r="QVB153" s="31"/>
      <c r="QVC153" s="31"/>
      <c r="QVD153" s="31"/>
      <c r="QVE153" s="31"/>
      <c r="QVF153" s="31"/>
      <c r="QVG153" s="31"/>
      <c r="QVH153" s="31"/>
      <c r="QVI153" s="31"/>
      <c r="QVJ153" s="31"/>
      <c r="QVK153" s="31"/>
      <c r="QVL153" s="31"/>
      <c r="QVM153" s="31"/>
      <c r="QVN153" s="31"/>
      <c r="QVO153" s="31"/>
      <c r="QVP153" s="31"/>
      <c r="QVQ153" s="31"/>
      <c r="QVR153" s="31"/>
      <c r="QVS153" s="31"/>
      <c r="QVT153" s="31"/>
      <c r="QVU153" s="31"/>
      <c r="QVV153" s="31"/>
      <c r="QVW153" s="31"/>
      <c r="QVX153" s="31"/>
      <c r="QVY153" s="31"/>
      <c r="QVZ153" s="31"/>
      <c r="QWA153" s="31"/>
      <c r="QWB153" s="31"/>
      <c r="QWC153" s="31"/>
      <c r="QWD153" s="31"/>
      <c r="QWE153" s="31"/>
      <c r="QWF153" s="31"/>
      <c r="QWG153" s="31"/>
      <c r="QWH153" s="31"/>
      <c r="QWI153" s="31"/>
      <c r="QWJ153" s="31"/>
      <c r="QWK153" s="31"/>
      <c r="QWL153" s="31"/>
      <c r="QWM153" s="31"/>
      <c r="QWN153" s="31"/>
      <c r="QWO153" s="31"/>
      <c r="QWP153" s="31"/>
      <c r="QWQ153" s="31"/>
      <c r="QWR153" s="31"/>
      <c r="QWS153" s="31"/>
      <c r="QWT153" s="31"/>
      <c r="QWU153" s="31"/>
      <c r="QWV153" s="31"/>
      <c r="QWW153" s="31"/>
      <c r="QWX153" s="31"/>
      <c r="QWY153" s="31"/>
      <c r="QWZ153" s="31"/>
      <c r="QXA153" s="31"/>
      <c r="QXB153" s="31"/>
      <c r="QXC153" s="31"/>
      <c r="QXD153" s="31"/>
      <c r="QXE153" s="31"/>
      <c r="QXF153" s="31"/>
      <c r="QXG153" s="31"/>
      <c r="QXH153" s="31"/>
      <c r="QXI153" s="31"/>
      <c r="QXJ153" s="31"/>
      <c r="QXK153" s="31"/>
      <c r="QXL153" s="31"/>
      <c r="QXM153" s="31"/>
      <c r="QXN153" s="31"/>
      <c r="QXO153" s="31"/>
      <c r="QXP153" s="31"/>
      <c r="QXQ153" s="31"/>
      <c r="QXR153" s="31"/>
      <c r="QXS153" s="31"/>
      <c r="QXT153" s="31"/>
      <c r="QXU153" s="31"/>
      <c r="QXV153" s="31"/>
      <c r="QXW153" s="31"/>
      <c r="QXX153" s="31"/>
      <c r="QXY153" s="31"/>
      <c r="QXZ153" s="31"/>
      <c r="QYA153" s="31"/>
      <c r="QYB153" s="31"/>
      <c r="QYC153" s="31"/>
      <c r="QYD153" s="31"/>
      <c r="QYE153" s="31"/>
      <c r="QYF153" s="31"/>
      <c r="QYG153" s="31"/>
      <c r="QYH153" s="31"/>
      <c r="QYI153" s="31"/>
      <c r="QYJ153" s="31"/>
      <c r="QYK153" s="31"/>
      <c r="QYL153" s="31"/>
      <c r="QYM153" s="31"/>
      <c r="QYN153" s="31"/>
      <c r="QYO153" s="31"/>
      <c r="QYP153" s="31"/>
      <c r="QYQ153" s="31"/>
      <c r="QYR153" s="31"/>
      <c r="QYS153" s="31"/>
      <c r="QYT153" s="31"/>
      <c r="QYU153" s="31"/>
      <c r="QYV153" s="31"/>
      <c r="QYW153" s="31"/>
      <c r="QYX153" s="31"/>
      <c r="QYY153" s="31"/>
      <c r="QYZ153" s="31"/>
      <c r="QZA153" s="31"/>
      <c r="QZB153" s="31"/>
      <c r="QZC153" s="31"/>
      <c r="QZD153" s="31"/>
      <c r="QZE153" s="31"/>
      <c r="QZF153" s="31"/>
      <c r="QZG153" s="31"/>
      <c r="QZH153" s="31"/>
      <c r="QZI153" s="31"/>
      <c r="QZJ153" s="31"/>
      <c r="QZK153" s="31"/>
      <c r="QZL153" s="31"/>
      <c r="QZM153" s="31"/>
      <c r="QZN153" s="31"/>
      <c r="QZO153" s="31"/>
      <c r="QZP153" s="31"/>
      <c r="QZQ153" s="31"/>
      <c r="QZR153" s="31"/>
      <c r="QZS153" s="31"/>
      <c r="QZT153" s="31"/>
      <c r="QZU153" s="31"/>
      <c r="QZV153" s="31"/>
      <c r="QZW153" s="31"/>
      <c r="QZX153" s="31"/>
      <c r="QZY153" s="31"/>
      <c r="QZZ153" s="31"/>
      <c r="RAA153" s="31"/>
      <c r="RAB153" s="31"/>
      <c r="RAC153" s="31"/>
      <c r="RAD153" s="31"/>
      <c r="RAE153" s="31"/>
      <c r="RAF153" s="31"/>
      <c r="RAG153" s="31"/>
      <c r="RAH153" s="31"/>
      <c r="RAI153" s="31"/>
      <c r="RAJ153" s="31"/>
      <c r="RAK153" s="31"/>
      <c r="RAL153" s="31"/>
      <c r="RAM153" s="31"/>
      <c r="RAN153" s="31"/>
      <c r="RAO153" s="31"/>
      <c r="RAP153" s="31"/>
      <c r="RAQ153" s="31"/>
      <c r="RAR153" s="31"/>
      <c r="RAS153" s="31"/>
      <c r="RAT153" s="31"/>
      <c r="RAU153" s="31"/>
      <c r="RAV153" s="31"/>
      <c r="RAW153" s="31"/>
      <c r="RAX153" s="31"/>
      <c r="RAY153" s="31"/>
      <c r="RAZ153" s="31"/>
      <c r="RBA153" s="31"/>
      <c r="RBB153" s="31"/>
      <c r="RBC153" s="31"/>
      <c r="RBD153" s="31"/>
      <c r="RBE153" s="31"/>
      <c r="RBF153" s="31"/>
      <c r="RBG153" s="31"/>
      <c r="RBH153" s="31"/>
      <c r="RBI153" s="31"/>
      <c r="RBJ153" s="31"/>
      <c r="RBK153" s="31"/>
      <c r="RBL153" s="31"/>
      <c r="RBM153" s="31"/>
      <c r="RBN153" s="31"/>
      <c r="RBO153" s="31"/>
      <c r="RBP153" s="31"/>
      <c r="RBQ153" s="31"/>
      <c r="RBR153" s="31"/>
      <c r="RBS153" s="31"/>
      <c r="RBT153" s="31"/>
      <c r="RBU153" s="31"/>
      <c r="RBV153" s="31"/>
      <c r="RBW153" s="31"/>
      <c r="RBX153" s="31"/>
      <c r="RBY153" s="31"/>
      <c r="RBZ153" s="31"/>
      <c r="RCA153" s="31"/>
      <c r="RCB153" s="31"/>
      <c r="RCC153" s="31"/>
      <c r="RCD153" s="31"/>
      <c r="RCE153" s="31"/>
      <c r="RCF153" s="31"/>
      <c r="RCG153" s="31"/>
      <c r="RCH153" s="31"/>
      <c r="RCI153" s="31"/>
      <c r="RCJ153" s="31"/>
      <c r="RCK153" s="31"/>
      <c r="RCL153" s="31"/>
      <c r="RCM153" s="31"/>
      <c r="RCN153" s="31"/>
      <c r="RCO153" s="31"/>
      <c r="RCP153" s="31"/>
      <c r="RCQ153" s="31"/>
      <c r="RCR153" s="31"/>
      <c r="RCS153" s="31"/>
      <c r="RCT153" s="31"/>
      <c r="RCU153" s="31"/>
      <c r="RCV153" s="31"/>
      <c r="RCW153" s="31"/>
      <c r="RCX153" s="31"/>
      <c r="RCY153" s="31"/>
      <c r="RCZ153" s="31"/>
      <c r="RDA153" s="31"/>
      <c r="RDB153" s="31"/>
      <c r="RDC153" s="31"/>
      <c r="RDD153" s="31"/>
      <c r="RDE153" s="31"/>
      <c r="RDF153" s="31"/>
      <c r="RDG153" s="31"/>
      <c r="RDH153" s="31"/>
      <c r="RDI153" s="31"/>
      <c r="RDJ153" s="31"/>
      <c r="RDK153" s="31"/>
      <c r="RDL153" s="31"/>
      <c r="RDM153" s="31"/>
      <c r="RDN153" s="31"/>
      <c r="RDO153" s="31"/>
      <c r="RDP153" s="31"/>
      <c r="RDQ153" s="31"/>
      <c r="RDR153" s="31"/>
      <c r="RDS153" s="31"/>
      <c r="RDT153" s="31"/>
      <c r="RDU153" s="31"/>
      <c r="RDV153" s="31"/>
      <c r="RDW153" s="31"/>
      <c r="RDX153" s="31"/>
      <c r="RDY153" s="31"/>
      <c r="RDZ153" s="31"/>
      <c r="REA153" s="31"/>
      <c r="REB153" s="31"/>
      <c r="REC153" s="31"/>
      <c r="RED153" s="31"/>
      <c r="REE153" s="31"/>
      <c r="REF153" s="31"/>
      <c r="REG153" s="31"/>
      <c r="REH153" s="31"/>
      <c r="REI153" s="31"/>
      <c r="REJ153" s="31"/>
      <c r="REK153" s="31"/>
      <c r="REL153" s="31"/>
      <c r="REM153" s="31"/>
      <c r="REN153" s="31"/>
      <c r="REO153" s="31"/>
      <c r="REP153" s="31"/>
      <c r="REQ153" s="31"/>
      <c r="RER153" s="31"/>
      <c r="RES153" s="31"/>
      <c r="RET153" s="31"/>
      <c r="REU153" s="31"/>
      <c r="REV153" s="31"/>
      <c r="REW153" s="31"/>
      <c r="REX153" s="31"/>
      <c r="REY153" s="31"/>
      <c r="REZ153" s="31"/>
      <c r="RFA153" s="31"/>
      <c r="RFB153" s="31"/>
      <c r="RFC153" s="31"/>
      <c r="RFD153" s="31"/>
      <c r="RFE153" s="31"/>
      <c r="RFF153" s="31"/>
      <c r="RFG153" s="31"/>
      <c r="RFH153" s="31"/>
      <c r="RFI153" s="31"/>
      <c r="RFJ153" s="31"/>
      <c r="RFK153" s="31"/>
      <c r="RFL153" s="31"/>
      <c r="RFM153" s="31"/>
      <c r="RFN153" s="31"/>
      <c r="RFO153" s="31"/>
      <c r="RFP153" s="31"/>
      <c r="RFQ153" s="31"/>
      <c r="RFR153" s="31"/>
      <c r="RFS153" s="31"/>
      <c r="RFT153" s="31"/>
      <c r="RFU153" s="31"/>
      <c r="RFV153" s="31"/>
      <c r="RFW153" s="31"/>
      <c r="RFX153" s="31"/>
      <c r="RFY153" s="31"/>
      <c r="RFZ153" s="31"/>
      <c r="RGA153" s="31"/>
      <c r="RGB153" s="31"/>
      <c r="RGC153" s="31"/>
      <c r="RGD153" s="31"/>
      <c r="RGE153" s="31"/>
      <c r="RGF153" s="31"/>
      <c r="RGG153" s="31"/>
      <c r="RGH153" s="31"/>
      <c r="RGI153" s="31"/>
      <c r="RGJ153" s="31"/>
      <c r="RGK153" s="31"/>
      <c r="RGL153" s="31"/>
      <c r="RGM153" s="31"/>
      <c r="RGN153" s="31"/>
      <c r="RGO153" s="31"/>
      <c r="RGP153" s="31"/>
      <c r="RGQ153" s="31"/>
      <c r="RGR153" s="31"/>
      <c r="RGS153" s="31"/>
      <c r="RGT153" s="31"/>
      <c r="RGU153" s="31"/>
      <c r="RGV153" s="31"/>
      <c r="RGW153" s="31"/>
      <c r="RGX153" s="31"/>
      <c r="RGY153" s="31"/>
      <c r="RGZ153" s="31"/>
      <c r="RHA153" s="31"/>
      <c r="RHB153" s="31"/>
      <c r="RHC153" s="31"/>
      <c r="RHD153" s="31"/>
      <c r="RHE153" s="31"/>
      <c r="RHF153" s="31"/>
      <c r="RHG153" s="31"/>
      <c r="RHH153" s="31"/>
      <c r="RHI153" s="31"/>
      <c r="RHJ153" s="31"/>
      <c r="RHK153" s="31"/>
      <c r="RHL153" s="31"/>
      <c r="RHM153" s="31"/>
      <c r="RHN153" s="31"/>
      <c r="RHO153" s="31"/>
      <c r="RHP153" s="31"/>
      <c r="RHQ153" s="31"/>
      <c r="RHR153" s="31"/>
      <c r="RHS153" s="31"/>
      <c r="RHT153" s="31"/>
      <c r="RHU153" s="31"/>
      <c r="RHV153" s="31"/>
      <c r="RHW153" s="31"/>
      <c r="RHX153" s="31"/>
      <c r="RHY153" s="31"/>
      <c r="RHZ153" s="31"/>
      <c r="RIA153" s="31"/>
      <c r="RIB153" s="31"/>
      <c r="RIC153" s="31"/>
      <c r="RID153" s="31"/>
      <c r="RIE153" s="31"/>
      <c r="RIF153" s="31"/>
      <c r="RIG153" s="31"/>
      <c r="RIH153" s="31"/>
      <c r="RII153" s="31"/>
      <c r="RIJ153" s="31"/>
      <c r="RIK153" s="31"/>
      <c r="RIL153" s="31"/>
      <c r="RIM153" s="31"/>
      <c r="RIN153" s="31"/>
      <c r="RIO153" s="31"/>
      <c r="RIP153" s="31"/>
      <c r="RIQ153" s="31"/>
      <c r="RIR153" s="31"/>
      <c r="RIS153" s="31"/>
      <c r="RIT153" s="31"/>
      <c r="RIU153" s="31"/>
      <c r="RIV153" s="31"/>
      <c r="RIW153" s="31"/>
      <c r="RIX153" s="31"/>
      <c r="RIY153" s="31"/>
      <c r="RIZ153" s="31"/>
      <c r="RJA153" s="31"/>
      <c r="RJB153" s="31"/>
      <c r="RJC153" s="31"/>
      <c r="RJD153" s="31"/>
      <c r="RJE153" s="31"/>
      <c r="RJF153" s="31"/>
      <c r="RJG153" s="31"/>
      <c r="RJH153" s="31"/>
      <c r="RJI153" s="31"/>
      <c r="RJJ153" s="31"/>
      <c r="RJK153" s="31"/>
      <c r="RJL153" s="31"/>
      <c r="RJM153" s="31"/>
      <c r="RJN153" s="31"/>
      <c r="RJO153" s="31"/>
      <c r="RJP153" s="31"/>
      <c r="RJQ153" s="31"/>
      <c r="RJR153" s="31"/>
      <c r="RJS153" s="31"/>
      <c r="RJT153" s="31"/>
      <c r="RJU153" s="31"/>
      <c r="RJV153" s="31"/>
      <c r="RJW153" s="31"/>
      <c r="RJX153" s="31"/>
      <c r="RJY153" s="31"/>
      <c r="RJZ153" s="31"/>
      <c r="RKA153" s="31"/>
      <c r="RKB153" s="31"/>
      <c r="RKC153" s="31"/>
      <c r="RKD153" s="31"/>
      <c r="RKE153" s="31"/>
      <c r="RKF153" s="31"/>
      <c r="RKG153" s="31"/>
      <c r="RKH153" s="31"/>
      <c r="RKI153" s="31"/>
      <c r="RKJ153" s="31"/>
      <c r="RKK153" s="31"/>
      <c r="RKL153" s="31"/>
      <c r="RKM153" s="31"/>
      <c r="RKN153" s="31"/>
      <c r="RKO153" s="31"/>
      <c r="RKP153" s="31"/>
      <c r="RKQ153" s="31"/>
      <c r="RKR153" s="31"/>
      <c r="RKS153" s="31"/>
      <c r="RKT153" s="31"/>
      <c r="RKU153" s="31"/>
      <c r="RKV153" s="31"/>
      <c r="RKW153" s="31"/>
      <c r="RKX153" s="31"/>
      <c r="RKY153" s="31"/>
      <c r="RKZ153" s="31"/>
      <c r="RLA153" s="31"/>
      <c r="RLB153" s="31"/>
      <c r="RLC153" s="31"/>
      <c r="RLD153" s="31"/>
      <c r="RLE153" s="31"/>
      <c r="RLF153" s="31"/>
      <c r="RLG153" s="31"/>
      <c r="RLH153" s="31"/>
      <c r="RLI153" s="31"/>
      <c r="RLJ153" s="31"/>
      <c r="RLK153" s="31"/>
      <c r="RLL153" s="31"/>
      <c r="RLM153" s="31"/>
      <c r="RLN153" s="31"/>
      <c r="RLO153" s="31"/>
      <c r="RLP153" s="31"/>
      <c r="RLQ153" s="31"/>
      <c r="RLR153" s="31"/>
      <c r="RLS153" s="31"/>
      <c r="RLT153" s="31"/>
      <c r="RLU153" s="31"/>
      <c r="RLV153" s="31"/>
      <c r="RLW153" s="31"/>
      <c r="RLX153" s="31"/>
      <c r="RLY153" s="31"/>
      <c r="RLZ153" s="31"/>
      <c r="RMA153" s="31"/>
      <c r="RMB153" s="31"/>
      <c r="RMC153" s="31"/>
      <c r="RMD153" s="31"/>
      <c r="RME153" s="31"/>
      <c r="RMF153" s="31"/>
      <c r="RMG153" s="31"/>
      <c r="RMH153" s="31"/>
      <c r="RMI153" s="31"/>
      <c r="RMJ153" s="31"/>
      <c r="RMK153" s="31"/>
      <c r="RML153" s="31"/>
      <c r="RMM153" s="31"/>
      <c r="RMN153" s="31"/>
      <c r="RMO153" s="31"/>
      <c r="RMP153" s="31"/>
      <c r="RMQ153" s="31"/>
      <c r="RMR153" s="31"/>
      <c r="RMS153" s="31"/>
      <c r="RMT153" s="31"/>
      <c r="RMU153" s="31"/>
      <c r="RMV153" s="31"/>
      <c r="RMW153" s="31"/>
      <c r="RMX153" s="31"/>
      <c r="RMY153" s="31"/>
      <c r="RMZ153" s="31"/>
      <c r="RNA153" s="31"/>
      <c r="RNB153" s="31"/>
      <c r="RNC153" s="31"/>
      <c r="RND153" s="31"/>
      <c r="RNE153" s="31"/>
      <c r="RNF153" s="31"/>
      <c r="RNG153" s="31"/>
      <c r="RNH153" s="31"/>
      <c r="RNI153" s="31"/>
      <c r="RNJ153" s="31"/>
      <c r="RNK153" s="31"/>
      <c r="RNL153" s="31"/>
      <c r="RNM153" s="31"/>
      <c r="RNN153" s="31"/>
      <c r="RNO153" s="31"/>
      <c r="RNP153" s="31"/>
      <c r="RNQ153" s="31"/>
      <c r="RNR153" s="31"/>
      <c r="RNS153" s="31"/>
      <c r="RNT153" s="31"/>
      <c r="RNU153" s="31"/>
      <c r="RNV153" s="31"/>
      <c r="RNW153" s="31"/>
      <c r="RNX153" s="31"/>
      <c r="RNY153" s="31"/>
      <c r="RNZ153" s="31"/>
      <c r="ROA153" s="31"/>
      <c r="ROB153" s="31"/>
      <c r="ROC153" s="31"/>
      <c r="ROD153" s="31"/>
      <c r="ROE153" s="31"/>
      <c r="ROF153" s="31"/>
      <c r="ROG153" s="31"/>
      <c r="ROH153" s="31"/>
      <c r="ROI153" s="31"/>
      <c r="ROJ153" s="31"/>
      <c r="ROK153" s="31"/>
      <c r="ROL153" s="31"/>
      <c r="ROM153" s="31"/>
      <c r="RON153" s="31"/>
      <c r="ROO153" s="31"/>
      <c r="ROP153" s="31"/>
      <c r="ROQ153" s="31"/>
      <c r="ROR153" s="31"/>
      <c r="ROS153" s="31"/>
      <c r="ROT153" s="31"/>
      <c r="ROU153" s="31"/>
      <c r="ROV153" s="31"/>
      <c r="ROW153" s="31"/>
      <c r="ROX153" s="31"/>
      <c r="ROY153" s="31"/>
      <c r="ROZ153" s="31"/>
      <c r="RPA153" s="31"/>
      <c r="RPB153" s="31"/>
      <c r="RPC153" s="31"/>
      <c r="RPD153" s="31"/>
      <c r="RPE153" s="31"/>
      <c r="RPF153" s="31"/>
      <c r="RPG153" s="31"/>
      <c r="RPH153" s="31"/>
      <c r="RPI153" s="31"/>
      <c r="RPJ153" s="31"/>
      <c r="RPK153" s="31"/>
      <c r="RPL153" s="31"/>
      <c r="RPM153" s="31"/>
      <c r="RPN153" s="31"/>
      <c r="RPO153" s="31"/>
      <c r="RPP153" s="31"/>
      <c r="RPQ153" s="31"/>
      <c r="RPR153" s="31"/>
      <c r="RPS153" s="31"/>
      <c r="RPT153" s="31"/>
      <c r="RPU153" s="31"/>
      <c r="RPV153" s="31"/>
      <c r="RPW153" s="31"/>
      <c r="RPX153" s="31"/>
      <c r="RPY153" s="31"/>
      <c r="RPZ153" s="31"/>
      <c r="RQA153" s="31"/>
      <c r="RQB153" s="31"/>
      <c r="RQC153" s="31"/>
      <c r="RQD153" s="31"/>
      <c r="RQE153" s="31"/>
      <c r="RQF153" s="31"/>
      <c r="RQG153" s="31"/>
      <c r="RQH153" s="31"/>
      <c r="RQI153" s="31"/>
      <c r="RQJ153" s="31"/>
      <c r="RQK153" s="31"/>
      <c r="RQL153" s="31"/>
      <c r="RQM153" s="31"/>
      <c r="RQN153" s="31"/>
      <c r="RQO153" s="31"/>
      <c r="RQP153" s="31"/>
      <c r="RQQ153" s="31"/>
      <c r="RQR153" s="31"/>
      <c r="RQS153" s="31"/>
      <c r="RQT153" s="31"/>
      <c r="RQU153" s="31"/>
      <c r="RQV153" s="31"/>
      <c r="RQW153" s="31"/>
      <c r="RQX153" s="31"/>
      <c r="RQY153" s="31"/>
      <c r="RQZ153" s="31"/>
      <c r="RRA153" s="31"/>
      <c r="RRB153" s="31"/>
      <c r="RRC153" s="31"/>
      <c r="RRD153" s="31"/>
      <c r="RRE153" s="31"/>
      <c r="RRF153" s="31"/>
      <c r="RRG153" s="31"/>
      <c r="RRH153" s="31"/>
      <c r="RRI153" s="31"/>
      <c r="RRJ153" s="31"/>
      <c r="RRK153" s="31"/>
      <c r="RRL153" s="31"/>
      <c r="RRM153" s="31"/>
      <c r="RRN153" s="31"/>
      <c r="RRO153" s="31"/>
      <c r="RRP153" s="31"/>
      <c r="RRQ153" s="31"/>
      <c r="RRR153" s="31"/>
      <c r="RRS153" s="31"/>
      <c r="RRT153" s="31"/>
      <c r="RRU153" s="31"/>
      <c r="RRV153" s="31"/>
      <c r="RRW153" s="31"/>
      <c r="RRX153" s="31"/>
      <c r="RRY153" s="31"/>
      <c r="RRZ153" s="31"/>
      <c r="RSA153" s="31"/>
      <c r="RSB153" s="31"/>
      <c r="RSC153" s="31"/>
      <c r="RSD153" s="31"/>
      <c r="RSE153" s="31"/>
      <c r="RSF153" s="31"/>
      <c r="RSG153" s="31"/>
      <c r="RSH153" s="31"/>
      <c r="RSI153" s="31"/>
      <c r="RSJ153" s="31"/>
      <c r="RSK153" s="31"/>
      <c r="RSL153" s="31"/>
      <c r="RSM153" s="31"/>
      <c r="RSN153" s="31"/>
      <c r="RSO153" s="31"/>
      <c r="RSP153" s="31"/>
      <c r="RSQ153" s="31"/>
      <c r="RSR153" s="31"/>
      <c r="RSS153" s="31"/>
      <c r="RST153" s="31"/>
      <c r="RSU153" s="31"/>
      <c r="RSV153" s="31"/>
      <c r="RSW153" s="31"/>
      <c r="RSX153" s="31"/>
      <c r="RSY153" s="31"/>
      <c r="RSZ153" s="31"/>
      <c r="RTA153" s="31"/>
      <c r="RTB153" s="31"/>
      <c r="RTC153" s="31"/>
      <c r="RTD153" s="31"/>
      <c r="RTE153" s="31"/>
      <c r="RTF153" s="31"/>
      <c r="RTG153" s="31"/>
      <c r="RTH153" s="31"/>
      <c r="RTI153" s="31"/>
      <c r="RTJ153" s="31"/>
      <c r="RTK153" s="31"/>
      <c r="RTL153" s="31"/>
      <c r="RTM153" s="31"/>
      <c r="RTN153" s="31"/>
      <c r="RTO153" s="31"/>
      <c r="RTP153" s="31"/>
      <c r="RTQ153" s="31"/>
      <c r="RTR153" s="31"/>
      <c r="RTS153" s="31"/>
      <c r="RTT153" s="31"/>
      <c r="RTU153" s="31"/>
      <c r="RTV153" s="31"/>
      <c r="RTW153" s="31"/>
      <c r="RTX153" s="31"/>
      <c r="RTY153" s="31"/>
      <c r="RTZ153" s="31"/>
      <c r="RUA153" s="31"/>
      <c r="RUB153" s="31"/>
      <c r="RUC153" s="31"/>
      <c r="RUD153" s="31"/>
      <c r="RUE153" s="31"/>
      <c r="RUF153" s="31"/>
      <c r="RUG153" s="31"/>
      <c r="RUH153" s="31"/>
      <c r="RUI153" s="31"/>
      <c r="RUJ153" s="31"/>
      <c r="RUK153" s="31"/>
      <c r="RUL153" s="31"/>
      <c r="RUM153" s="31"/>
      <c r="RUN153" s="31"/>
      <c r="RUO153" s="31"/>
      <c r="RUP153" s="31"/>
      <c r="RUQ153" s="31"/>
      <c r="RUR153" s="31"/>
      <c r="RUS153" s="31"/>
      <c r="RUT153" s="31"/>
      <c r="RUU153" s="31"/>
      <c r="RUV153" s="31"/>
      <c r="RUW153" s="31"/>
      <c r="RUX153" s="31"/>
      <c r="RUY153" s="31"/>
      <c r="RUZ153" s="31"/>
      <c r="RVA153" s="31"/>
      <c r="RVB153" s="31"/>
      <c r="RVC153" s="31"/>
      <c r="RVD153" s="31"/>
      <c r="RVE153" s="31"/>
      <c r="RVF153" s="31"/>
      <c r="RVG153" s="31"/>
      <c r="RVH153" s="31"/>
      <c r="RVI153" s="31"/>
      <c r="RVJ153" s="31"/>
      <c r="RVK153" s="31"/>
      <c r="RVL153" s="31"/>
      <c r="RVM153" s="31"/>
      <c r="RVN153" s="31"/>
      <c r="RVO153" s="31"/>
      <c r="RVP153" s="31"/>
      <c r="RVQ153" s="31"/>
      <c r="RVR153" s="31"/>
      <c r="RVS153" s="31"/>
      <c r="RVT153" s="31"/>
      <c r="RVU153" s="31"/>
      <c r="RVV153" s="31"/>
      <c r="RVW153" s="31"/>
      <c r="RVX153" s="31"/>
      <c r="RVY153" s="31"/>
      <c r="RVZ153" s="31"/>
      <c r="RWA153" s="31"/>
      <c r="RWB153" s="31"/>
      <c r="RWC153" s="31"/>
      <c r="RWD153" s="31"/>
      <c r="RWE153" s="31"/>
      <c r="RWF153" s="31"/>
      <c r="RWG153" s="31"/>
      <c r="RWH153" s="31"/>
      <c r="RWI153" s="31"/>
      <c r="RWJ153" s="31"/>
      <c r="RWK153" s="31"/>
      <c r="RWL153" s="31"/>
      <c r="RWM153" s="31"/>
      <c r="RWN153" s="31"/>
      <c r="RWO153" s="31"/>
      <c r="RWP153" s="31"/>
      <c r="RWQ153" s="31"/>
      <c r="RWR153" s="31"/>
      <c r="RWS153" s="31"/>
      <c r="RWT153" s="31"/>
      <c r="RWU153" s="31"/>
      <c r="RWV153" s="31"/>
      <c r="RWW153" s="31"/>
      <c r="RWX153" s="31"/>
      <c r="RWY153" s="31"/>
      <c r="RWZ153" s="31"/>
      <c r="RXA153" s="31"/>
      <c r="RXB153" s="31"/>
      <c r="RXC153" s="31"/>
      <c r="RXD153" s="31"/>
      <c r="RXE153" s="31"/>
      <c r="RXF153" s="31"/>
      <c r="RXG153" s="31"/>
      <c r="RXH153" s="31"/>
      <c r="RXI153" s="31"/>
      <c r="RXJ153" s="31"/>
      <c r="RXK153" s="31"/>
      <c r="RXL153" s="31"/>
      <c r="RXM153" s="31"/>
      <c r="RXN153" s="31"/>
      <c r="RXO153" s="31"/>
      <c r="RXP153" s="31"/>
      <c r="RXQ153" s="31"/>
      <c r="RXR153" s="31"/>
      <c r="RXS153" s="31"/>
      <c r="RXT153" s="31"/>
      <c r="RXU153" s="31"/>
      <c r="RXV153" s="31"/>
      <c r="RXW153" s="31"/>
      <c r="RXX153" s="31"/>
      <c r="RXY153" s="31"/>
      <c r="RXZ153" s="31"/>
      <c r="RYA153" s="31"/>
      <c r="RYB153" s="31"/>
      <c r="RYC153" s="31"/>
      <c r="RYD153" s="31"/>
      <c r="RYE153" s="31"/>
      <c r="RYF153" s="31"/>
      <c r="RYG153" s="31"/>
      <c r="RYH153" s="31"/>
      <c r="RYI153" s="31"/>
      <c r="RYJ153" s="31"/>
      <c r="RYK153" s="31"/>
      <c r="RYL153" s="31"/>
      <c r="RYM153" s="31"/>
      <c r="RYN153" s="31"/>
      <c r="RYO153" s="31"/>
      <c r="RYP153" s="31"/>
      <c r="RYQ153" s="31"/>
      <c r="RYR153" s="31"/>
      <c r="RYS153" s="31"/>
      <c r="RYT153" s="31"/>
      <c r="RYU153" s="31"/>
      <c r="RYV153" s="31"/>
      <c r="RYW153" s="31"/>
      <c r="RYX153" s="31"/>
      <c r="RYY153" s="31"/>
      <c r="RYZ153" s="31"/>
      <c r="RZA153" s="31"/>
      <c r="RZB153" s="31"/>
      <c r="RZC153" s="31"/>
      <c r="RZD153" s="31"/>
      <c r="RZE153" s="31"/>
      <c r="RZF153" s="31"/>
      <c r="RZG153" s="31"/>
      <c r="RZH153" s="31"/>
      <c r="RZI153" s="31"/>
      <c r="RZJ153" s="31"/>
      <c r="RZK153" s="31"/>
      <c r="RZL153" s="31"/>
      <c r="RZM153" s="31"/>
      <c r="RZN153" s="31"/>
      <c r="RZO153" s="31"/>
      <c r="RZP153" s="31"/>
      <c r="RZQ153" s="31"/>
      <c r="RZR153" s="31"/>
      <c r="RZS153" s="31"/>
      <c r="RZT153" s="31"/>
      <c r="RZU153" s="31"/>
      <c r="RZV153" s="31"/>
      <c r="RZW153" s="31"/>
      <c r="RZX153" s="31"/>
      <c r="RZY153" s="31"/>
      <c r="RZZ153" s="31"/>
      <c r="SAA153" s="31"/>
      <c r="SAB153" s="31"/>
      <c r="SAC153" s="31"/>
      <c r="SAD153" s="31"/>
      <c r="SAE153" s="31"/>
      <c r="SAF153" s="31"/>
      <c r="SAG153" s="31"/>
      <c r="SAH153" s="31"/>
      <c r="SAI153" s="31"/>
      <c r="SAJ153" s="31"/>
      <c r="SAK153" s="31"/>
      <c r="SAL153" s="31"/>
      <c r="SAM153" s="31"/>
      <c r="SAN153" s="31"/>
      <c r="SAO153" s="31"/>
      <c r="SAP153" s="31"/>
      <c r="SAQ153" s="31"/>
      <c r="SAR153" s="31"/>
      <c r="SAS153" s="31"/>
      <c r="SAT153" s="31"/>
      <c r="SAU153" s="31"/>
      <c r="SAV153" s="31"/>
      <c r="SAW153" s="31"/>
      <c r="SAX153" s="31"/>
      <c r="SAY153" s="31"/>
      <c r="SAZ153" s="31"/>
      <c r="SBA153" s="31"/>
      <c r="SBB153" s="31"/>
      <c r="SBC153" s="31"/>
      <c r="SBD153" s="31"/>
      <c r="SBE153" s="31"/>
      <c r="SBF153" s="31"/>
      <c r="SBG153" s="31"/>
      <c r="SBH153" s="31"/>
      <c r="SBI153" s="31"/>
      <c r="SBJ153" s="31"/>
      <c r="SBK153" s="31"/>
      <c r="SBL153" s="31"/>
      <c r="SBM153" s="31"/>
      <c r="SBN153" s="31"/>
      <c r="SBO153" s="31"/>
      <c r="SBP153" s="31"/>
      <c r="SBQ153" s="31"/>
      <c r="SBR153" s="31"/>
      <c r="SBS153" s="31"/>
      <c r="SBT153" s="31"/>
      <c r="SBU153" s="31"/>
      <c r="SBV153" s="31"/>
      <c r="SBW153" s="31"/>
      <c r="SBX153" s="31"/>
      <c r="SBY153" s="31"/>
      <c r="SBZ153" s="31"/>
      <c r="SCA153" s="31"/>
      <c r="SCB153" s="31"/>
      <c r="SCC153" s="31"/>
      <c r="SCD153" s="31"/>
      <c r="SCE153" s="31"/>
      <c r="SCF153" s="31"/>
      <c r="SCG153" s="31"/>
      <c r="SCH153" s="31"/>
      <c r="SCI153" s="31"/>
      <c r="SCJ153" s="31"/>
      <c r="SCK153" s="31"/>
      <c r="SCL153" s="31"/>
      <c r="SCM153" s="31"/>
      <c r="SCN153" s="31"/>
      <c r="SCO153" s="31"/>
      <c r="SCP153" s="31"/>
      <c r="SCQ153" s="31"/>
      <c r="SCR153" s="31"/>
      <c r="SCS153" s="31"/>
      <c r="SCT153" s="31"/>
      <c r="SCU153" s="31"/>
      <c r="SCV153" s="31"/>
      <c r="SCW153" s="31"/>
      <c r="SCX153" s="31"/>
      <c r="SCY153" s="31"/>
      <c r="SCZ153" s="31"/>
      <c r="SDA153" s="31"/>
      <c r="SDB153" s="31"/>
      <c r="SDC153" s="31"/>
      <c r="SDD153" s="31"/>
      <c r="SDE153" s="31"/>
      <c r="SDF153" s="31"/>
      <c r="SDG153" s="31"/>
      <c r="SDH153" s="31"/>
      <c r="SDI153" s="31"/>
      <c r="SDJ153" s="31"/>
      <c r="SDK153" s="31"/>
      <c r="SDL153" s="31"/>
      <c r="SDM153" s="31"/>
      <c r="SDN153" s="31"/>
      <c r="SDO153" s="31"/>
      <c r="SDP153" s="31"/>
      <c r="SDQ153" s="31"/>
      <c r="SDR153" s="31"/>
      <c r="SDS153" s="31"/>
      <c r="SDT153" s="31"/>
      <c r="SDU153" s="31"/>
      <c r="SDV153" s="31"/>
      <c r="SDW153" s="31"/>
      <c r="SDX153" s="31"/>
      <c r="SDY153" s="31"/>
      <c r="SDZ153" s="31"/>
      <c r="SEA153" s="31"/>
      <c r="SEB153" s="31"/>
      <c r="SEC153" s="31"/>
      <c r="SED153" s="31"/>
      <c r="SEE153" s="31"/>
      <c r="SEF153" s="31"/>
      <c r="SEG153" s="31"/>
      <c r="SEH153" s="31"/>
      <c r="SEI153" s="31"/>
      <c r="SEJ153" s="31"/>
      <c r="SEK153" s="31"/>
      <c r="SEL153" s="31"/>
      <c r="SEM153" s="31"/>
      <c r="SEN153" s="31"/>
      <c r="SEO153" s="31"/>
      <c r="SEP153" s="31"/>
      <c r="SEQ153" s="31"/>
      <c r="SER153" s="31"/>
      <c r="SES153" s="31"/>
      <c r="SET153" s="31"/>
      <c r="SEU153" s="31"/>
      <c r="SEV153" s="31"/>
      <c r="SEW153" s="31"/>
      <c r="SEX153" s="31"/>
      <c r="SEY153" s="31"/>
      <c r="SEZ153" s="31"/>
      <c r="SFA153" s="31"/>
      <c r="SFB153" s="31"/>
      <c r="SFC153" s="31"/>
      <c r="SFD153" s="31"/>
      <c r="SFE153" s="31"/>
      <c r="SFF153" s="31"/>
      <c r="SFG153" s="31"/>
      <c r="SFH153" s="31"/>
      <c r="SFI153" s="31"/>
      <c r="SFJ153" s="31"/>
      <c r="SFK153" s="31"/>
      <c r="SFL153" s="31"/>
      <c r="SFM153" s="31"/>
      <c r="SFN153" s="31"/>
      <c r="SFO153" s="31"/>
      <c r="SFP153" s="31"/>
      <c r="SFQ153" s="31"/>
      <c r="SFR153" s="31"/>
      <c r="SFS153" s="31"/>
      <c r="SFT153" s="31"/>
      <c r="SFU153" s="31"/>
      <c r="SFV153" s="31"/>
      <c r="SFW153" s="31"/>
      <c r="SFX153" s="31"/>
      <c r="SFY153" s="31"/>
      <c r="SFZ153" s="31"/>
      <c r="SGA153" s="31"/>
      <c r="SGB153" s="31"/>
      <c r="SGC153" s="31"/>
      <c r="SGD153" s="31"/>
      <c r="SGE153" s="31"/>
      <c r="SGF153" s="31"/>
      <c r="SGG153" s="31"/>
      <c r="SGH153" s="31"/>
      <c r="SGI153" s="31"/>
      <c r="SGJ153" s="31"/>
      <c r="SGK153" s="31"/>
      <c r="SGL153" s="31"/>
      <c r="SGM153" s="31"/>
      <c r="SGN153" s="31"/>
      <c r="SGO153" s="31"/>
      <c r="SGP153" s="31"/>
      <c r="SGQ153" s="31"/>
      <c r="SGR153" s="31"/>
      <c r="SGS153" s="31"/>
      <c r="SGT153" s="31"/>
      <c r="SGU153" s="31"/>
      <c r="SGV153" s="31"/>
      <c r="SGW153" s="31"/>
      <c r="SGX153" s="31"/>
      <c r="SGY153" s="31"/>
      <c r="SGZ153" s="31"/>
      <c r="SHA153" s="31"/>
      <c r="SHB153" s="31"/>
      <c r="SHC153" s="31"/>
      <c r="SHD153" s="31"/>
      <c r="SHE153" s="31"/>
      <c r="SHF153" s="31"/>
      <c r="SHG153" s="31"/>
      <c r="SHH153" s="31"/>
      <c r="SHI153" s="31"/>
      <c r="SHJ153" s="31"/>
      <c r="SHK153" s="31"/>
      <c r="SHL153" s="31"/>
      <c r="SHM153" s="31"/>
      <c r="SHN153" s="31"/>
      <c r="SHO153" s="31"/>
      <c r="SHP153" s="31"/>
      <c r="SHQ153" s="31"/>
      <c r="SHR153" s="31"/>
      <c r="SHS153" s="31"/>
      <c r="SHT153" s="31"/>
      <c r="SHU153" s="31"/>
      <c r="SHV153" s="31"/>
      <c r="SHW153" s="31"/>
      <c r="SHX153" s="31"/>
      <c r="SHY153" s="31"/>
      <c r="SHZ153" s="31"/>
      <c r="SIA153" s="31"/>
      <c r="SIB153" s="31"/>
      <c r="SIC153" s="31"/>
      <c r="SID153" s="31"/>
      <c r="SIE153" s="31"/>
      <c r="SIF153" s="31"/>
      <c r="SIG153" s="31"/>
      <c r="SIH153" s="31"/>
      <c r="SII153" s="31"/>
      <c r="SIJ153" s="31"/>
      <c r="SIK153" s="31"/>
      <c r="SIL153" s="31"/>
      <c r="SIM153" s="31"/>
      <c r="SIN153" s="31"/>
      <c r="SIO153" s="31"/>
      <c r="SIP153" s="31"/>
      <c r="SIQ153" s="31"/>
      <c r="SIR153" s="31"/>
      <c r="SIS153" s="31"/>
      <c r="SIT153" s="31"/>
      <c r="SIU153" s="31"/>
      <c r="SIV153" s="31"/>
      <c r="SIW153" s="31"/>
      <c r="SIX153" s="31"/>
      <c r="SIY153" s="31"/>
      <c r="SIZ153" s="31"/>
      <c r="SJA153" s="31"/>
      <c r="SJB153" s="31"/>
      <c r="SJC153" s="31"/>
      <c r="SJD153" s="31"/>
      <c r="SJE153" s="31"/>
      <c r="SJF153" s="31"/>
      <c r="SJG153" s="31"/>
      <c r="SJH153" s="31"/>
      <c r="SJI153" s="31"/>
      <c r="SJJ153" s="31"/>
      <c r="SJK153" s="31"/>
      <c r="SJL153" s="31"/>
      <c r="SJM153" s="31"/>
      <c r="SJN153" s="31"/>
      <c r="SJO153" s="31"/>
      <c r="SJP153" s="31"/>
      <c r="SJQ153" s="31"/>
      <c r="SJR153" s="31"/>
      <c r="SJS153" s="31"/>
      <c r="SJT153" s="31"/>
      <c r="SJU153" s="31"/>
      <c r="SJV153" s="31"/>
      <c r="SJW153" s="31"/>
      <c r="SJX153" s="31"/>
      <c r="SJY153" s="31"/>
      <c r="SJZ153" s="31"/>
      <c r="SKA153" s="31"/>
      <c r="SKB153" s="31"/>
      <c r="SKC153" s="31"/>
      <c r="SKD153" s="31"/>
      <c r="SKE153" s="31"/>
      <c r="SKF153" s="31"/>
      <c r="SKG153" s="31"/>
      <c r="SKH153" s="31"/>
      <c r="SKI153" s="31"/>
      <c r="SKJ153" s="31"/>
      <c r="SKK153" s="31"/>
      <c r="SKL153" s="31"/>
      <c r="SKM153" s="31"/>
      <c r="SKN153" s="31"/>
      <c r="SKO153" s="31"/>
      <c r="SKP153" s="31"/>
      <c r="SKQ153" s="31"/>
      <c r="SKR153" s="31"/>
      <c r="SKS153" s="31"/>
      <c r="SKT153" s="31"/>
      <c r="SKU153" s="31"/>
      <c r="SKV153" s="31"/>
      <c r="SKW153" s="31"/>
      <c r="SKX153" s="31"/>
      <c r="SKY153" s="31"/>
      <c r="SKZ153" s="31"/>
      <c r="SLA153" s="31"/>
      <c r="SLB153" s="31"/>
      <c r="SLC153" s="31"/>
      <c r="SLD153" s="31"/>
      <c r="SLE153" s="31"/>
      <c r="SLF153" s="31"/>
      <c r="SLG153" s="31"/>
      <c r="SLH153" s="31"/>
      <c r="SLI153" s="31"/>
      <c r="SLJ153" s="31"/>
      <c r="SLK153" s="31"/>
      <c r="SLL153" s="31"/>
      <c r="SLM153" s="31"/>
      <c r="SLN153" s="31"/>
      <c r="SLO153" s="31"/>
      <c r="SLP153" s="31"/>
      <c r="SLQ153" s="31"/>
      <c r="SLR153" s="31"/>
      <c r="SLS153" s="31"/>
      <c r="SLT153" s="31"/>
      <c r="SLU153" s="31"/>
      <c r="SLV153" s="31"/>
      <c r="SLW153" s="31"/>
      <c r="SLX153" s="31"/>
      <c r="SLY153" s="31"/>
      <c r="SLZ153" s="31"/>
      <c r="SMA153" s="31"/>
      <c r="SMB153" s="31"/>
      <c r="SMC153" s="31"/>
      <c r="SMD153" s="31"/>
      <c r="SME153" s="31"/>
      <c r="SMF153" s="31"/>
      <c r="SMG153" s="31"/>
      <c r="SMH153" s="31"/>
      <c r="SMI153" s="31"/>
      <c r="SMJ153" s="31"/>
      <c r="SMK153" s="31"/>
      <c r="SML153" s="31"/>
      <c r="SMM153" s="31"/>
      <c r="SMN153" s="31"/>
      <c r="SMO153" s="31"/>
      <c r="SMP153" s="31"/>
      <c r="SMQ153" s="31"/>
      <c r="SMR153" s="31"/>
      <c r="SMS153" s="31"/>
      <c r="SMT153" s="31"/>
      <c r="SMU153" s="31"/>
      <c r="SMV153" s="31"/>
      <c r="SMW153" s="31"/>
      <c r="SMX153" s="31"/>
      <c r="SMY153" s="31"/>
      <c r="SMZ153" s="31"/>
      <c r="SNA153" s="31"/>
      <c r="SNB153" s="31"/>
      <c r="SNC153" s="31"/>
      <c r="SND153" s="31"/>
      <c r="SNE153" s="31"/>
      <c r="SNF153" s="31"/>
      <c r="SNG153" s="31"/>
      <c r="SNH153" s="31"/>
      <c r="SNI153" s="31"/>
      <c r="SNJ153" s="31"/>
      <c r="SNK153" s="31"/>
      <c r="SNL153" s="31"/>
      <c r="SNM153" s="31"/>
      <c r="SNN153" s="31"/>
      <c r="SNO153" s="31"/>
      <c r="SNP153" s="31"/>
      <c r="SNQ153" s="31"/>
      <c r="SNR153" s="31"/>
      <c r="SNS153" s="31"/>
      <c r="SNT153" s="31"/>
      <c r="SNU153" s="31"/>
      <c r="SNV153" s="31"/>
      <c r="SNW153" s="31"/>
      <c r="SNX153" s="31"/>
      <c r="SNY153" s="31"/>
      <c r="SNZ153" s="31"/>
      <c r="SOA153" s="31"/>
      <c r="SOB153" s="31"/>
      <c r="SOC153" s="31"/>
      <c r="SOD153" s="31"/>
      <c r="SOE153" s="31"/>
      <c r="SOF153" s="31"/>
      <c r="SOG153" s="31"/>
      <c r="SOH153" s="31"/>
      <c r="SOI153" s="31"/>
      <c r="SOJ153" s="31"/>
      <c r="SOK153" s="31"/>
      <c r="SOL153" s="31"/>
      <c r="SOM153" s="31"/>
      <c r="SON153" s="31"/>
      <c r="SOO153" s="31"/>
      <c r="SOP153" s="31"/>
      <c r="SOQ153" s="31"/>
      <c r="SOR153" s="31"/>
      <c r="SOS153" s="31"/>
      <c r="SOT153" s="31"/>
      <c r="SOU153" s="31"/>
      <c r="SOV153" s="31"/>
      <c r="SOW153" s="31"/>
      <c r="SOX153" s="31"/>
      <c r="SOY153" s="31"/>
      <c r="SOZ153" s="31"/>
      <c r="SPA153" s="31"/>
      <c r="SPB153" s="31"/>
      <c r="SPC153" s="31"/>
      <c r="SPD153" s="31"/>
      <c r="SPE153" s="31"/>
      <c r="SPF153" s="31"/>
      <c r="SPG153" s="31"/>
      <c r="SPH153" s="31"/>
      <c r="SPI153" s="31"/>
      <c r="SPJ153" s="31"/>
      <c r="SPK153" s="31"/>
      <c r="SPL153" s="31"/>
      <c r="SPM153" s="31"/>
      <c r="SPN153" s="31"/>
      <c r="SPO153" s="31"/>
      <c r="SPP153" s="31"/>
      <c r="SPQ153" s="31"/>
      <c r="SPR153" s="31"/>
      <c r="SPS153" s="31"/>
      <c r="SPT153" s="31"/>
      <c r="SPU153" s="31"/>
      <c r="SPV153" s="31"/>
      <c r="SPW153" s="31"/>
      <c r="SPX153" s="31"/>
      <c r="SPY153" s="31"/>
      <c r="SPZ153" s="31"/>
      <c r="SQA153" s="31"/>
      <c r="SQB153" s="31"/>
      <c r="SQC153" s="31"/>
      <c r="SQD153" s="31"/>
      <c r="SQE153" s="31"/>
      <c r="SQF153" s="31"/>
      <c r="SQG153" s="31"/>
      <c r="SQH153" s="31"/>
      <c r="SQI153" s="31"/>
      <c r="SQJ153" s="31"/>
      <c r="SQK153" s="31"/>
      <c r="SQL153" s="31"/>
      <c r="SQM153" s="31"/>
      <c r="SQN153" s="31"/>
      <c r="SQO153" s="31"/>
      <c r="SQP153" s="31"/>
      <c r="SQQ153" s="31"/>
      <c r="SQR153" s="31"/>
      <c r="SQS153" s="31"/>
      <c r="SQT153" s="31"/>
      <c r="SQU153" s="31"/>
      <c r="SQV153" s="31"/>
      <c r="SQW153" s="31"/>
      <c r="SQX153" s="31"/>
      <c r="SQY153" s="31"/>
      <c r="SQZ153" s="31"/>
      <c r="SRA153" s="31"/>
      <c r="SRB153" s="31"/>
      <c r="SRC153" s="31"/>
      <c r="SRD153" s="31"/>
      <c r="SRE153" s="31"/>
      <c r="SRF153" s="31"/>
      <c r="SRG153" s="31"/>
      <c r="SRH153" s="31"/>
      <c r="SRI153" s="31"/>
      <c r="SRJ153" s="31"/>
      <c r="SRK153" s="31"/>
      <c r="SRL153" s="31"/>
      <c r="SRM153" s="31"/>
      <c r="SRN153" s="31"/>
      <c r="SRO153" s="31"/>
      <c r="SRP153" s="31"/>
      <c r="SRQ153" s="31"/>
      <c r="SRR153" s="31"/>
      <c r="SRS153" s="31"/>
      <c r="SRT153" s="31"/>
      <c r="SRU153" s="31"/>
      <c r="SRV153" s="31"/>
      <c r="SRW153" s="31"/>
      <c r="SRX153" s="31"/>
      <c r="SRY153" s="31"/>
      <c r="SRZ153" s="31"/>
      <c r="SSA153" s="31"/>
      <c r="SSB153" s="31"/>
      <c r="SSC153" s="31"/>
      <c r="SSD153" s="31"/>
      <c r="SSE153" s="31"/>
      <c r="SSF153" s="31"/>
      <c r="SSG153" s="31"/>
      <c r="SSH153" s="31"/>
      <c r="SSI153" s="31"/>
      <c r="SSJ153" s="31"/>
      <c r="SSK153" s="31"/>
      <c r="SSL153" s="31"/>
      <c r="SSM153" s="31"/>
      <c r="SSN153" s="31"/>
      <c r="SSO153" s="31"/>
      <c r="SSP153" s="31"/>
      <c r="SSQ153" s="31"/>
      <c r="SSR153" s="31"/>
      <c r="SSS153" s="31"/>
      <c r="SST153" s="31"/>
      <c r="SSU153" s="31"/>
      <c r="SSV153" s="31"/>
      <c r="SSW153" s="31"/>
      <c r="SSX153" s="31"/>
      <c r="SSY153" s="31"/>
      <c r="SSZ153" s="31"/>
      <c r="STA153" s="31"/>
      <c r="STB153" s="31"/>
      <c r="STC153" s="31"/>
      <c r="STD153" s="31"/>
      <c r="STE153" s="31"/>
      <c r="STF153" s="31"/>
      <c r="STG153" s="31"/>
      <c r="STH153" s="31"/>
      <c r="STI153" s="31"/>
      <c r="STJ153" s="31"/>
      <c r="STK153" s="31"/>
      <c r="STL153" s="31"/>
      <c r="STM153" s="31"/>
      <c r="STN153" s="31"/>
      <c r="STO153" s="31"/>
      <c r="STP153" s="31"/>
      <c r="STQ153" s="31"/>
      <c r="STR153" s="31"/>
      <c r="STS153" s="31"/>
      <c r="STT153" s="31"/>
      <c r="STU153" s="31"/>
      <c r="STV153" s="31"/>
      <c r="STW153" s="31"/>
      <c r="STX153" s="31"/>
      <c r="STY153" s="31"/>
      <c r="STZ153" s="31"/>
      <c r="SUA153" s="31"/>
      <c r="SUB153" s="31"/>
      <c r="SUC153" s="31"/>
      <c r="SUD153" s="31"/>
      <c r="SUE153" s="31"/>
      <c r="SUF153" s="31"/>
      <c r="SUG153" s="31"/>
      <c r="SUH153" s="31"/>
      <c r="SUI153" s="31"/>
      <c r="SUJ153" s="31"/>
      <c r="SUK153" s="31"/>
      <c r="SUL153" s="31"/>
      <c r="SUM153" s="31"/>
      <c r="SUN153" s="31"/>
      <c r="SUO153" s="31"/>
      <c r="SUP153" s="31"/>
      <c r="SUQ153" s="31"/>
      <c r="SUR153" s="31"/>
      <c r="SUS153" s="31"/>
      <c r="SUT153" s="31"/>
      <c r="SUU153" s="31"/>
      <c r="SUV153" s="31"/>
      <c r="SUW153" s="31"/>
      <c r="SUX153" s="31"/>
      <c r="SUY153" s="31"/>
      <c r="SUZ153" s="31"/>
      <c r="SVA153" s="31"/>
      <c r="SVB153" s="31"/>
      <c r="SVC153" s="31"/>
      <c r="SVD153" s="31"/>
      <c r="SVE153" s="31"/>
      <c r="SVF153" s="31"/>
      <c r="SVG153" s="31"/>
      <c r="SVH153" s="31"/>
      <c r="SVI153" s="31"/>
      <c r="SVJ153" s="31"/>
      <c r="SVK153" s="31"/>
      <c r="SVL153" s="31"/>
      <c r="SVM153" s="31"/>
      <c r="SVN153" s="31"/>
      <c r="SVO153" s="31"/>
      <c r="SVP153" s="31"/>
      <c r="SVQ153" s="31"/>
      <c r="SVR153" s="31"/>
      <c r="SVS153" s="31"/>
      <c r="SVT153" s="31"/>
      <c r="SVU153" s="31"/>
      <c r="SVV153" s="31"/>
      <c r="SVW153" s="31"/>
      <c r="SVX153" s="31"/>
      <c r="SVY153" s="31"/>
      <c r="SVZ153" s="31"/>
      <c r="SWA153" s="31"/>
      <c r="SWB153" s="31"/>
      <c r="SWC153" s="31"/>
      <c r="SWD153" s="31"/>
      <c r="SWE153" s="31"/>
      <c r="SWF153" s="31"/>
      <c r="SWG153" s="31"/>
      <c r="SWH153" s="31"/>
      <c r="SWI153" s="31"/>
      <c r="SWJ153" s="31"/>
      <c r="SWK153" s="31"/>
      <c r="SWL153" s="31"/>
      <c r="SWM153" s="31"/>
      <c r="SWN153" s="31"/>
      <c r="SWO153" s="31"/>
      <c r="SWP153" s="31"/>
      <c r="SWQ153" s="31"/>
      <c r="SWR153" s="31"/>
      <c r="SWS153" s="31"/>
      <c r="SWT153" s="31"/>
      <c r="SWU153" s="31"/>
      <c r="SWV153" s="31"/>
      <c r="SWW153" s="31"/>
      <c r="SWX153" s="31"/>
      <c r="SWY153" s="31"/>
      <c r="SWZ153" s="31"/>
      <c r="SXA153" s="31"/>
      <c r="SXB153" s="31"/>
      <c r="SXC153" s="31"/>
      <c r="SXD153" s="31"/>
      <c r="SXE153" s="31"/>
      <c r="SXF153" s="31"/>
      <c r="SXG153" s="31"/>
      <c r="SXH153" s="31"/>
      <c r="SXI153" s="31"/>
      <c r="SXJ153" s="31"/>
      <c r="SXK153" s="31"/>
      <c r="SXL153" s="31"/>
      <c r="SXM153" s="31"/>
      <c r="SXN153" s="31"/>
      <c r="SXO153" s="31"/>
      <c r="SXP153" s="31"/>
      <c r="SXQ153" s="31"/>
      <c r="SXR153" s="31"/>
      <c r="SXS153" s="31"/>
      <c r="SXT153" s="31"/>
      <c r="SXU153" s="31"/>
      <c r="SXV153" s="31"/>
      <c r="SXW153" s="31"/>
      <c r="SXX153" s="31"/>
      <c r="SXY153" s="31"/>
      <c r="SXZ153" s="31"/>
      <c r="SYA153" s="31"/>
      <c r="SYB153" s="31"/>
      <c r="SYC153" s="31"/>
      <c r="SYD153" s="31"/>
      <c r="SYE153" s="31"/>
      <c r="SYF153" s="31"/>
      <c r="SYG153" s="31"/>
      <c r="SYH153" s="31"/>
      <c r="SYI153" s="31"/>
      <c r="SYJ153" s="31"/>
      <c r="SYK153" s="31"/>
      <c r="SYL153" s="31"/>
      <c r="SYM153" s="31"/>
      <c r="SYN153" s="31"/>
      <c r="SYO153" s="31"/>
      <c r="SYP153" s="31"/>
      <c r="SYQ153" s="31"/>
      <c r="SYR153" s="31"/>
      <c r="SYS153" s="31"/>
      <c r="SYT153" s="31"/>
      <c r="SYU153" s="31"/>
      <c r="SYV153" s="31"/>
      <c r="SYW153" s="31"/>
      <c r="SYX153" s="31"/>
      <c r="SYY153" s="31"/>
      <c r="SYZ153" s="31"/>
      <c r="SZA153" s="31"/>
      <c r="SZB153" s="31"/>
      <c r="SZC153" s="31"/>
      <c r="SZD153" s="31"/>
      <c r="SZE153" s="31"/>
      <c r="SZF153" s="31"/>
      <c r="SZG153" s="31"/>
      <c r="SZH153" s="31"/>
      <c r="SZI153" s="31"/>
      <c r="SZJ153" s="31"/>
      <c r="SZK153" s="31"/>
      <c r="SZL153" s="31"/>
      <c r="SZM153" s="31"/>
      <c r="SZN153" s="31"/>
      <c r="SZO153" s="31"/>
      <c r="SZP153" s="31"/>
      <c r="SZQ153" s="31"/>
      <c r="SZR153" s="31"/>
      <c r="SZS153" s="31"/>
      <c r="SZT153" s="31"/>
      <c r="SZU153" s="31"/>
      <c r="SZV153" s="31"/>
      <c r="SZW153" s="31"/>
      <c r="SZX153" s="31"/>
      <c r="SZY153" s="31"/>
      <c r="SZZ153" s="31"/>
      <c r="TAA153" s="31"/>
      <c r="TAB153" s="31"/>
      <c r="TAC153" s="31"/>
      <c r="TAD153" s="31"/>
      <c r="TAE153" s="31"/>
      <c r="TAF153" s="31"/>
      <c r="TAG153" s="31"/>
      <c r="TAH153" s="31"/>
      <c r="TAI153" s="31"/>
      <c r="TAJ153" s="31"/>
      <c r="TAK153" s="31"/>
      <c r="TAL153" s="31"/>
      <c r="TAM153" s="31"/>
      <c r="TAN153" s="31"/>
      <c r="TAO153" s="31"/>
      <c r="TAP153" s="31"/>
      <c r="TAQ153" s="31"/>
      <c r="TAR153" s="31"/>
      <c r="TAS153" s="31"/>
      <c r="TAT153" s="31"/>
      <c r="TAU153" s="31"/>
      <c r="TAV153" s="31"/>
      <c r="TAW153" s="31"/>
      <c r="TAX153" s="31"/>
      <c r="TAY153" s="31"/>
      <c r="TAZ153" s="31"/>
      <c r="TBA153" s="31"/>
      <c r="TBB153" s="31"/>
      <c r="TBC153" s="31"/>
      <c r="TBD153" s="31"/>
      <c r="TBE153" s="31"/>
      <c r="TBF153" s="31"/>
      <c r="TBG153" s="31"/>
      <c r="TBH153" s="31"/>
      <c r="TBI153" s="31"/>
      <c r="TBJ153" s="31"/>
      <c r="TBK153" s="31"/>
      <c r="TBL153" s="31"/>
      <c r="TBM153" s="31"/>
      <c r="TBN153" s="31"/>
      <c r="TBO153" s="31"/>
      <c r="TBP153" s="31"/>
      <c r="TBQ153" s="31"/>
      <c r="TBR153" s="31"/>
      <c r="TBS153" s="31"/>
      <c r="TBT153" s="31"/>
      <c r="TBU153" s="31"/>
      <c r="TBV153" s="31"/>
      <c r="TBW153" s="31"/>
      <c r="TBX153" s="31"/>
      <c r="TBY153" s="31"/>
      <c r="TBZ153" s="31"/>
      <c r="TCA153" s="31"/>
      <c r="TCB153" s="31"/>
      <c r="TCC153" s="31"/>
      <c r="TCD153" s="31"/>
      <c r="TCE153" s="31"/>
      <c r="TCF153" s="31"/>
      <c r="TCG153" s="31"/>
      <c r="TCH153" s="31"/>
      <c r="TCI153" s="31"/>
      <c r="TCJ153" s="31"/>
      <c r="TCK153" s="31"/>
      <c r="TCL153" s="31"/>
      <c r="TCM153" s="31"/>
      <c r="TCN153" s="31"/>
      <c r="TCO153" s="31"/>
      <c r="TCP153" s="31"/>
      <c r="TCQ153" s="31"/>
      <c r="TCR153" s="31"/>
      <c r="TCS153" s="31"/>
      <c r="TCT153" s="31"/>
      <c r="TCU153" s="31"/>
      <c r="TCV153" s="31"/>
      <c r="TCW153" s="31"/>
      <c r="TCX153" s="31"/>
      <c r="TCY153" s="31"/>
      <c r="TCZ153" s="31"/>
      <c r="TDA153" s="31"/>
      <c r="TDB153" s="31"/>
      <c r="TDC153" s="31"/>
      <c r="TDD153" s="31"/>
      <c r="TDE153" s="31"/>
      <c r="TDF153" s="31"/>
      <c r="TDG153" s="31"/>
      <c r="TDH153" s="31"/>
      <c r="TDI153" s="31"/>
      <c r="TDJ153" s="31"/>
      <c r="TDK153" s="31"/>
      <c r="TDL153" s="31"/>
      <c r="TDM153" s="31"/>
      <c r="TDN153" s="31"/>
      <c r="TDO153" s="31"/>
      <c r="TDP153" s="31"/>
      <c r="TDQ153" s="31"/>
      <c r="TDR153" s="31"/>
      <c r="TDS153" s="31"/>
      <c r="TDT153" s="31"/>
      <c r="TDU153" s="31"/>
      <c r="TDV153" s="31"/>
      <c r="TDW153" s="31"/>
      <c r="TDX153" s="31"/>
      <c r="TDY153" s="31"/>
      <c r="TDZ153" s="31"/>
      <c r="TEA153" s="31"/>
      <c r="TEB153" s="31"/>
      <c r="TEC153" s="31"/>
      <c r="TED153" s="31"/>
      <c r="TEE153" s="31"/>
      <c r="TEF153" s="31"/>
      <c r="TEG153" s="31"/>
      <c r="TEH153" s="31"/>
      <c r="TEI153" s="31"/>
      <c r="TEJ153" s="31"/>
      <c r="TEK153" s="31"/>
      <c r="TEL153" s="31"/>
      <c r="TEM153" s="31"/>
      <c r="TEN153" s="31"/>
      <c r="TEO153" s="31"/>
      <c r="TEP153" s="31"/>
      <c r="TEQ153" s="31"/>
      <c r="TER153" s="31"/>
      <c r="TES153" s="31"/>
      <c r="TET153" s="31"/>
      <c r="TEU153" s="31"/>
      <c r="TEV153" s="31"/>
      <c r="TEW153" s="31"/>
      <c r="TEX153" s="31"/>
      <c r="TEY153" s="31"/>
      <c r="TEZ153" s="31"/>
      <c r="TFA153" s="31"/>
      <c r="TFB153" s="31"/>
      <c r="TFC153" s="31"/>
      <c r="TFD153" s="31"/>
      <c r="TFE153" s="31"/>
      <c r="TFF153" s="31"/>
      <c r="TFG153" s="31"/>
      <c r="TFH153" s="31"/>
      <c r="TFI153" s="31"/>
      <c r="TFJ153" s="31"/>
      <c r="TFK153" s="31"/>
      <c r="TFL153" s="31"/>
      <c r="TFM153" s="31"/>
      <c r="TFN153" s="31"/>
      <c r="TFO153" s="31"/>
      <c r="TFP153" s="31"/>
      <c r="TFQ153" s="31"/>
      <c r="TFR153" s="31"/>
      <c r="TFS153" s="31"/>
      <c r="TFT153" s="31"/>
      <c r="TFU153" s="31"/>
      <c r="TFV153" s="31"/>
      <c r="TFW153" s="31"/>
      <c r="TFX153" s="31"/>
      <c r="TFY153" s="31"/>
      <c r="TFZ153" s="31"/>
      <c r="TGA153" s="31"/>
      <c r="TGB153" s="31"/>
      <c r="TGC153" s="31"/>
      <c r="TGD153" s="31"/>
      <c r="TGE153" s="31"/>
      <c r="TGF153" s="31"/>
      <c r="TGG153" s="31"/>
      <c r="TGH153" s="31"/>
      <c r="TGI153" s="31"/>
      <c r="TGJ153" s="31"/>
      <c r="TGK153" s="31"/>
      <c r="TGL153" s="31"/>
      <c r="TGM153" s="31"/>
      <c r="TGN153" s="31"/>
      <c r="TGO153" s="31"/>
      <c r="TGP153" s="31"/>
      <c r="TGQ153" s="31"/>
      <c r="TGR153" s="31"/>
      <c r="TGS153" s="31"/>
      <c r="TGT153" s="31"/>
      <c r="TGU153" s="31"/>
      <c r="TGV153" s="31"/>
      <c r="TGW153" s="31"/>
      <c r="TGX153" s="31"/>
      <c r="TGY153" s="31"/>
      <c r="TGZ153" s="31"/>
      <c r="THA153" s="31"/>
      <c r="THB153" s="31"/>
      <c r="THC153" s="31"/>
      <c r="THD153" s="31"/>
      <c r="THE153" s="31"/>
      <c r="THF153" s="31"/>
      <c r="THG153" s="31"/>
      <c r="THH153" s="31"/>
      <c r="THI153" s="31"/>
      <c r="THJ153" s="31"/>
      <c r="THK153" s="31"/>
      <c r="THL153" s="31"/>
      <c r="THM153" s="31"/>
      <c r="THN153" s="31"/>
      <c r="THO153" s="31"/>
      <c r="THP153" s="31"/>
      <c r="THQ153" s="31"/>
      <c r="THR153" s="31"/>
      <c r="THS153" s="31"/>
      <c r="THT153" s="31"/>
      <c r="THU153" s="31"/>
      <c r="THV153" s="31"/>
      <c r="THW153" s="31"/>
      <c r="THX153" s="31"/>
      <c r="THY153" s="31"/>
      <c r="THZ153" s="31"/>
      <c r="TIA153" s="31"/>
      <c r="TIB153" s="31"/>
      <c r="TIC153" s="31"/>
      <c r="TID153" s="31"/>
      <c r="TIE153" s="31"/>
      <c r="TIF153" s="31"/>
      <c r="TIG153" s="31"/>
      <c r="TIH153" s="31"/>
      <c r="TII153" s="31"/>
      <c r="TIJ153" s="31"/>
      <c r="TIK153" s="31"/>
      <c r="TIL153" s="31"/>
      <c r="TIM153" s="31"/>
      <c r="TIN153" s="31"/>
      <c r="TIO153" s="31"/>
      <c r="TIP153" s="31"/>
      <c r="TIQ153" s="31"/>
      <c r="TIR153" s="31"/>
      <c r="TIS153" s="31"/>
      <c r="TIT153" s="31"/>
      <c r="TIU153" s="31"/>
      <c r="TIV153" s="31"/>
      <c r="TIW153" s="31"/>
      <c r="TIX153" s="31"/>
      <c r="TIY153" s="31"/>
      <c r="TIZ153" s="31"/>
      <c r="TJA153" s="31"/>
      <c r="TJB153" s="31"/>
      <c r="TJC153" s="31"/>
      <c r="TJD153" s="31"/>
      <c r="TJE153" s="31"/>
      <c r="TJF153" s="31"/>
      <c r="TJG153" s="31"/>
      <c r="TJH153" s="31"/>
      <c r="TJI153" s="31"/>
      <c r="TJJ153" s="31"/>
      <c r="TJK153" s="31"/>
      <c r="TJL153" s="31"/>
      <c r="TJM153" s="31"/>
      <c r="TJN153" s="31"/>
      <c r="TJO153" s="31"/>
      <c r="TJP153" s="31"/>
      <c r="TJQ153" s="31"/>
      <c r="TJR153" s="31"/>
      <c r="TJS153" s="31"/>
      <c r="TJT153" s="31"/>
      <c r="TJU153" s="31"/>
      <c r="TJV153" s="31"/>
      <c r="TJW153" s="31"/>
      <c r="TJX153" s="31"/>
      <c r="TJY153" s="31"/>
      <c r="TJZ153" s="31"/>
      <c r="TKA153" s="31"/>
      <c r="TKB153" s="31"/>
      <c r="TKC153" s="31"/>
      <c r="TKD153" s="31"/>
      <c r="TKE153" s="31"/>
      <c r="TKF153" s="31"/>
      <c r="TKG153" s="31"/>
      <c r="TKH153" s="31"/>
      <c r="TKI153" s="31"/>
      <c r="TKJ153" s="31"/>
      <c r="TKK153" s="31"/>
      <c r="TKL153" s="31"/>
      <c r="TKM153" s="31"/>
      <c r="TKN153" s="31"/>
      <c r="TKO153" s="31"/>
      <c r="TKP153" s="31"/>
      <c r="TKQ153" s="31"/>
      <c r="TKR153" s="31"/>
      <c r="TKS153" s="31"/>
      <c r="TKT153" s="31"/>
      <c r="TKU153" s="31"/>
      <c r="TKV153" s="31"/>
      <c r="TKW153" s="31"/>
      <c r="TKX153" s="31"/>
      <c r="TKY153" s="31"/>
      <c r="TKZ153" s="31"/>
      <c r="TLA153" s="31"/>
      <c r="TLB153" s="31"/>
      <c r="TLC153" s="31"/>
      <c r="TLD153" s="31"/>
      <c r="TLE153" s="31"/>
      <c r="TLF153" s="31"/>
      <c r="TLG153" s="31"/>
      <c r="TLH153" s="31"/>
      <c r="TLI153" s="31"/>
      <c r="TLJ153" s="31"/>
      <c r="TLK153" s="31"/>
      <c r="TLL153" s="31"/>
      <c r="TLM153" s="31"/>
      <c r="TLN153" s="31"/>
      <c r="TLO153" s="31"/>
      <c r="TLP153" s="31"/>
      <c r="TLQ153" s="31"/>
      <c r="TLR153" s="31"/>
      <c r="TLS153" s="31"/>
      <c r="TLT153" s="31"/>
      <c r="TLU153" s="31"/>
      <c r="TLV153" s="31"/>
      <c r="TLW153" s="31"/>
      <c r="TLX153" s="31"/>
      <c r="TLY153" s="31"/>
      <c r="TLZ153" s="31"/>
      <c r="TMA153" s="31"/>
      <c r="TMB153" s="31"/>
      <c r="TMC153" s="31"/>
      <c r="TMD153" s="31"/>
      <c r="TME153" s="31"/>
      <c r="TMF153" s="31"/>
      <c r="TMG153" s="31"/>
      <c r="TMH153" s="31"/>
      <c r="TMI153" s="31"/>
      <c r="TMJ153" s="31"/>
      <c r="TMK153" s="31"/>
      <c r="TML153" s="31"/>
      <c r="TMM153" s="31"/>
      <c r="TMN153" s="31"/>
      <c r="TMO153" s="31"/>
      <c r="TMP153" s="31"/>
      <c r="TMQ153" s="31"/>
      <c r="TMR153" s="31"/>
      <c r="TMS153" s="31"/>
      <c r="TMT153" s="31"/>
      <c r="TMU153" s="31"/>
      <c r="TMV153" s="31"/>
      <c r="TMW153" s="31"/>
      <c r="TMX153" s="31"/>
      <c r="TMY153" s="31"/>
      <c r="TMZ153" s="31"/>
      <c r="TNA153" s="31"/>
      <c r="TNB153" s="31"/>
      <c r="TNC153" s="31"/>
      <c r="TND153" s="31"/>
      <c r="TNE153" s="31"/>
      <c r="TNF153" s="31"/>
      <c r="TNG153" s="31"/>
      <c r="TNH153" s="31"/>
      <c r="TNI153" s="31"/>
      <c r="TNJ153" s="31"/>
      <c r="TNK153" s="31"/>
      <c r="TNL153" s="31"/>
      <c r="TNM153" s="31"/>
      <c r="TNN153" s="31"/>
      <c r="TNO153" s="31"/>
      <c r="TNP153" s="31"/>
      <c r="TNQ153" s="31"/>
      <c r="TNR153" s="31"/>
      <c r="TNS153" s="31"/>
      <c r="TNT153" s="31"/>
      <c r="TNU153" s="31"/>
      <c r="TNV153" s="31"/>
      <c r="TNW153" s="31"/>
      <c r="TNX153" s="31"/>
      <c r="TNY153" s="31"/>
      <c r="TNZ153" s="31"/>
      <c r="TOA153" s="31"/>
      <c r="TOB153" s="31"/>
      <c r="TOC153" s="31"/>
      <c r="TOD153" s="31"/>
      <c r="TOE153" s="31"/>
      <c r="TOF153" s="31"/>
      <c r="TOG153" s="31"/>
      <c r="TOH153" s="31"/>
      <c r="TOI153" s="31"/>
      <c r="TOJ153" s="31"/>
      <c r="TOK153" s="31"/>
      <c r="TOL153" s="31"/>
      <c r="TOM153" s="31"/>
      <c r="TON153" s="31"/>
      <c r="TOO153" s="31"/>
      <c r="TOP153" s="31"/>
      <c r="TOQ153" s="31"/>
      <c r="TOR153" s="31"/>
      <c r="TOS153" s="31"/>
      <c r="TOT153" s="31"/>
      <c r="TOU153" s="31"/>
      <c r="TOV153" s="31"/>
      <c r="TOW153" s="31"/>
      <c r="TOX153" s="31"/>
      <c r="TOY153" s="31"/>
      <c r="TOZ153" s="31"/>
      <c r="TPA153" s="31"/>
      <c r="TPB153" s="31"/>
      <c r="TPC153" s="31"/>
      <c r="TPD153" s="31"/>
      <c r="TPE153" s="31"/>
      <c r="TPF153" s="31"/>
      <c r="TPG153" s="31"/>
      <c r="TPH153" s="31"/>
      <c r="TPI153" s="31"/>
      <c r="TPJ153" s="31"/>
      <c r="TPK153" s="31"/>
      <c r="TPL153" s="31"/>
      <c r="TPM153" s="31"/>
      <c r="TPN153" s="31"/>
      <c r="TPO153" s="31"/>
      <c r="TPP153" s="31"/>
      <c r="TPQ153" s="31"/>
      <c r="TPR153" s="31"/>
      <c r="TPS153" s="31"/>
      <c r="TPT153" s="31"/>
      <c r="TPU153" s="31"/>
      <c r="TPV153" s="31"/>
      <c r="TPW153" s="31"/>
      <c r="TPX153" s="31"/>
      <c r="TPY153" s="31"/>
      <c r="TPZ153" s="31"/>
      <c r="TQA153" s="31"/>
      <c r="TQB153" s="31"/>
      <c r="TQC153" s="31"/>
      <c r="TQD153" s="31"/>
      <c r="TQE153" s="31"/>
      <c r="TQF153" s="31"/>
      <c r="TQG153" s="31"/>
      <c r="TQH153" s="31"/>
      <c r="TQI153" s="31"/>
      <c r="TQJ153" s="31"/>
      <c r="TQK153" s="31"/>
      <c r="TQL153" s="31"/>
      <c r="TQM153" s="31"/>
      <c r="TQN153" s="31"/>
      <c r="TQO153" s="31"/>
      <c r="TQP153" s="31"/>
      <c r="TQQ153" s="31"/>
      <c r="TQR153" s="31"/>
      <c r="TQS153" s="31"/>
      <c r="TQT153" s="31"/>
      <c r="TQU153" s="31"/>
      <c r="TQV153" s="31"/>
      <c r="TQW153" s="31"/>
      <c r="TQX153" s="31"/>
      <c r="TQY153" s="31"/>
      <c r="TQZ153" s="31"/>
      <c r="TRA153" s="31"/>
      <c r="TRB153" s="31"/>
      <c r="TRC153" s="31"/>
      <c r="TRD153" s="31"/>
      <c r="TRE153" s="31"/>
      <c r="TRF153" s="31"/>
      <c r="TRG153" s="31"/>
      <c r="TRH153" s="31"/>
      <c r="TRI153" s="31"/>
      <c r="TRJ153" s="31"/>
      <c r="TRK153" s="31"/>
      <c r="TRL153" s="31"/>
      <c r="TRM153" s="31"/>
      <c r="TRN153" s="31"/>
      <c r="TRO153" s="31"/>
      <c r="TRP153" s="31"/>
      <c r="TRQ153" s="31"/>
      <c r="TRR153" s="31"/>
      <c r="TRS153" s="31"/>
      <c r="TRT153" s="31"/>
      <c r="TRU153" s="31"/>
      <c r="TRV153" s="31"/>
      <c r="TRW153" s="31"/>
      <c r="TRX153" s="31"/>
      <c r="TRY153" s="31"/>
      <c r="TRZ153" s="31"/>
      <c r="TSA153" s="31"/>
      <c r="TSB153" s="31"/>
      <c r="TSC153" s="31"/>
      <c r="TSD153" s="31"/>
      <c r="TSE153" s="31"/>
      <c r="TSF153" s="31"/>
      <c r="TSG153" s="31"/>
      <c r="TSH153" s="31"/>
      <c r="TSI153" s="31"/>
      <c r="TSJ153" s="31"/>
      <c r="TSK153" s="31"/>
      <c r="TSL153" s="31"/>
      <c r="TSM153" s="31"/>
      <c r="TSN153" s="31"/>
      <c r="TSO153" s="31"/>
      <c r="TSP153" s="31"/>
      <c r="TSQ153" s="31"/>
      <c r="TSR153" s="31"/>
      <c r="TSS153" s="31"/>
      <c r="TST153" s="31"/>
      <c r="TSU153" s="31"/>
      <c r="TSV153" s="31"/>
      <c r="TSW153" s="31"/>
      <c r="TSX153" s="31"/>
      <c r="TSY153" s="31"/>
      <c r="TSZ153" s="31"/>
      <c r="TTA153" s="31"/>
      <c r="TTB153" s="31"/>
      <c r="TTC153" s="31"/>
      <c r="TTD153" s="31"/>
      <c r="TTE153" s="31"/>
      <c r="TTF153" s="31"/>
      <c r="TTG153" s="31"/>
      <c r="TTH153" s="31"/>
      <c r="TTI153" s="31"/>
      <c r="TTJ153" s="31"/>
      <c r="TTK153" s="31"/>
      <c r="TTL153" s="31"/>
      <c r="TTM153" s="31"/>
      <c r="TTN153" s="31"/>
      <c r="TTO153" s="31"/>
      <c r="TTP153" s="31"/>
      <c r="TTQ153" s="31"/>
      <c r="TTR153" s="31"/>
      <c r="TTS153" s="31"/>
      <c r="TTT153" s="31"/>
      <c r="TTU153" s="31"/>
      <c r="TTV153" s="31"/>
      <c r="TTW153" s="31"/>
      <c r="TTX153" s="31"/>
      <c r="TTY153" s="31"/>
      <c r="TTZ153" s="31"/>
      <c r="TUA153" s="31"/>
      <c r="TUB153" s="31"/>
      <c r="TUC153" s="31"/>
      <c r="TUD153" s="31"/>
      <c r="TUE153" s="31"/>
      <c r="TUF153" s="31"/>
      <c r="TUG153" s="31"/>
      <c r="TUH153" s="31"/>
      <c r="TUI153" s="31"/>
      <c r="TUJ153" s="31"/>
      <c r="TUK153" s="31"/>
      <c r="TUL153" s="31"/>
      <c r="TUM153" s="31"/>
      <c r="TUN153" s="31"/>
      <c r="TUO153" s="31"/>
      <c r="TUP153" s="31"/>
      <c r="TUQ153" s="31"/>
      <c r="TUR153" s="31"/>
      <c r="TUS153" s="31"/>
      <c r="TUT153" s="31"/>
      <c r="TUU153" s="31"/>
      <c r="TUV153" s="31"/>
      <c r="TUW153" s="31"/>
      <c r="TUX153" s="31"/>
      <c r="TUY153" s="31"/>
      <c r="TUZ153" s="31"/>
      <c r="TVA153" s="31"/>
      <c r="TVB153" s="31"/>
      <c r="TVC153" s="31"/>
      <c r="TVD153" s="31"/>
      <c r="TVE153" s="31"/>
      <c r="TVF153" s="31"/>
      <c r="TVG153" s="31"/>
      <c r="TVH153" s="31"/>
      <c r="TVI153" s="31"/>
      <c r="TVJ153" s="31"/>
      <c r="TVK153" s="31"/>
      <c r="TVL153" s="31"/>
      <c r="TVM153" s="31"/>
      <c r="TVN153" s="31"/>
      <c r="TVO153" s="31"/>
      <c r="TVP153" s="31"/>
      <c r="TVQ153" s="31"/>
      <c r="TVR153" s="31"/>
      <c r="TVS153" s="31"/>
      <c r="TVT153" s="31"/>
      <c r="TVU153" s="31"/>
      <c r="TVV153" s="31"/>
      <c r="TVW153" s="31"/>
      <c r="TVX153" s="31"/>
      <c r="TVY153" s="31"/>
      <c r="TVZ153" s="31"/>
      <c r="TWA153" s="31"/>
      <c r="TWB153" s="31"/>
      <c r="TWC153" s="31"/>
      <c r="TWD153" s="31"/>
      <c r="TWE153" s="31"/>
      <c r="TWF153" s="31"/>
      <c r="TWG153" s="31"/>
      <c r="TWH153" s="31"/>
      <c r="TWI153" s="31"/>
      <c r="TWJ153" s="31"/>
      <c r="TWK153" s="31"/>
      <c r="TWL153" s="31"/>
      <c r="TWM153" s="31"/>
      <c r="TWN153" s="31"/>
      <c r="TWO153" s="31"/>
      <c r="TWP153" s="31"/>
      <c r="TWQ153" s="31"/>
      <c r="TWR153" s="31"/>
      <c r="TWS153" s="31"/>
      <c r="TWT153" s="31"/>
      <c r="TWU153" s="31"/>
      <c r="TWV153" s="31"/>
      <c r="TWW153" s="31"/>
      <c r="TWX153" s="31"/>
      <c r="TWY153" s="31"/>
      <c r="TWZ153" s="31"/>
      <c r="TXA153" s="31"/>
      <c r="TXB153" s="31"/>
      <c r="TXC153" s="31"/>
      <c r="TXD153" s="31"/>
      <c r="TXE153" s="31"/>
      <c r="TXF153" s="31"/>
      <c r="TXG153" s="31"/>
      <c r="TXH153" s="31"/>
      <c r="TXI153" s="31"/>
      <c r="TXJ153" s="31"/>
      <c r="TXK153" s="31"/>
      <c r="TXL153" s="31"/>
      <c r="TXM153" s="31"/>
      <c r="TXN153" s="31"/>
      <c r="TXO153" s="31"/>
      <c r="TXP153" s="31"/>
      <c r="TXQ153" s="31"/>
      <c r="TXR153" s="31"/>
      <c r="TXS153" s="31"/>
      <c r="TXT153" s="31"/>
      <c r="TXU153" s="31"/>
      <c r="TXV153" s="31"/>
      <c r="TXW153" s="31"/>
      <c r="TXX153" s="31"/>
      <c r="TXY153" s="31"/>
      <c r="TXZ153" s="31"/>
      <c r="TYA153" s="31"/>
      <c r="TYB153" s="31"/>
      <c r="TYC153" s="31"/>
      <c r="TYD153" s="31"/>
      <c r="TYE153" s="31"/>
      <c r="TYF153" s="31"/>
      <c r="TYG153" s="31"/>
      <c r="TYH153" s="31"/>
      <c r="TYI153" s="31"/>
      <c r="TYJ153" s="31"/>
      <c r="TYK153" s="31"/>
      <c r="TYL153" s="31"/>
      <c r="TYM153" s="31"/>
      <c r="TYN153" s="31"/>
      <c r="TYO153" s="31"/>
      <c r="TYP153" s="31"/>
      <c r="TYQ153" s="31"/>
      <c r="TYR153" s="31"/>
      <c r="TYS153" s="31"/>
      <c r="TYT153" s="31"/>
      <c r="TYU153" s="31"/>
      <c r="TYV153" s="31"/>
      <c r="TYW153" s="31"/>
      <c r="TYX153" s="31"/>
      <c r="TYY153" s="31"/>
      <c r="TYZ153" s="31"/>
      <c r="TZA153" s="31"/>
      <c r="TZB153" s="31"/>
      <c r="TZC153" s="31"/>
      <c r="TZD153" s="31"/>
      <c r="TZE153" s="31"/>
      <c r="TZF153" s="31"/>
      <c r="TZG153" s="31"/>
      <c r="TZH153" s="31"/>
      <c r="TZI153" s="31"/>
      <c r="TZJ153" s="31"/>
      <c r="TZK153" s="31"/>
      <c r="TZL153" s="31"/>
      <c r="TZM153" s="31"/>
      <c r="TZN153" s="31"/>
      <c r="TZO153" s="31"/>
      <c r="TZP153" s="31"/>
      <c r="TZQ153" s="31"/>
      <c r="TZR153" s="31"/>
      <c r="TZS153" s="31"/>
      <c r="TZT153" s="31"/>
      <c r="TZU153" s="31"/>
      <c r="TZV153" s="31"/>
      <c r="TZW153" s="31"/>
      <c r="TZX153" s="31"/>
      <c r="TZY153" s="31"/>
      <c r="TZZ153" s="31"/>
      <c r="UAA153" s="31"/>
      <c r="UAB153" s="31"/>
      <c r="UAC153" s="31"/>
      <c r="UAD153" s="31"/>
      <c r="UAE153" s="31"/>
      <c r="UAF153" s="31"/>
      <c r="UAG153" s="31"/>
      <c r="UAH153" s="31"/>
      <c r="UAI153" s="31"/>
      <c r="UAJ153" s="31"/>
      <c r="UAK153" s="31"/>
      <c r="UAL153" s="31"/>
      <c r="UAM153" s="31"/>
      <c r="UAN153" s="31"/>
      <c r="UAO153" s="31"/>
      <c r="UAP153" s="31"/>
      <c r="UAQ153" s="31"/>
      <c r="UAR153" s="31"/>
      <c r="UAS153" s="31"/>
      <c r="UAT153" s="31"/>
      <c r="UAU153" s="31"/>
      <c r="UAV153" s="31"/>
      <c r="UAW153" s="31"/>
      <c r="UAX153" s="31"/>
      <c r="UAY153" s="31"/>
      <c r="UAZ153" s="31"/>
      <c r="UBA153" s="31"/>
      <c r="UBB153" s="31"/>
      <c r="UBC153" s="31"/>
      <c r="UBD153" s="31"/>
      <c r="UBE153" s="31"/>
      <c r="UBF153" s="31"/>
      <c r="UBG153" s="31"/>
      <c r="UBH153" s="31"/>
      <c r="UBI153" s="31"/>
      <c r="UBJ153" s="31"/>
      <c r="UBK153" s="31"/>
      <c r="UBL153" s="31"/>
      <c r="UBM153" s="31"/>
      <c r="UBN153" s="31"/>
      <c r="UBO153" s="31"/>
      <c r="UBP153" s="31"/>
      <c r="UBQ153" s="31"/>
      <c r="UBR153" s="31"/>
      <c r="UBS153" s="31"/>
      <c r="UBT153" s="31"/>
      <c r="UBU153" s="31"/>
      <c r="UBV153" s="31"/>
      <c r="UBW153" s="31"/>
      <c r="UBX153" s="31"/>
      <c r="UBY153" s="31"/>
      <c r="UBZ153" s="31"/>
      <c r="UCA153" s="31"/>
      <c r="UCB153" s="31"/>
      <c r="UCC153" s="31"/>
      <c r="UCD153" s="31"/>
      <c r="UCE153" s="31"/>
      <c r="UCF153" s="31"/>
      <c r="UCG153" s="31"/>
      <c r="UCH153" s="31"/>
      <c r="UCI153" s="31"/>
      <c r="UCJ153" s="31"/>
      <c r="UCK153" s="31"/>
      <c r="UCL153" s="31"/>
      <c r="UCM153" s="31"/>
      <c r="UCN153" s="31"/>
      <c r="UCO153" s="31"/>
      <c r="UCP153" s="31"/>
      <c r="UCQ153" s="31"/>
      <c r="UCR153" s="31"/>
      <c r="UCS153" s="31"/>
      <c r="UCT153" s="31"/>
      <c r="UCU153" s="31"/>
      <c r="UCV153" s="31"/>
      <c r="UCW153" s="31"/>
      <c r="UCX153" s="31"/>
      <c r="UCY153" s="31"/>
      <c r="UCZ153" s="31"/>
      <c r="UDA153" s="31"/>
      <c r="UDB153" s="31"/>
      <c r="UDC153" s="31"/>
      <c r="UDD153" s="31"/>
      <c r="UDE153" s="31"/>
      <c r="UDF153" s="31"/>
      <c r="UDG153" s="31"/>
      <c r="UDH153" s="31"/>
      <c r="UDI153" s="31"/>
      <c r="UDJ153" s="31"/>
      <c r="UDK153" s="31"/>
      <c r="UDL153" s="31"/>
      <c r="UDM153" s="31"/>
      <c r="UDN153" s="31"/>
      <c r="UDO153" s="31"/>
      <c r="UDP153" s="31"/>
      <c r="UDQ153" s="31"/>
      <c r="UDR153" s="31"/>
      <c r="UDS153" s="31"/>
      <c r="UDT153" s="31"/>
      <c r="UDU153" s="31"/>
      <c r="UDV153" s="31"/>
      <c r="UDW153" s="31"/>
      <c r="UDX153" s="31"/>
      <c r="UDY153" s="31"/>
      <c r="UDZ153" s="31"/>
      <c r="UEA153" s="31"/>
      <c r="UEB153" s="31"/>
      <c r="UEC153" s="31"/>
      <c r="UED153" s="31"/>
      <c r="UEE153" s="31"/>
      <c r="UEF153" s="31"/>
      <c r="UEG153" s="31"/>
      <c r="UEH153" s="31"/>
      <c r="UEI153" s="31"/>
      <c r="UEJ153" s="31"/>
      <c r="UEK153" s="31"/>
      <c r="UEL153" s="31"/>
      <c r="UEM153" s="31"/>
      <c r="UEN153" s="31"/>
      <c r="UEO153" s="31"/>
      <c r="UEP153" s="31"/>
      <c r="UEQ153" s="31"/>
      <c r="UER153" s="31"/>
      <c r="UES153" s="31"/>
      <c r="UET153" s="31"/>
      <c r="UEU153" s="31"/>
      <c r="UEV153" s="31"/>
      <c r="UEW153" s="31"/>
      <c r="UEX153" s="31"/>
      <c r="UEY153" s="31"/>
      <c r="UEZ153" s="31"/>
      <c r="UFA153" s="31"/>
      <c r="UFB153" s="31"/>
      <c r="UFC153" s="31"/>
      <c r="UFD153" s="31"/>
      <c r="UFE153" s="31"/>
      <c r="UFF153" s="31"/>
      <c r="UFG153" s="31"/>
      <c r="UFH153" s="31"/>
      <c r="UFI153" s="31"/>
      <c r="UFJ153" s="31"/>
      <c r="UFK153" s="31"/>
      <c r="UFL153" s="31"/>
      <c r="UFM153" s="31"/>
      <c r="UFN153" s="31"/>
      <c r="UFO153" s="31"/>
      <c r="UFP153" s="31"/>
      <c r="UFQ153" s="31"/>
      <c r="UFR153" s="31"/>
      <c r="UFS153" s="31"/>
      <c r="UFT153" s="31"/>
      <c r="UFU153" s="31"/>
      <c r="UFV153" s="31"/>
      <c r="UFW153" s="31"/>
      <c r="UFX153" s="31"/>
      <c r="UFY153" s="31"/>
      <c r="UFZ153" s="31"/>
      <c r="UGA153" s="31"/>
      <c r="UGB153" s="31"/>
      <c r="UGC153" s="31"/>
      <c r="UGD153" s="31"/>
      <c r="UGE153" s="31"/>
      <c r="UGF153" s="31"/>
      <c r="UGG153" s="31"/>
      <c r="UGH153" s="31"/>
      <c r="UGI153" s="31"/>
      <c r="UGJ153" s="31"/>
      <c r="UGK153" s="31"/>
      <c r="UGL153" s="31"/>
      <c r="UGM153" s="31"/>
      <c r="UGN153" s="31"/>
      <c r="UGO153" s="31"/>
      <c r="UGP153" s="31"/>
      <c r="UGQ153" s="31"/>
      <c r="UGR153" s="31"/>
      <c r="UGS153" s="31"/>
      <c r="UGT153" s="31"/>
      <c r="UGU153" s="31"/>
      <c r="UGV153" s="31"/>
      <c r="UGW153" s="31"/>
      <c r="UGX153" s="31"/>
      <c r="UGY153" s="31"/>
      <c r="UGZ153" s="31"/>
      <c r="UHA153" s="31"/>
      <c r="UHB153" s="31"/>
      <c r="UHC153" s="31"/>
      <c r="UHD153" s="31"/>
      <c r="UHE153" s="31"/>
      <c r="UHF153" s="31"/>
      <c r="UHG153" s="31"/>
      <c r="UHH153" s="31"/>
      <c r="UHI153" s="31"/>
      <c r="UHJ153" s="31"/>
      <c r="UHK153" s="31"/>
      <c r="UHL153" s="31"/>
      <c r="UHM153" s="31"/>
      <c r="UHN153" s="31"/>
      <c r="UHO153" s="31"/>
      <c r="UHP153" s="31"/>
      <c r="UHQ153" s="31"/>
      <c r="UHR153" s="31"/>
      <c r="UHS153" s="31"/>
      <c r="UHT153" s="31"/>
      <c r="UHU153" s="31"/>
      <c r="UHV153" s="31"/>
      <c r="UHW153" s="31"/>
      <c r="UHX153" s="31"/>
      <c r="UHY153" s="31"/>
      <c r="UHZ153" s="31"/>
      <c r="UIA153" s="31"/>
      <c r="UIB153" s="31"/>
      <c r="UIC153" s="31"/>
      <c r="UID153" s="31"/>
      <c r="UIE153" s="31"/>
      <c r="UIF153" s="31"/>
      <c r="UIG153" s="31"/>
      <c r="UIH153" s="31"/>
      <c r="UII153" s="31"/>
      <c r="UIJ153" s="31"/>
      <c r="UIK153" s="31"/>
      <c r="UIL153" s="31"/>
      <c r="UIM153" s="31"/>
      <c r="UIN153" s="31"/>
      <c r="UIO153" s="31"/>
      <c r="UIP153" s="31"/>
      <c r="UIQ153" s="31"/>
      <c r="UIR153" s="31"/>
      <c r="UIS153" s="31"/>
      <c r="UIT153" s="31"/>
      <c r="UIU153" s="31"/>
      <c r="UIV153" s="31"/>
      <c r="UIW153" s="31"/>
      <c r="UIX153" s="31"/>
      <c r="UIY153" s="31"/>
      <c r="UIZ153" s="31"/>
      <c r="UJA153" s="31"/>
      <c r="UJB153" s="31"/>
      <c r="UJC153" s="31"/>
      <c r="UJD153" s="31"/>
      <c r="UJE153" s="31"/>
      <c r="UJF153" s="31"/>
      <c r="UJG153" s="31"/>
      <c r="UJH153" s="31"/>
      <c r="UJI153" s="31"/>
      <c r="UJJ153" s="31"/>
      <c r="UJK153" s="31"/>
      <c r="UJL153" s="31"/>
      <c r="UJM153" s="31"/>
      <c r="UJN153" s="31"/>
      <c r="UJO153" s="31"/>
      <c r="UJP153" s="31"/>
      <c r="UJQ153" s="31"/>
      <c r="UJR153" s="31"/>
      <c r="UJS153" s="31"/>
      <c r="UJT153" s="31"/>
      <c r="UJU153" s="31"/>
      <c r="UJV153" s="31"/>
      <c r="UJW153" s="31"/>
      <c r="UJX153" s="31"/>
      <c r="UJY153" s="31"/>
      <c r="UJZ153" s="31"/>
      <c r="UKA153" s="31"/>
      <c r="UKB153" s="31"/>
      <c r="UKC153" s="31"/>
      <c r="UKD153" s="31"/>
      <c r="UKE153" s="31"/>
      <c r="UKF153" s="31"/>
      <c r="UKG153" s="31"/>
      <c r="UKH153" s="31"/>
      <c r="UKI153" s="31"/>
      <c r="UKJ153" s="31"/>
      <c r="UKK153" s="31"/>
      <c r="UKL153" s="31"/>
      <c r="UKM153" s="31"/>
      <c r="UKN153" s="31"/>
      <c r="UKO153" s="31"/>
      <c r="UKP153" s="31"/>
      <c r="UKQ153" s="31"/>
      <c r="UKR153" s="31"/>
      <c r="UKS153" s="31"/>
      <c r="UKT153" s="31"/>
      <c r="UKU153" s="31"/>
      <c r="UKV153" s="31"/>
      <c r="UKW153" s="31"/>
      <c r="UKX153" s="31"/>
      <c r="UKY153" s="31"/>
      <c r="UKZ153" s="31"/>
      <c r="ULA153" s="31"/>
      <c r="ULB153" s="31"/>
      <c r="ULC153" s="31"/>
      <c r="ULD153" s="31"/>
      <c r="ULE153" s="31"/>
      <c r="ULF153" s="31"/>
      <c r="ULG153" s="31"/>
      <c r="ULH153" s="31"/>
      <c r="ULI153" s="31"/>
      <c r="ULJ153" s="31"/>
      <c r="ULK153" s="31"/>
      <c r="ULL153" s="31"/>
      <c r="ULM153" s="31"/>
      <c r="ULN153" s="31"/>
      <c r="ULO153" s="31"/>
      <c r="ULP153" s="31"/>
      <c r="ULQ153" s="31"/>
      <c r="ULR153" s="31"/>
      <c r="ULS153" s="31"/>
      <c r="ULT153" s="31"/>
      <c r="ULU153" s="31"/>
      <c r="ULV153" s="31"/>
      <c r="ULW153" s="31"/>
      <c r="ULX153" s="31"/>
      <c r="ULY153" s="31"/>
      <c r="ULZ153" s="31"/>
      <c r="UMA153" s="31"/>
      <c r="UMB153" s="31"/>
      <c r="UMC153" s="31"/>
      <c r="UMD153" s="31"/>
      <c r="UME153" s="31"/>
      <c r="UMF153" s="31"/>
      <c r="UMG153" s="31"/>
      <c r="UMH153" s="31"/>
      <c r="UMI153" s="31"/>
      <c r="UMJ153" s="31"/>
      <c r="UMK153" s="31"/>
      <c r="UML153" s="31"/>
      <c r="UMM153" s="31"/>
      <c r="UMN153" s="31"/>
      <c r="UMO153" s="31"/>
      <c r="UMP153" s="31"/>
      <c r="UMQ153" s="31"/>
      <c r="UMR153" s="31"/>
      <c r="UMS153" s="31"/>
      <c r="UMT153" s="31"/>
      <c r="UMU153" s="31"/>
      <c r="UMV153" s="31"/>
      <c r="UMW153" s="31"/>
      <c r="UMX153" s="31"/>
      <c r="UMY153" s="31"/>
      <c r="UMZ153" s="31"/>
      <c r="UNA153" s="31"/>
      <c r="UNB153" s="31"/>
      <c r="UNC153" s="31"/>
      <c r="UND153" s="31"/>
      <c r="UNE153" s="31"/>
      <c r="UNF153" s="31"/>
      <c r="UNG153" s="31"/>
      <c r="UNH153" s="31"/>
      <c r="UNI153" s="31"/>
      <c r="UNJ153" s="31"/>
      <c r="UNK153" s="31"/>
      <c r="UNL153" s="31"/>
      <c r="UNM153" s="31"/>
      <c r="UNN153" s="31"/>
      <c r="UNO153" s="31"/>
      <c r="UNP153" s="31"/>
      <c r="UNQ153" s="31"/>
      <c r="UNR153" s="31"/>
      <c r="UNS153" s="31"/>
      <c r="UNT153" s="31"/>
      <c r="UNU153" s="31"/>
      <c r="UNV153" s="31"/>
      <c r="UNW153" s="31"/>
      <c r="UNX153" s="31"/>
      <c r="UNY153" s="31"/>
      <c r="UNZ153" s="31"/>
      <c r="UOA153" s="31"/>
      <c r="UOB153" s="31"/>
      <c r="UOC153" s="31"/>
      <c r="UOD153" s="31"/>
      <c r="UOE153" s="31"/>
      <c r="UOF153" s="31"/>
      <c r="UOG153" s="31"/>
      <c r="UOH153" s="31"/>
      <c r="UOI153" s="31"/>
      <c r="UOJ153" s="31"/>
      <c r="UOK153" s="31"/>
      <c r="UOL153" s="31"/>
      <c r="UOM153" s="31"/>
      <c r="UON153" s="31"/>
      <c r="UOO153" s="31"/>
      <c r="UOP153" s="31"/>
      <c r="UOQ153" s="31"/>
      <c r="UOR153" s="31"/>
      <c r="UOS153" s="31"/>
      <c r="UOT153" s="31"/>
      <c r="UOU153" s="31"/>
      <c r="UOV153" s="31"/>
      <c r="UOW153" s="31"/>
      <c r="UOX153" s="31"/>
      <c r="UOY153" s="31"/>
      <c r="UOZ153" s="31"/>
      <c r="UPA153" s="31"/>
      <c r="UPB153" s="31"/>
      <c r="UPC153" s="31"/>
      <c r="UPD153" s="31"/>
      <c r="UPE153" s="31"/>
      <c r="UPF153" s="31"/>
      <c r="UPG153" s="31"/>
      <c r="UPH153" s="31"/>
      <c r="UPI153" s="31"/>
      <c r="UPJ153" s="31"/>
      <c r="UPK153" s="31"/>
      <c r="UPL153" s="31"/>
      <c r="UPM153" s="31"/>
      <c r="UPN153" s="31"/>
      <c r="UPO153" s="31"/>
      <c r="UPP153" s="31"/>
      <c r="UPQ153" s="31"/>
      <c r="UPR153" s="31"/>
      <c r="UPS153" s="31"/>
      <c r="UPT153" s="31"/>
      <c r="UPU153" s="31"/>
      <c r="UPV153" s="31"/>
      <c r="UPW153" s="31"/>
      <c r="UPX153" s="31"/>
      <c r="UPY153" s="31"/>
      <c r="UPZ153" s="31"/>
      <c r="UQA153" s="31"/>
      <c r="UQB153" s="31"/>
      <c r="UQC153" s="31"/>
      <c r="UQD153" s="31"/>
      <c r="UQE153" s="31"/>
      <c r="UQF153" s="31"/>
      <c r="UQG153" s="31"/>
      <c r="UQH153" s="31"/>
      <c r="UQI153" s="31"/>
      <c r="UQJ153" s="31"/>
      <c r="UQK153" s="31"/>
      <c r="UQL153" s="31"/>
      <c r="UQM153" s="31"/>
      <c r="UQN153" s="31"/>
      <c r="UQO153" s="31"/>
      <c r="UQP153" s="31"/>
      <c r="UQQ153" s="31"/>
      <c r="UQR153" s="31"/>
      <c r="UQS153" s="31"/>
      <c r="UQT153" s="31"/>
      <c r="UQU153" s="31"/>
      <c r="UQV153" s="31"/>
      <c r="UQW153" s="31"/>
      <c r="UQX153" s="31"/>
      <c r="UQY153" s="31"/>
      <c r="UQZ153" s="31"/>
      <c r="URA153" s="31"/>
      <c r="URB153" s="31"/>
      <c r="URC153" s="31"/>
      <c r="URD153" s="31"/>
      <c r="URE153" s="31"/>
      <c r="URF153" s="31"/>
      <c r="URG153" s="31"/>
      <c r="URH153" s="31"/>
      <c r="URI153" s="31"/>
      <c r="URJ153" s="31"/>
      <c r="URK153" s="31"/>
      <c r="URL153" s="31"/>
      <c r="URM153" s="31"/>
      <c r="URN153" s="31"/>
      <c r="URO153" s="31"/>
      <c r="URP153" s="31"/>
      <c r="URQ153" s="31"/>
      <c r="URR153" s="31"/>
      <c r="URS153" s="31"/>
      <c r="URT153" s="31"/>
      <c r="URU153" s="31"/>
      <c r="URV153" s="31"/>
      <c r="URW153" s="31"/>
      <c r="URX153" s="31"/>
      <c r="URY153" s="31"/>
      <c r="URZ153" s="31"/>
      <c r="USA153" s="31"/>
      <c r="USB153" s="31"/>
      <c r="USC153" s="31"/>
      <c r="USD153" s="31"/>
      <c r="USE153" s="31"/>
      <c r="USF153" s="31"/>
      <c r="USG153" s="31"/>
      <c r="USH153" s="31"/>
      <c r="USI153" s="31"/>
      <c r="USJ153" s="31"/>
      <c r="USK153" s="31"/>
      <c r="USL153" s="31"/>
      <c r="USM153" s="31"/>
      <c r="USN153" s="31"/>
      <c r="USO153" s="31"/>
      <c r="USP153" s="31"/>
      <c r="USQ153" s="31"/>
      <c r="USR153" s="31"/>
      <c r="USS153" s="31"/>
      <c r="UST153" s="31"/>
      <c r="USU153" s="31"/>
      <c r="USV153" s="31"/>
      <c r="USW153" s="31"/>
      <c r="USX153" s="31"/>
      <c r="USY153" s="31"/>
      <c r="USZ153" s="31"/>
      <c r="UTA153" s="31"/>
      <c r="UTB153" s="31"/>
      <c r="UTC153" s="31"/>
      <c r="UTD153" s="31"/>
      <c r="UTE153" s="31"/>
      <c r="UTF153" s="31"/>
      <c r="UTG153" s="31"/>
      <c r="UTH153" s="31"/>
      <c r="UTI153" s="31"/>
      <c r="UTJ153" s="31"/>
      <c r="UTK153" s="31"/>
      <c r="UTL153" s="31"/>
      <c r="UTM153" s="31"/>
      <c r="UTN153" s="31"/>
      <c r="UTO153" s="31"/>
      <c r="UTP153" s="31"/>
      <c r="UTQ153" s="31"/>
      <c r="UTR153" s="31"/>
      <c r="UTS153" s="31"/>
      <c r="UTT153" s="31"/>
      <c r="UTU153" s="31"/>
      <c r="UTV153" s="31"/>
      <c r="UTW153" s="31"/>
      <c r="UTX153" s="31"/>
      <c r="UTY153" s="31"/>
      <c r="UTZ153" s="31"/>
      <c r="UUA153" s="31"/>
      <c r="UUB153" s="31"/>
      <c r="UUC153" s="31"/>
      <c r="UUD153" s="31"/>
      <c r="UUE153" s="31"/>
      <c r="UUF153" s="31"/>
      <c r="UUG153" s="31"/>
      <c r="UUH153" s="31"/>
      <c r="UUI153" s="31"/>
      <c r="UUJ153" s="31"/>
      <c r="UUK153" s="31"/>
      <c r="UUL153" s="31"/>
      <c r="UUM153" s="31"/>
      <c r="UUN153" s="31"/>
      <c r="UUO153" s="31"/>
      <c r="UUP153" s="31"/>
      <c r="UUQ153" s="31"/>
      <c r="UUR153" s="31"/>
      <c r="UUS153" s="31"/>
      <c r="UUT153" s="31"/>
      <c r="UUU153" s="31"/>
      <c r="UUV153" s="31"/>
      <c r="UUW153" s="31"/>
      <c r="UUX153" s="31"/>
      <c r="UUY153" s="31"/>
      <c r="UUZ153" s="31"/>
      <c r="UVA153" s="31"/>
      <c r="UVB153" s="31"/>
      <c r="UVC153" s="31"/>
      <c r="UVD153" s="31"/>
      <c r="UVE153" s="31"/>
      <c r="UVF153" s="31"/>
      <c r="UVG153" s="31"/>
      <c r="UVH153" s="31"/>
      <c r="UVI153" s="31"/>
      <c r="UVJ153" s="31"/>
      <c r="UVK153" s="31"/>
      <c r="UVL153" s="31"/>
      <c r="UVM153" s="31"/>
      <c r="UVN153" s="31"/>
      <c r="UVO153" s="31"/>
      <c r="UVP153" s="31"/>
      <c r="UVQ153" s="31"/>
      <c r="UVR153" s="31"/>
      <c r="UVS153" s="31"/>
      <c r="UVT153" s="31"/>
      <c r="UVU153" s="31"/>
      <c r="UVV153" s="31"/>
      <c r="UVW153" s="31"/>
      <c r="UVX153" s="31"/>
      <c r="UVY153" s="31"/>
      <c r="UVZ153" s="31"/>
      <c r="UWA153" s="31"/>
      <c r="UWB153" s="31"/>
      <c r="UWC153" s="31"/>
      <c r="UWD153" s="31"/>
      <c r="UWE153" s="31"/>
      <c r="UWF153" s="31"/>
      <c r="UWG153" s="31"/>
      <c r="UWH153" s="31"/>
      <c r="UWI153" s="31"/>
      <c r="UWJ153" s="31"/>
      <c r="UWK153" s="31"/>
      <c r="UWL153" s="31"/>
      <c r="UWM153" s="31"/>
      <c r="UWN153" s="31"/>
      <c r="UWO153" s="31"/>
      <c r="UWP153" s="31"/>
      <c r="UWQ153" s="31"/>
      <c r="UWR153" s="31"/>
      <c r="UWS153" s="31"/>
      <c r="UWT153" s="31"/>
      <c r="UWU153" s="31"/>
      <c r="UWV153" s="31"/>
      <c r="UWW153" s="31"/>
      <c r="UWX153" s="31"/>
      <c r="UWY153" s="31"/>
      <c r="UWZ153" s="31"/>
      <c r="UXA153" s="31"/>
      <c r="UXB153" s="31"/>
      <c r="UXC153" s="31"/>
      <c r="UXD153" s="31"/>
      <c r="UXE153" s="31"/>
      <c r="UXF153" s="31"/>
      <c r="UXG153" s="31"/>
      <c r="UXH153" s="31"/>
      <c r="UXI153" s="31"/>
      <c r="UXJ153" s="31"/>
      <c r="UXK153" s="31"/>
      <c r="UXL153" s="31"/>
      <c r="UXM153" s="31"/>
      <c r="UXN153" s="31"/>
      <c r="UXO153" s="31"/>
      <c r="UXP153" s="31"/>
      <c r="UXQ153" s="31"/>
      <c r="UXR153" s="31"/>
      <c r="UXS153" s="31"/>
      <c r="UXT153" s="31"/>
      <c r="UXU153" s="31"/>
      <c r="UXV153" s="31"/>
      <c r="UXW153" s="31"/>
      <c r="UXX153" s="31"/>
      <c r="UXY153" s="31"/>
      <c r="UXZ153" s="31"/>
      <c r="UYA153" s="31"/>
      <c r="UYB153" s="31"/>
      <c r="UYC153" s="31"/>
      <c r="UYD153" s="31"/>
      <c r="UYE153" s="31"/>
      <c r="UYF153" s="31"/>
      <c r="UYG153" s="31"/>
      <c r="UYH153" s="31"/>
      <c r="UYI153" s="31"/>
      <c r="UYJ153" s="31"/>
      <c r="UYK153" s="31"/>
      <c r="UYL153" s="31"/>
      <c r="UYM153" s="31"/>
      <c r="UYN153" s="31"/>
      <c r="UYO153" s="31"/>
      <c r="UYP153" s="31"/>
      <c r="UYQ153" s="31"/>
      <c r="UYR153" s="31"/>
      <c r="UYS153" s="31"/>
      <c r="UYT153" s="31"/>
      <c r="UYU153" s="31"/>
      <c r="UYV153" s="31"/>
      <c r="UYW153" s="31"/>
      <c r="UYX153" s="31"/>
      <c r="UYY153" s="31"/>
      <c r="UYZ153" s="31"/>
      <c r="UZA153" s="31"/>
      <c r="UZB153" s="31"/>
      <c r="UZC153" s="31"/>
      <c r="UZD153" s="31"/>
      <c r="UZE153" s="31"/>
      <c r="UZF153" s="31"/>
      <c r="UZG153" s="31"/>
      <c r="UZH153" s="31"/>
      <c r="UZI153" s="31"/>
      <c r="UZJ153" s="31"/>
      <c r="UZK153" s="31"/>
      <c r="UZL153" s="31"/>
      <c r="UZM153" s="31"/>
      <c r="UZN153" s="31"/>
      <c r="UZO153" s="31"/>
      <c r="UZP153" s="31"/>
      <c r="UZQ153" s="31"/>
      <c r="UZR153" s="31"/>
      <c r="UZS153" s="31"/>
      <c r="UZT153" s="31"/>
      <c r="UZU153" s="31"/>
      <c r="UZV153" s="31"/>
      <c r="UZW153" s="31"/>
      <c r="UZX153" s="31"/>
      <c r="UZY153" s="31"/>
      <c r="UZZ153" s="31"/>
      <c r="VAA153" s="31"/>
      <c r="VAB153" s="31"/>
      <c r="VAC153" s="31"/>
      <c r="VAD153" s="31"/>
      <c r="VAE153" s="31"/>
      <c r="VAF153" s="31"/>
      <c r="VAG153" s="31"/>
      <c r="VAH153" s="31"/>
      <c r="VAI153" s="31"/>
      <c r="VAJ153" s="31"/>
      <c r="VAK153" s="31"/>
      <c r="VAL153" s="31"/>
      <c r="VAM153" s="31"/>
      <c r="VAN153" s="31"/>
      <c r="VAO153" s="31"/>
      <c r="VAP153" s="31"/>
      <c r="VAQ153" s="31"/>
      <c r="VAR153" s="31"/>
      <c r="VAS153" s="31"/>
      <c r="VAT153" s="31"/>
      <c r="VAU153" s="31"/>
      <c r="VAV153" s="31"/>
      <c r="VAW153" s="31"/>
      <c r="VAX153" s="31"/>
      <c r="VAY153" s="31"/>
      <c r="VAZ153" s="31"/>
      <c r="VBA153" s="31"/>
      <c r="VBB153" s="31"/>
      <c r="VBC153" s="31"/>
      <c r="VBD153" s="31"/>
      <c r="VBE153" s="31"/>
      <c r="VBF153" s="31"/>
      <c r="VBG153" s="31"/>
      <c r="VBH153" s="31"/>
      <c r="VBI153" s="31"/>
      <c r="VBJ153" s="31"/>
      <c r="VBK153" s="31"/>
      <c r="VBL153" s="31"/>
      <c r="VBM153" s="31"/>
      <c r="VBN153" s="31"/>
      <c r="VBO153" s="31"/>
      <c r="VBP153" s="31"/>
      <c r="VBQ153" s="31"/>
      <c r="VBR153" s="31"/>
      <c r="VBS153" s="31"/>
      <c r="VBT153" s="31"/>
      <c r="VBU153" s="31"/>
      <c r="VBV153" s="31"/>
      <c r="VBW153" s="31"/>
      <c r="VBX153" s="31"/>
      <c r="VBY153" s="31"/>
      <c r="VBZ153" s="31"/>
      <c r="VCA153" s="31"/>
      <c r="VCB153" s="31"/>
      <c r="VCC153" s="31"/>
      <c r="VCD153" s="31"/>
      <c r="VCE153" s="31"/>
      <c r="VCF153" s="31"/>
      <c r="VCG153" s="31"/>
      <c r="VCH153" s="31"/>
      <c r="VCI153" s="31"/>
      <c r="VCJ153" s="31"/>
      <c r="VCK153" s="31"/>
      <c r="VCL153" s="31"/>
      <c r="VCM153" s="31"/>
      <c r="VCN153" s="31"/>
      <c r="VCO153" s="31"/>
      <c r="VCP153" s="31"/>
      <c r="VCQ153" s="31"/>
      <c r="VCR153" s="31"/>
      <c r="VCS153" s="31"/>
      <c r="VCT153" s="31"/>
      <c r="VCU153" s="31"/>
      <c r="VCV153" s="31"/>
      <c r="VCW153" s="31"/>
      <c r="VCX153" s="31"/>
      <c r="VCY153" s="31"/>
      <c r="VCZ153" s="31"/>
      <c r="VDA153" s="31"/>
      <c r="VDB153" s="31"/>
      <c r="VDC153" s="31"/>
      <c r="VDD153" s="31"/>
      <c r="VDE153" s="31"/>
      <c r="VDF153" s="31"/>
      <c r="VDG153" s="31"/>
      <c r="VDH153" s="31"/>
      <c r="VDI153" s="31"/>
      <c r="VDJ153" s="31"/>
      <c r="VDK153" s="31"/>
      <c r="VDL153" s="31"/>
      <c r="VDM153" s="31"/>
      <c r="VDN153" s="31"/>
      <c r="VDO153" s="31"/>
      <c r="VDP153" s="31"/>
      <c r="VDQ153" s="31"/>
      <c r="VDR153" s="31"/>
      <c r="VDS153" s="31"/>
      <c r="VDT153" s="31"/>
      <c r="VDU153" s="31"/>
      <c r="VDV153" s="31"/>
      <c r="VDW153" s="31"/>
      <c r="VDX153" s="31"/>
      <c r="VDY153" s="31"/>
      <c r="VDZ153" s="31"/>
      <c r="VEA153" s="31"/>
      <c r="VEB153" s="31"/>
      <c r="VEC153" s="31"/>
      <c r="VED153" s="31"/>
      <c r="VEE153" s="31"/>
      <c r="VEF153" s="31"/>
      <c r="VEG153" s="31"/>
      <c r="VEH153" s="31"/>
      <c r="VEI153" s="31"/>
      <c r="VEJ153" s="31"/>
      <c r="VEK153" s="31"/>
      <c r="VEL153" s="31"/>
      <c r="VEM153" s="31"/>
      <c r="VEN153" s="31"/>
      <c r="VEO153" s="31"/>
      <c r="VEP153" s="31"/>
      <c r="VEQ153" s="31"/>
      <c r="VER153" s="31"/>
      <c r="VES153" s="31"/>
      <c r="VET153" s="31"/>
      <c r="VEU153" s="31"/>
      <c r="VEV153" s="31"/>
      <c r="VEW153" s="31"/>
      <c r="VEX153" s="31"/>
      <c r="VEY153" s="31"/>
      <c r="VEZ153" s="31"/>
      <c r="VFA153" s="31"/>
      <c r="VFB153" s="31"/>
      <c r="VFC153" s="31"/>
      <c r="VFD153" s="31"/>
      <c r="VFE153" s="31"/>
      <c r="VFF153" s="31"/>
      <c r="VFG153" s="31"/>
      <c r="VFH153" s="31"/>
      <c r="VFI153" s="31"/>
      <c r="VFJ153" s="31"/>
      <c r="VFK153" s="31"/>
      <c r="VFL153" s="31"/>
      <c r="VFM153" s="31"/>
      <c r="VFN153" s="31"/>
      <c r="VFO153" s="31"/>
      <c r="VFP153" s="31"/>
      <c r="VFQ153" s="31"/>
      <c r="VFR153" s="31"/>
      <c r="VFS153" s="31"/>
      <c r="VFT153" s="31"/>
      <c r="VFU153" s="31"/>
      <c r="VFV153" s="31"/>
      <c r="VFW153" s="31"/>
      <c r="VFX153" s="31"/>
      <c r="VFY153" s="31"/>
      <c r="VFZ153" s="31"/>
      <c r="VGA153" s="31"/>
      <c r="VGB153" s="31"/>
      <c r="VGC153" s="31"/>
      <c r="VGD153" s="31"/>
      <c r="VGE153" s="31"/>
      <c r="VGF153" s="31"/>
      <c r="VGG153" s="31"/>
      <c r="VGH153" s="31"/>
      <c r="VGI153" s="31"/>
      <c r="VGJ153" s="31"/>
      <c r="VGK153" s="31"/>
      <c r="VGL153" s="31"/>
      <c r="VGM153" s="31"/>
      <c r="VGN153" s="31"/>
      <c r="VGO153" s="31"/>
      <c r="VGP153" s="31"/>
      <c r="VGQ153" s="31"/>
      <c r="VGR153" s="31"/>
      <c r="VGS153" s="31"/>
      <c r="VGT153" s="31"/>
      <c r="VGU153" s="31"/>
      <c r="VGV153" s="31"/>
      <c r="VGW153" s="31"/>
      <c r="VGX153" s="31"/>
      <c r="VGY153" s="31"/>
      <c r="VGZ153" s="31"/>
      <c r="VHA153" s="31"/>
      <c r="VHB153" s="31"/>
      <c r="VHC153" s="31"/>
      <c r="VHD153" s="31"/>
      <c r="VHE153" s="31"/>
      <c r="VHF153" s="31"/>
      <c r="VHG153" s="31"/>
      <c r="VHH153" s="31"/>
      <c r="VHI153" s="31"/>
      <c r="VHJ153" s="31"/>
      <c r="VHK153" s="31"/>
      <c r="VHL153" s="31"/>
      <c r="VHM153" s="31"/>
      <c r="VHN153" s="31"/>
      <c r="VHO153" s="31"/>
      <c r="VHP153" s="31"/>
      <c r="VHQ153" s="31"/>
      <c r="VHR153" s="31"/>
      <c r="VHS153" s="31"/>
      <c r="VHT153" s="31"/>
      <c r="VHU153" s="31"/>
      <c r="VHV153" s="31"/>
      <c r="VHW153" s="31"/>
      <c r="VHX153" s="31"/>
      <c r="VHY153" s="31"/>
      <c r="VHZ153" s="31"/>
      <c r="VIA153" s="31"/>
      <c r="VIB153" s="31"/>
      <c r="VIC153" s="31"/>
      <c r="VID153" s="31"/>
      <c r="VIE153" s="31"/>
      <c r="VIF153" s="31"/>
      <c r="VIG153" s="31"/>
      <c r="VIH153" s="31"/>
      <c r="VII153" s="31"/>
      <c r="VIJ153" s="31"/>
      <c r="VIK153" s="31"/>
      <c r="VIL153" s="31"/>
      <c r="VIM153" s="31"/>
      <c r="VIN153" s="31"/>
      <c r="VIO153" s="31"/>
      <c r="VIP153" s="31"/>
      <c r="VIQ153" s="31"/>
      <c r="VIR153" s="31"/>
      <c r="VIS153" s="31"/>
      <c r="VIT153" s="31"/>
      <c r="VIU153" s="31"/>
      <c r="VIV153" s="31"/>
      <c r="VIW153" s="31"/>
      <c r="VIX153" s="31"/>
      <c r="VIY153" s="31"/>
      <c r="VIZ153" s="31"/>
      <c r="VJA153" s="31"/>
      <c r="VJB153" s="31"/>
      <c r="VJC153" s="31"/>
      <c r="VJD153" s="31"/>
      <c r="VJE153" s="31"/>
      <c r="VJF153" s="31"/>
      <c r="VJG153" s="31"/>
      <c r="VJH153" s="31"/>
      <c r="VJI153" s="31"/>
      <c r="VJJ153" s="31"/>
      <c r="VJK153" s="31"/>
      <c r="VJL153" s="31"/>
      <c r="VJM153" s="31"/>
      <c r="VJN153" s="31"/>
      <c r="VJO153" s="31"/>
      <c r="VJP153" s="31"/>
      <c r="VJQ153" s="31"/>
      <c r="VJR153" s="31"/>
      <c r="VJS153" s="31"/>
      <c r="VJT153" s="31"/>
      <c r="VJU153" s="31"/>
      <c r="VJV153" s="31"/>
      <c r="VJW153" s="31"/>
      <c r="VJX153" s="31"/>
      <c r="VJY153" s="31"/>
      <c r="VJZ153" s="31"/>
      <c r="VKA153" s="31"/>
      <c r="VKB153" s="31"/>
      <c r="VKC153" s="31"/>
      <c r="VKD153" s="31"/>
      <c r="VKE153" s="31"/>
      <c r="VKF153" s="31"/>
      <c r="VKG153" s="31"/>
      <c r="VKH153" s="31"/>
      <c r="VKI153" s="31"/>
      <c r="VKJ153" s="31"/>
      <c r="VKK153" s="31"/>
      <c r="VKL153" s="31"/>
      <c r="VKM153" s="31"/>
      <c r="VKN153" s="31"/>
      <c r="VKO153" s="31"/>
      <c r="VKP153" s="31"/>
      <c r="VKQ153" s="31"/>
      <c r="VKR153" s="31"/>
      <c r="VKS153" s="31"/>
      <c r="VKT153" s="31"/>
      <c r="VKU153" s="31"/>
      <c r="VKV153" s="31"/>
      <c r="VKW153" s="31"/>
      <c r="VKX153" s="31"/>
      <c r="VKY153" s="31"/>
      <c r="VKZ153" s="31"/>
      <c r="VLA153" s="31"/>
      <c r="VLB153" s="31"/>
      <c r="VLC153" s="31"/>
      <c r="VLD153" s="31"/>
      <c r="VLE153" s="31"/>
      <c r="VLF153" s="31"/>
      <c r="VLG153" s="31"/>
      <c r="VLH153" s="31"/>
      <c r="VLI153" s="31"/>
      <c r="VLJ153" s="31"/>
      <c r="VLK153" s="31"/>
      <c r="VLL153" s="31"/>
      <c r="VLM153" s="31"/>
      <c r="VLN153" s="31"/>
      <c r="VLO153" s="31"/>
      <c r="VLP153" s="31"/>
      <c r="VLQ153" s="31"/>
      <c r="VLR153" s="31"/>
      <c r="VLS153" s="31"/>
      <c r="VLT153" s="31"/>
      <c r="VLU153" s="31"/>
      <c r="VLV153" s="31"/>
      <c r="VLW153" s="31"/>
      <c r="VLX153" s="31"/>
      <c r="VLY153" s="31"/>
      <c r="VLZ153" s="31"/>
      <c r="VMA153" s="31"/>
      <c r="VMB153" s="31"/>
      <c r="VMC153" s="31"/>
      <c r="VMD153" s="31"/>
      <c r="VME153" s="31"/>
      <c r="VMF153" s="31"/>
      <c r="VMG153" s="31"/>
      <c r="VMH153" s="31"/>
      <c r="VMI153" s="31"/>
      <c r="VMJ153" s="31"/>
      <c r="VMK153" s="31"/>
      <c r="VML153" s="31"/>
      <c r="VMM153" s="31"/>
      <c r="VMN153" s="31"/>
      <c r="VMO153" s="31"/>
      <c r="VMP153" s="31"/>
      <c r="VMQ153" s="31"/>
      <c r="VMR153" s="31"/>
      <c r="VMS153" s="31"/>
      <c r="VMT153" s="31"/>
      <c r="VMU153" s="31"/>
      <c r="VMV153" s="31"/>
      <c r="VMW153" s="31"/>
      <c r="VMX153" s="31"/>
      <c r="VMY153" s="31"/>
      <c r="VMZ153" s="31"/>
      <c r="VNA153" s="31"/>
      <c r="VNB153" s="31"/>
      <c r="VNC153" s="31"/>
      <c r="VND153" s="31"/>
      <c r="VNE153" s="31"/>
      <c r="VNF153" s="31"/>
      <c r="VNG153" s="31"/>
      <c r="VNH153" s="31"/>
      <c r="VNI153" s="31"/>
      <c r="VNJ153" s="31"/>
      <c r="VNK153" s="31"/>
      <c r="VNL153" s="31"/>
      <c r="VNM153" s="31"/>
      <c r="VNN153" s="31"/>
      <c r="VNO153" s="31"/>
      <c r="VNP153" s="31"/>
      <c r="VNQ153" s="31"/>
      <c r="VNR153" s="31"/>
      <c r="VNS153" s="31"/>
      <c r="VNT153" s="31"/>
      <c r="VNU153" s="31"/>
      <c r="VNV153" s="31"/>
      <c r="VNW153" s="31"/>
      <c r="VNX153" s="31"/>
      <c r="VNY153" s="31"/>
      <c r="VNZ153" s="31"/>
      <c r="VOA153" s="31"/>
      <c r="VOB153" s="31"/>
      <c r="VOC153" s="31"/>
      <c r="VOD153" s="31"/>
      <c r="VOE153" s="31"/>
      <c r="VOF153" s="31"/>
      <c r="VOG153" s="31"/>
      <c r="VOH153" s="31"/>
      <c r="VOI153" s="31"/>
      <c r="VOJ153" s="31"/>
      <c r="VOK153" s="31"/>
      <c r="VOL153" s="31"/>
      <c r="VOM153" s="31"/>
      <c r="VON153" s="31"/>
      <c r="VOO153" s="31"/>
      <c r="VOP153" s="31"/>
      <c r="VOQ153" s="31"/>
      <c r="VOR153" s="31"/>
      <c r="VOS153" s="31"/>
      <c r="VOT153" s="31"/>
      <c r="VOU153" s="31"/>
      <c r="VOV153" s="31"/>
      <c r="VOW153" s="31"/>
      <c r="VOX153" s="31"/>
      <c r="VOY153" s="31"/>
      <c r="VOZ153" s="31"/>
      <c r="VPA153" s="31"/>
      <c r="VPB153" s="31"/>
      <c r="VPC153" s="31"/>
      <c r="VPD153" s="31"/>
      <c r="VPE153" s="31"/>
      <c r="VPF153" s="31"/>
      <c r="VPG153" s="31"/>
      <c r="VPH153" s="31"/>
      <c r="VPI153" s="31"/>
      <c r="VPJ153" s="31"/>
      <c r="VPK153" s="31"/>
      <c r="VPL153" s="31"/>
      <c r="VPM153" s="31"/>
      <c r="VPN153" s="31"/>
      <c r="VPO153" s="31"/>
      <c r="VPP153" s="31"/>
      <c r="VPQ153" s="31"/>
      <c r="VPR153" s="31"/>
      <c r="VPS153" s="31"/>
      <c r="VPT153" s="31"/>
      <c r="VPU153" s="31"/>
      <c r="VPV153" s="31"/>
      <c r="VPW153" s="31"/>
      <c r="VPX153" s="31"/>
      <c r="VPY153" s="31"/>
      <c r="VPZ153" s="31"/>
      <c r="VQA153" s="31"/>
      <c r="VQB153" s="31"/>
      <c r="VQC153" s="31"/>
      <c r="VQD153" s="31"/>
      <c r="VQE153" s="31"/>
      <c r="VQF153" s="31"/>
      <c r="VQG153" s="31"/>
      <c r="VQH153" s="31"/>
      <c r="VQI153" s="31"/>
      <c r="VQJ153" s="31"/>
      <c r="VQK153" s="31"/>
      <c r="VQL153" s="31"/>
      <c r="VQM153" s="31"/>
      <c r="VQN153" s="31"/>
      <c r="VQO153" s="31"/>
      <c r="VQP153" s="31"/>
      <c r="VQQ153" s="31"/>
      <c r="VQR153" s="31"/>
      <c r="VQS153" s="31"/>
      <c r="VQT153" s="31"/>
      <c r="VQU153" s="31"/>
      <c r="VQV153" s="31"/>
      <c r="VQW153" s="31"/>
      <c r="VQX153" s="31"/>
      <c r="VQY153" s="31"/>
      <c r="VQZ153" s="31"/>
      <c r="VRA153" s="31"/>
      <c r="VRB153" s="31"/>
      <c r="VRC153" s="31"/>
      <c r="VRD153" s="31"/>
      <c r="VRE153" s="31"/>
      <c r="VRF153" s="31"/>
      <c r="VRG153" s="31"/>
      <c r="VRH153" s="31"/>
      <c r="VRI153" s="31"/>
      <c r="VRJ153" s="31"/>
      <c r="VRK153" s="31"/>
      <c r="VRL153" s="31"/>
      <c r="VRM153" s="31"/>
      <c r="VRN153" s="31"/>
      <c r="VRO153" s="31"/>
      <c r="VRP153" s="31"/>
      <c r="VRQ153" s="31"/>
      <c r="VRR153" s="31"/>
      <c r="VRS153" s="31"/>
      <c r="VRT153" s="31"/>
      <c r="VRU153" s="31"/>
      <c r="VRV153" s="31"/>
      <c r="VRW153" s="31"/>
      <c r="VRX153" s="31"/>
      <c r="VRY153" s="31"/>
      <c r="VRZ153" s="31"/>
      <c r="VSA153" s="31"/>
      <c r="VSB153" s="31"/>
      <c r="VSC153" s="31"/>
      <c r="VSD153" s="31"/>
      <c r="VSE153" s="31"/>
      <c r="VSF153" s="31"/>
      <c r="VSG153" s="31"/>
      <c r="VSH153" s="31"/>
      <c r="VSI153" s="31"/>
      <c r="VSJ153" s="31"/>
      <c r="VSK153" s="31"/>
      <c r="VSL153" s="31"/>
      <c r="VSM153" s="31"/>
      <c r="VSN153" s="31"/>
      <c r="VSO153" s="31"/>
      <c r="VSP153" s="31"/>
      <c r="VSQ153" s="31"/>
      <c r="VSR153" s="31"/>
      <c r="VSS153" s="31"/>
      <c r="VST153" s="31"/>
      <c r="VSU153" s="31"/>
      <c r="VSV153" s="31"/>
      <c r="VSW153" s="31"/>
      <c r="VSX153" s="31"/>
      <c r="VSY153" s="31"/>
      <c r="VSZ153" s="31"/>
      <c r="VTA153" s="31"/>
      <c r="VTB153" s="31"/>
      <c r="VTC153" s="31"/>
      <c r="VTD153" s="31"/>
      <c r="VTE153" s="31"/>
      <c r="VTF153" s="31"/>
      <c r="VTG153" s="31"/>
      <c r="VTH153" s="31"/>
      <c r="VTI153" s="31"/>
      <c r="VTJ153" s="31"/>
      <c r="VTK153" s="31"/>
      <c r="VTL153" s="31"/>
      <c r="VTM153" s="31"/>
      <c r="VTN153" s="31"/>
      <c r="VTO153" s="31"/>
      <c r="VTP153" s="31"/>
      <c r="VTQ153" s="31"/>
      <c r="VTR153" s="31"/>
      <c r="VTS153" s="31"/>
      <c r="VTT153" s="31"/>
      <c r="VTU153" s="31"/>
      <c r="VTV153" s="31"/>
      <c r="VTW153" s="31"/>
      <c r="VTX153" s="31"/>
      <c r="VTY153" s="31"/>
      <c r="VTZ153" s="31"/>
      <c r="VUA153" s="31"/>
      <c r="VUB153" s="31"/>
      <c r="VUC153" s="31"/>
      <c r="VUD153" s="31"/>
      <c r="VUE153" s="31"/>
      <c r="VUF153" s="31"/>
      <c r="VUG153" s="31"/>
      <c r="VUH153" s="31"/>
      <c r="VUI153" s="31"/>
      <c r="VUJ153" s="31"/>
      <c r="VUK153" s="31"/>
      <c r="VUL153" s="31"/>
      <c r="VUM153" s="31"/>
      <c r="VUN153" s="31"/>
      <c r="VUO153" s="31"/>
      <c r="VUP153" s="31"/>
      <c r="VUQ153" s="31"/>
      <c r="VUR153" s="31"/>
      <c r="VUS153" s="31"/>
      <c r="VUT153" s="31"/>
      <c r="VUU153" s="31"/>
      <c r="VUV153" s="31"/>
      <c r="VUW153" s="31"/>
      <c r="VUX153" s="31"/>
      <c r="VUY153" s="31"/>
      <c r="VUZ153" s="31"/>
      <c r="VVA153" s="31"/>
      <c r="VVB153" s="31"/>
      <c r="VVC153" s="31"/>
      <c r="VVD153" s="31"/>
      <c r="VVE153" s="31"/>
      <c r="VVF153" s="31"/>
      <c r="VVG153" s="31"/>
      <c r="VVH153" s="31"/>
      <c r="VVI153" s="31"/>
      <c r="VVJ153" s="31"/>
      <c r="VVK153" s="31"/>
      <c r="VVL153" s="31"/>
      <c r="VVM153" s="31"/>
      <c r="VVN153" s="31"/>
      <c r="VVO153" s="31"/>
      <c r="VVP153" s="31"/>
      <c r="VVQ153" s="31"/>
      <c r="VVR153" s="31"/>
      <c r="VVS153" s="31"/>
      <c r="VVT153" s="31"/>
      <c r="VVU153" s="31"/>
      <c r="VVV153" s="31"/>
      <c r="VVW153" s="31"/>
      <c r="VVX153" s="31"/>
      <c r="VVY153" s="31"/>
      <c r="VVZ153" s="31"/>
      <c r="VWA153" s="31"/>
      <c r="VWB153" s="31"/>
      <c r="VWC153" s="31"/>
      <c r="VWD153" s="31"/>
      <c r="VWE153" s="31"/>
      <c r="VWF153" s="31"/>
      <c r="VWG153" s="31"/>
      <c r="VWH153" s="31"/>
      <c r="VWI153" s="31"/>
      <c r="VWJ153" s="31"/>
      <c r="VWK153" s="31"/>
      <c r="VWL153" s="31"/>
      <c r="VWM153" s="31"/>
      <c r="VWN153" s="31"/>
      <c r="VWO153" s="31"/>
      <c r="VWP153" s="31"/>
      <c r="VWQ153" s="31"/>
      <c r="VWR153" s="31"/>
      <c r="VWS153" s="31"/>
      <c r="VWT153" s="31"/>
      <c r="VWU153" s="31"/>
      <c r="VWV153" s="31"/>
      <c r="VWW153" s="31"/>
      <c r="VWX153" s="31"/>
      <c r="VWY153" s="31"/>
      <c r="VWZ153" s="31"/>
      <c r="VXA153" s="31"/>
      <c r="VXB153" s="31"/>
      <c r="VXC153" s="31"/>
      <c r="VXD153" s="31"/>
      <c r="VXE153" s="31"/>
      <c r="VXF153" s="31"/>
      <c r="VXG153" s="31"/>
      <c r="VXH153" s="31"/>
      <c r="VXI153" s="31"/>
      <c r="VXJ153" s="31"/>
      <c r="VXK153" s="31"/>
      <c r="VXL153" s="31"/>
      <c r="VXM153" s="31"/>
      <c r="VXN153" s="31"/>
      <c r="VXO153" s="31"/>
      <c r="VXP153" s="31"/>
      <c r="VXQ153" s="31"/>
      <c r="VXR153" s="31"/>
      <c r="VXS153" s="31"/>
      <c r="VXT153" s="31"/>
      <c r="VXU153" s="31"/>
      <c r="VXV153" s="31"/>
      <c r="VXW153" s="31"/>
      <c r="VXX153" s="31"/>
      <c r="VXY153" s="31"/>
      <c r="VXZ153" s="31"/>
      <c r="VYA153" s="31"/>
      <c r="VYB153" s="31"/>
      <c r="VYC153" s="31"/>
      <c r="VYD153" s="31"/>
      <c r="VYE153" s="31"/>
      <c r="VYF153" s="31"/>
      <c r="VYG153" s="31"/>
      <c r="VYH153" s="31"/>
      <c r="VYI153" s="31"/>
      <c r="VYJ153" s="31"/>
      <c r="VYK153" s="31"/>
      <c r="VYL153" s="31"/>
      <c r="VYM153" s="31"/>
      <c r="VYN153" s="31"/>
      <c r="VYO153" s="31"/>
      <c r="VYP153" s="31"/>
      <c r="VYQ153" s="31"/>
      <c r="VYR153" s="31"/>
      <c r="VYS153" s="31"/>
      <c r="VYT153" s="31"/>
      <c r="VYU153" s="31"/>
      <c r="VYV153" s="31"/>
      <c r="VYW153" s="31"/>
      <c r="VYX153" s="31"/>
      <c r="VYY153" s="31"/>
      <c r="VYZ153" s="31"/>
      <c r="VZA153" s="31"/>
      <c r="VZB153" s="31"/>
      <c r="VZC153" s="31"/>
      <c r="VZD153" s="31"/>
      <c r="VZE153" s="31"/>
      <c r="VZF153" s="31"/>
      <c r="VZG153" s="31"/>
      <c r="VZH153" s="31"/>
      <c r="VZI153" s="31"/>
      <c r="VZJ153" s="31"/>
      <c r="VZK153" s="31"/>
      <c r="VZL153" s="31"/>
      <c r="VZM153" s="31"/>
      <c r="VZN153" s="31"/>
      <c r="VZO153" s="31"/>
      <c r="VZP153" s="31"/>
      <c r="VZQ153" s="31"/>
      <c r="VZR153" s="31"/>
      <c r="VZS153" s="31"/>
      <c r="VZT153" s="31"/>
      <c r="VZU153" s="31"/>
      <c r="VZV153" s="31"/>
      <c r="VZW153" s="31"/>
      <c r="VZX153" s="31"/>
      <c r="VZY153" s="31"/>
      <c r="VZZ153" s="31"/>
      <c r="WAA153" s="31"/>
      <c r="WAB153" s="31"/>
      <c r="WAC153" s="31"/>
      <c r="WAD153" s="31"/>
      <c r="WAE153" s="31"/>
      <c r="WAF153" s="31"/>
      <c r="WAG153" s="31"/>
      <c r="WAH153" s="31"/>
      <c r="WAI153" s="31"/>
      <c r="WAJ153" s="31"/>
      <c r="WAK153" s="31"/>
      <c r="WAL153" s="31"/>
      <c r="WAM153" s="31"/>
      <c r="WAN153" s="31"/>
      <c r="WAO153" s="31"/>
      <c r="WAP153" s="31"/>
      <c r="WAQ153" s="31"/>
      <c r="WAR153" s="31"/>
      <c r="WAS153" s="31"/>
      <c r="WAT153" s="31"/>
      <c r="WAU153" s="31"/>
      <c r="WAV153" s="31"/>
      <c r="WAW153" s="31"/>
      <c r="WAX153" s="31"/>
      <c r="WAY153" s="31"/>
      <c r="WAZ153" s="31"/>
      <c r="WBA153" s="31"/>
      <c r="WBB153" s="31"/>
      <c r="WBC153" s="31"/>
      <c r="WBD153" s="31"/>
      <c r="WBE153" s="31"/>
      <c r="WBF153" s="31"/>
      <c r="WBG153" s="31"/>
      <c r="WBH153" s="31"/>
      <c r="WBI153" s="31"/>
      <c r="WBJ153" s="31"/>
      <c r="WBK153" s="31"/>
      <c r="WBL153" s="31"/>
      <c r="WBM153" s="31"/>
      <c r="WBN153" s="31"/>
      <c r="WBO153" s="31"/>
      <c r="WBP153" s="31"/>
      <c r="WBQ153" s="31"/>
      <c r="WBR153" s="31"/>
      <c r="WBS153" s="31"/>
      <c r="WBT153" s="31"/>
      <c r="WBU153" s="31"/>
      <c r="WBV153" s="31"/>
      <c r="WBW153" s="31"/>
      <c r="WBX153" s="31"/>
      <c r="WBY153" s="31"/>
      <c r="WBZ153" s="31"/>
      <c r="WCA153" s="31"/>
      <c r="WCB153" s="31"/>
      <c r="WCC153" s="31"/>
      <c r="WCD153" s="31"/>
      <c r="WCE153" s="31"/>
      <c r="WCF153" s="31"/>
      <c r="WCG153" s="31"/>
      <c r="WCH153" s="31"/>
      <c r="WCI153" s="31"/>
      <c r="WCJ153" s="31"/>
      <c r="WCK153" s="31"/>
      <c r="WCL153" s="31"/>
      <c r="WCM153" s="31"/>
      <c r="WCN153" s="31"/>
      <c r="WCO153" s="31"/>
      <c r="WCP153" s="31"/>
      <c r="WCQ153" s="31"/>
      <c r="WCR153" s="31"/>
      <c r="WCS153" s="31"/>
      <c r="WCT153" s="31"/>
      <c r="WCU153" s="31"/>
      <c r="WCV153" s="31"/>
      <c r="WCW153" s="31"/>
      <c r="WCX153" s="31"/>
      <c r="WCY153" s="31"/>
      <c r="WCZ153" s="31"/>
      <c r="WDA153" s="31"/>
      <c r="WDB153" s="31"/>
      <c r="WDC153" s="31"/>
      <c r="WDD153" s="31"/>
      <c r="WDE153" s="31"/>
      <c r="WDF153" s="31"/>
      <c r="WDG153" s="31"/>
      <c r="WDH153" s="31"/>
      <c r="WDI153" s="31"/>
      <c r="WDJ153" s="31"/>
      <c r="WDK153" s="31"/>
      <c r="WDL153" s="31"/>
      <c r="WDM153" s="31"/>
      <c r="WDN153" s="31"/>
      <c r="WDO153" s="31"/>
      <c r="WDP153" s="31"/>
      <c r="WDQ153" s="31"/>
      <c r="WDR153" s="31"/>
      <c r="WDS153" s="31"/>
      <c r="WDT153" s="31"/>
      <c r="WDU153" s="31"/>
      <c r="WDV153" s="31"/>
      <c r="WDW153" s="31"/>
      <c r="WDX153" s="31"/>
      <c r="WDY153" s="31"/>
      <c r="WDZ153" s="31"/>
      <c r="WEA153" s="31"/>
      <c r="WEB153" s="31"/>
      <c r="WEC153" s="31"/>
      <c r="WED153" s="31"/>
      <c r="WEE153" s="31"/>
      <c r="WEF153" s="31"/>
      <c r="WEG153" s="31"/>
      <c r="WEH153" s="31"/>
      <c r="WEI153" s="31"/>
      <c r="WEJ153" s="31"/>
      <c r="WEK153" s="31"/>
      <c r="WEL153" s="31"/>
      <c r="WEM153" s="31"/>
      <c r="WEN153" s="31"/>
      <c r="WEO153" s="31"/>
      <c r="WEP153" s="31"/>
      <c r="WEQ153" s="31"/>
      <c r="WER153" s="31"/>
      <c r="WES153" s="31"/>
      <c r="WET153" s="31"/>
      <c r="WEU153" s="31"/>
      <c r="WEV153" s="31"/>
      <c r="WEW153" s="31"/>
      <c r="WEX153" s="31"/>
      <c r="WEY153" s="31"/>
      <c r="WEZ153" s="31"/>
      <c r="WFA153" s="31"/>
      <c r="WFB153" s="31"/>
      <c r="WFC153" s="31"/>
      <c r="WFD153" s="31"/>
      <c r="WFE153" s="31"/>
      <c r="WFF153" s="31"/>
      <c r="WFG153" s="31"/>
      <c r="WFH153" s="31"/>
      <c r="WFI153" s="31"/>
      <c r="WFJ153" s="31"/>
      <c r="WFK153" s="31"/>
      <c r="WFL153" s="31"/>
      <c r="WFM153" s="31"/>
      <c r="WFN153" s="31"/>
      <c r="WFO153" s="31"/>
      <c r="WFP153" s="31"/>
      <c r="WFQ153" s="31"/>
      <c r="WFR153" s="31"/>
      <c r="WFS153" s="31"/>
      <c r="WFT153" s="31"/>
      <c r="WFU153" s="31"/>
      <c r="WFV153" s="31"/>
      <c r="WFW153" s="31"/>
      <c r="WFX153" s="31"/>
      <c r="WFY153" s="31"/>
      <c r="WFZ153" s="31"/>
      <c r="WGA153" s="31"/>
      <c r="WGB153" s="31"/>
      <c r="WGC153" s="31"/>
      <c r="WGD153" s="31"/>
      <c r="WGE153" s="31"/>
      <c r="WGF153" s="31"/>
      <c r="WGG153" s="31"/>
      <c r="WGH153" s="31"/>
      <c r="WGI153" s="31"/>
      <c r="WGJ153" s="31"/>
      <c r="WGK153" s="31"/>
      <c r="WGL153" s="31"/>
      <c r="WGM153" s="31"/>
      <c r="WGN153" s="31"/>
      <c r="WGO153" s="31"/>
      <c r="WGP153" s="31"/>
      <c r="WGQ153" s="31"/>
      <c r="WGR153" s="31"/>
      <c r="WGS153" s="31"/>
      <c r="WGT153" s="31"/>
      <c r="WGU153" s="31"/>
      <c r="WGV153" s="31"/>
      <c r="WGW153" s="31"/>
      <c r="WGX153" s="31"/>
      <c r="WGY153" s="31"/>
      <c r="WGZ153" s="31"/>
      <c r="WHA153" s="31"/>
      <c r="WHB153" s="31"/>
      <c r="WHC153" s="31"/>
      <c r="WHD153" s="31"/>
      <c r="WHE153" s="31"/>
      <c r="WHF153" s="31"/>
      <c r="WHG153" s="31"/>
      <c r="WHH153" s="31"/>
      <c r="WHI153" s="31"/>
      <c r="WHJ153" s="31"/>
      <c r="WHK153" s="31"/>
      <c r="WHL153" s="31"/>
      <c r="WHM153" s="31"/>
      <c r="WHN153" s="31"/>
      <c r="WHO153" s="31"/>
      <c r="WHP153" s="31"/>
      <c r="WHQ153" s="31"/>
      <c r="WHR153" s="31"/>
      <c r="WHS153" s="31"/>
      <c r="WHT153" s="31"/>
      <c r="WHU153" s="31"/>
      <c r="WHV153" s="31"/>
      <c r="WHW153" s="31"/>
      <c r="WHX153" s="31"/>
      <c r="WHY153" s="31"/>
      <c r="WHZ153" s="31"/>
      <c r="WIA153" s="31"/>
      <c r="WIB153" s="31"/>
      <c r="WIC153" s="31"/>
      <c r="WID153" s="31"/>
      <c r="WIE153" s="31"/>
      <c r="WIF153" s="31"/>
      <c r="WIG153" s="31"/>
      <c r="WIH153" s="31"/>
      <c r="WII153" s="31"/>
      <c r="WIJ153" s="31"/>
      <c r="WIK153" s="31"/>
      <c r="WIL153" s="31"/>
      <c r="WIM153" s="31"/>
      <c r="WIN153" s="31"/>
      <c r="WIO153" s="31"/>
      <c r="WIP153" s="31"/>
      <c r="WIQ153" s="31"/>
      <c r="WIR153" s="31"/>
      <c r="WIS153" s="31"/>
      <c r="WIT153" s="31"/>
      <c r="WIU153" s="31"/>
      <c r="WIV153" s="31"/>
      <c r="WIW153" s="31"/>
      <c r="WIX153" s="31"/>
      <c r="WIY153" s="31"/>
      <c r="WIZ153" s="31"/>
      <c r="WJA153" s="31"/>
      <c r="WJB153" s="31"/>
      <c r="WJC153" s="31"/>
      <c r="WJD153" s="31"/>
      <c r="WJE153" s="31"/>
      <c r="WJF153" s="31"/>
      <c r="WJG153" s="31"/>
      <c r="WJH153" s="31"/>
      <c r="WJI153" s="31"/>
      <c r="WJJ153" s="31"/>
      <c r="WJK153" s="31"/>
      <c r="WJL153" s="31"/>
      <c r="WJM153" s="31"/>
      <c r="WJN153" s="31"/>
      <c r="WJO153" s="31"/>
      <c r="WJP153" s="31"/>
      <c r="WJQ153" s="31"/>
      <c r="WJR153" s="31"/>
      <c r="WJS153" s="31"/>
      <c r="WJT153" s="31"/>
      <c r="WJU153" s="31"/>
      <c r="WJV153" s="31"/>
      <c r="WJW153" s="31"/>
      <c r="WJX153" s="31"/>
      <c r="WJY153" s="31"/>
      <c r="WJZ153" s="31"/>
      <c r="WKA153" s="31"/>
      <c r="WKB153" s="31"/>
      <c r="WKC153" s="31"/>
      <c r="WKD153" s="31"/>
      <c r="WKE153" s="31"/>
      <c r="WKF153" s="31"/>
      <c r="WKG153" s="31"/>
      <c r="WKH153" s="31"/>
      <c r="WKI153" s="31"/>
      <c r="WKJ153" s="31"/>
      <c r="WKK153" s="31"/>
      <c r="WKL153" s="31"/>
      <c r="WKM153" s="31"/>
      <c r="WKN153" s="31"/>
      <c r="WKO153" s="31"/>
      <c r="WKP153" s="31"/>
      <c r="WKQ153" s="31"/>
      <c r="WKR153" s="31"/>
      <c r="WKS153" s="31"/>
      <c r="WKT153" s="31"/>
      <c r="WKU153" s="31"/>
      <c r="WKV153" s="31"/>
      <c r="WKW153" s="31"/>
      <c r="WKX153" s="31"/>
      <c r="WKY153" s="31"/>
      <c r="WKZ153" s="31"/>
      <c r="WLA153" s="31"/>
      <c r="WLB153" s="31"/>
      <c r="WLC153" s="31"/>
      <c r="WLD153" s="31"/>
      <c r="WLE153" s="31"/>
      <c r="WLF153" s="31"/>
      <c r="WLG153" s="31"/>
      <c r="WLH153" s="31"/>
      <c r="WLI153" s="31"/>
      <c r="WLJ153" s="31"/>
      <c r="WLK153" s="31"/>
      <c r="WLL153" s="31"/>
      <c r="WLM153" s="31"/>
      <c r="WLN153" s="31"/>
      <c r="WLO153" s="31"/>
      <c r="WLP153" s="31"/>
      <c r="WLQ153" s="31"/>
      <c r="WLR153" s="31"/>
      <c r="WLS153" s="31"/>
      <c r="WLT153" s="31"/>
      <c r="WLU153" s="31"/>
      <c r="WLV153" s="31"/>
      <c r="WLW153" s="31"/>
      <c r="WLX153" s="31"/>
      <c r="WLY153" s="31"/>
      <c r="WLZ153" s="31"/>
      <c r="WMA153" s="31"/>
      <c r="WMB153" s="31"/>
      <c r="WMC153" s="31"/>
      <c r="WMD153" s="31"/>
      <c r="WME153" s="31"/>
      <c r="WMF153" s="31"/>
      <c r="WMG153" s="31"/>
      <c r="WMH153" s="31"/>
      <c r="WMI153" s="31"/>
      <c r="WMJ153" s="31"/>
      <c r="WMK153" s="31"/>
      <c r="WML153" s="31"/>
      <c r="WMM153" s="31"/>
      <c r="WMN153" s="31"/>
      <c r="WMO153" s="31"/>
      <c r="WMP153" s="31"/>
      <c r="WMQ153" s="31"/>
      <c r="WMR153" s="31"/>
      <c r="WMS153" s="31"/>
      <c r="WMT153" s="31"/>
      <c r="WMU153" s="31"/>
      <c r="WMV153" s="31"/>
      <c r="WMW153" s="31"/>
      <c r="WMX153" s="31"/>
      <c r="WMY153" s="31"/>
      <c r="WMZ153" s="31"/>
      <c r="WNA153" s="31"/>
      <c r="WNB153" s="31"/>
      <c r="WNC153" s="31"/>
      <c r="WND153" s="31"/>
      <c r="WNE153" s="31"/>
      <c r="WNF153" s="31"/>
      <c r="WNG153" s="31"/>
      <c r="WNH153" s="31"/>
      <c r="WNI153" s="31"/>
      <c r="WNJ153" s="31"/>
      <c r="WNK153" s="31"/>
      <c r="WNL153" s="31"/>
      <c r="WNM153" s="31"/>
      <c r="WNN153" s="31"/>
      <c r="WNO153" s="31"/>
      <c r="WNP153" s="31"/>
      <c r="WNQ153" s="31"/>
      <c r="WNR153" s="31"/>
      <c r="WNS153" s="31"/>
      <c r="WNT153" s="31"/>
      <c r="WNU153" s="31"/>
      <c r="WNV153" s="31"/>
      <c r="WNW153" s="31"/>
      <c r="WNX153" s="31"/>
      <c r="WNY153" s="31"/>
      <c r="WNZ153" s="31"/>
      <c r="WOA153" s="31"/>
      <c r="WOB153" s="31"/>
      <c r="WOC153" s="31"/>
      <c r="WOD153" s="31"/>
      <c r="WOE153" s="31"/>
      <c r="WOF153" s="31"/>
      <c r="WOG153" s="31"/>
      <c r="WOH153" s="31"/>
      <c r="WOI153" s="31"/>
      <c r="WOJ153" s="31"/>
      <c r="WOK153" s="31"/>
      <c r="WOL153" s="31"/>
      <c r="WOM153" s="31"/>
      <c r="WON153" s="31"/>
      <c r="WOO153" s="31"/>
      <c r="WOP153" s="31"/>
      <c r="WOQ153" s="31"/>
      <c r="WOR153" s="31"/>
      <c r="WOS153" s="31"/>
      <c r="WOT153" s="31"/>
      <c r="WOU153" s="31"/>
      <c r="WOV153" s="31"/>
      <c r="WOW153" s="31"/>
      <c r="WOX153" s="31"/>
      <c r="WOY153" s="31"/>
      <c r="WOZ153" s="31"/>
      <c r="WPA153" s="31"/>
      <c r="WPB153" s="31"/>
      <c r="WPC153" s="31"/>
      <c r="WPD153" s="31"/>
      <c r="WPE153" s="31"/>
      <c r="WPF153" s="31"/>
      <c r="WPG153" s="31"/>
      <c r="WPH153" s="31"/>
      <c r="WPI153" s="31"/>
      <c r="WPJ153" s="31"/>
      <c r="WPK153" s="31"/>
      <c r="WPL153" s="31"/>
      <c r="WPM153" s="31"/>
      <c r="WPN153" s="31"/>
      <c r="WPO153" s="31"/>
      <c r="WPP153" s="31"/>
      <c r="WPQ153" s="31"/>
      <c r="WPR153" s="31"/>
      <c r="WPS153" s="31"/>
      <c r="WPT153" s="31"/>
      <c r="WPU153" s="31"/>
      <c r="WPV153" s="31"/>
      <c r="WPW153" s="31"/>
      <c r="WPX153" s="31"/>
      <c r="WPY153" s="31"/>
      <c r="WPZ153" s="31"/>
      <c r="WQA153" s="31"/>
      <c r="WQB153" s="31"/>
      <c r="WQC153" s="31"/>
      <c r="WQD153" s="31"/>
      <c r="WQE153" s="31"/>
      <c r="WQF153" s="31"/>
      <c r="WQG153" s="31"/>
      <c r="WQH153" s="31"/>
      <c r="WQI153" s="31"/>
      <c r="WQJ153" s="31"/>
      <c r="WQK153" s="31"/>
      <c r="WQL153" s="31"/>
      <c r="WQM153" s="31"/>
      <c r="WQN153" s="31"/>
      <c r="WQO153" s="31"/>
      <c r="WQP153" s="31"/>
      <c r="WQQ153" s="31"/>
      <c r="WQR153" s="31"/>
      <c r="WQS153" s="31"/>
      <c r="WQT153" s="31"/>
      <c r="WQU153" s="31"/>
      <c r="WQV153" s="31"/>
      <c r="WQW153" s="31"/>
      <c r="WQX153" s="31"/>
      <c r="WQY153" s="31"/>
      <c r="WQZ153" s="31"/>
      <c r="WRA153" s="31"/>
      <c r="WRB153" s="31"/>
      <c r="WRC153" s="31"/>
      <c r="WRD153" s="31"/>
      <c r="WRE153" s="31"/>
      <c r="WRF153" s="31"/>
      <c r="WRG153" s="31"/>
      <c r="WRH153" s="31"/>
      <c r="WRI153" s="31"/>
      <c r="WRJ153" s="31"/>
      <c r="WRK153" s="31"/>
      <c r="WRL153" s="31"/>
      <c r="WRM153" s="31"/>
      <c r="WRN153" s="31"/>
      <c r="WRO153" s="31"/>
      <c r="WRP153" s="31"/>
      <c r="WRQ153" s="31"/>
      <c r="WRR153" s="31"/>
      <c r="WRS153" s="31"/>
      <c r="WRT153" s="31"/>
      <c r="WRU153" s="31"/>
      <c r="WRV153" s="31"/>
      <c r="WRW153" s="31"/>
      <c r="WRX153" s="31"/>
      <c r="WRY153" s="31"/>
      <c r="WRZ153" s="31"/>
      <c r="WSA153" s="31"/>
      <c r="WSB153" s="31"/>
      <c r="WSC153" s="31"/>
      <c r="WSD153" s="31"/>
      <c r="WSE153" s="31"/>
      <c r="WSF153" s="31"/>
      <c r="WSG153" s="31"/>
      <c r="WSH153" s="31"/>
      <c r="WSI153" s="31"/>
      <c r="WSJ153" s="31"/>
      <c r="WSK153" s="31"/>
      <c r="WSL153" s="31"/>
      <c r="WSM153" s="31"/>
      <c r="WSN153" s="31"/>
      <c r="WSO153" s="31"/>
      <c r="WSP153" s="31"/>
      <c r="WSQ153" s="31"/>
      <c r="WSR153" s="31"/>
      <c r="WSS153" s="31"/>
      <c r="WST153" s="31"/>
      <c r="WSU153" s="31"/>
      <c r="WSV153" s="31"/>
      <c r="WSW153" s="31"/>
      <c r="WSX153" s="31"/>
      <c r="WSY153" s="31"/>
      <c r="WSZ153" s="31"/>
      <c r="WTA153" s="31"/>
      <c r="WTB153" s="31"/>
      <c r="WTC153" s="31"/>
      <c r="WTD153" s="31"/>
      <c r="WTE153" s="31"/>
      <c r="WTF153" s="31"/>
      <c r="WTG153" s="31"/>
      <c r="WTH153" s="31"/>
      <c r="WTI153" s="31"/>
      <c r="WTJ153" s="31"/>
      <c r="WTK153" s="31"/>
      <c r="WTL153" s="31"/>
      <c r="WTM153" s="31"/>
      <c r="WTN153" s="31"/>
      <c r="WTO153" s="31"/>
      <c r="WTP153" s="31"/>
      <c r="WTQ153" s="31"/>
      <c r="WTR153" s="31"/>
      <c r="WTS153" s="31"/>
      <c r="WTT153" s="31"/>
      <c r="WTU153" s="31"/>
      <c r="WTV153" s="31"/>
      <c r="WTW153" s="31"/>
      <c r="WTX153" s="31"/>
      <c r="WTY153" s="31"/>
      <c r="WTZ153" s="31"/>
      <c r="WUA153" s="31"/>
      <c r="WUB153" s="31"/>
      <c r="WUC153" s="31"/>
      <c r="WUD153" s="31"/>
      <c r="WUE153" s="31"/>
      <c r="WUF153" s="31"/>
      <c r="WUG153" s="31"/>
      <c r="WUH153" s="31"/>
      <c r="WUI153" s="31"/>
      <c r="WUJ153" s="31"/>
      <c r="WUK153" s="31"/>
      <c r="WUL153" s="31"/>
      <c r="WUM153" s="31"/>
      <c r="WUN153" s="31"/>
      <c r="WUO153" s="31"/>
      <c r="WUP153" s="31"/>
      <c r="WUQ153" s="31"/>
      <c r="WUR153" s="31"/>
      <c r="WUS153" s="31"/>
      <c r="WUT153" s="31"/>
      <c r="WUU153" s="31"/>
      <c r="WUV153" s="31"/>
      <c r="WUW153" s="31"/>
      <c r="WUX153" s="31"/>
      <c r="WUY153" s="31"/>
      <c r="WUZ153" s="31"/>
      <c r="WVA153" s="31"/>
      <c r="WVB153" s="31"/>
      <c r="WVC153" s="31"/>
      <c r="WVD153" s="31"/>
      <c r="WVE153" s="31"/>
      <c r="WVF153" s="31"/>
      <c r="WVG153" s="31"/>
      <c r="WVH153" s="31"/>
      <c r="WVI153" s="31"/>
      <c r="WVJ153" s="31"/>
      <c r="WVK153" s="31"/>
      <c r="WVL153" s="31"/>
      <c r="WVM153" s="31"/>
      <c r="WVN153" s="31"/>
      <c r="WVO153" s="31"/>
      <c r="WVP153" s="31"/>
      <c r="WVQ153" s="31"/>
      <c r="WVR153" s="31"/>
      <c r="WVS153" s="31"/>
      <c r="WVT153" s="31"/>
      <c r="WVU153" s="31"/>
      <c r="WVV153" s="31"/>
      <c r="WVW153" s="31"/>
      <c r="WVX153" s="31"/>
      <c r="WVY153" s="31"/>
      <c r="WVZ153" s="31"/>
      <c r="WWA153" s="31"/>
      <c r="WWB153" s="31"/>
      <c r="WWC153" s="31"/>
      <c r="WWD153" s="31"/>
      <c r="WWE153" s="31"/>
      <c r="WWF153" s="31"/>
      <c r="WWG153" s="31"/>
      <c r="WWH153" s="31"/>
      <c r="WWI153" s="31"/>
      <c r="WWJ153" s="31"/>
      <c r="WWK153" s="31"/>
      <c r="WWL153" s="31"/>
      <c r="WWM153" s="31"/>
      <c r="WWN153" s="31"/>
      <c r="WWO153" s="31"/>
      <c r="WWP153" s="31"/>
      <c r="WWQ153" s="31"/>
      <c r="WWR153" s="31"/>
      <c r="WWS153" s="31"/>
      <c r="WWT153" s="31"/>
      <c r="WWU153" s="31"/>
      <c r="WWV153" s="31"/>
      <c r="WWW153" s="31"/>
      <c r="WWX153" s="31"/>
      <c r="WWY153" s="31"/>
      <c r="WWZ153" s="31"/>
      <c r="WXA153" s="31"/>
      <c r="WXB153" s="31"/>
      <c r="WXC153" s="31"/>
      <c r="WXD153" s="31"/>
      <c r="WXE153" s="31"/>
      <c r="WXF153" s="31"/>
      <c r="WXG153" s="31"/>
      <c r="WXH153" s="31"/>
      <c r="WXI153" s="31"/>
      <c r="WXJ153" s="31"/>
      <c r="WXK153" s="31"/>
      <c r="WXL153" s="31"/>
      <c r="WXM153" s="31"/>
      <c r="WXN153" s="31"/>
      <c r="WXO153" s="31"/>
      <c r="WXP153" s="31"/>
      <c r="WXQ153" s="31"/>
      <c r="WXR153" s="31"/>
      <c r="WXS153" s="31"/>
      <c r="WXT153" s="31"/>
      <c r="WXU153" s="31"/>
      <c r="WXV153" s="31"/>
      <c r="WXW153" s="31"/>
      <c r="WXX153" s="31"/>
      <c r="WXY153" s="31"/>
      <c r="WXZ153" s="31"/>
      <c r="WYA153" s="31"/>
      <c r="WYB153" s="31"/>
      <c r="WYC153" s="31"/>
      <c r="WYD153" s="31"/>
      <c r="WYE153" s="31"/>
      <c r="WYF153" s="31"/>
      <c r="WYG153" s="31"/>
      <c r="WYH153" s="31"/>
      <c r="WYI153" s="31"/>
      <c r="WYJ153" s="31"/>
      <c r="WYK153" s="31"/>
      <c r="WYL153" s="31"/>
      <c r="WYM153" s="31"/>
      <c r="WYN153" s="31"/>
      <c r="WYO153" s="31"/>
      <c r="WYP153" s="31"/>
      <c r="WYQ153" s="31"/>
      <c r="WYR153" s="31"/>
      <c r="WYS153" s="31"/>
      <c r="WYT153" s="31"/>
      <c r="WYU153" s="31"/>
      <c r="WYV153" s="31"/>
      <c r="WYW153" s="31"/>
      <c r="WYX153" s="31"/>
      <c r="WYY153" s="31"/>
      <c r="WYZ153" s="31"/>
      <c r="WZA153" s="31"/>
      <c r="WZB153" s="31"/>
      <c r="WZC153" s="31"/>
      <c r="WZD153" s="31"/>
      <c r="WZE153" s="31"/>
      <c r="WZF153" s="31"/>
      <c r="WZG153" s="31"/>
      <c r="WZH153" s="31"/>
      <c r="WZI153" s="31"/>
      <c r="WZJ153" s="31"/>
      <c r="WZK153" s="31"/>
      <c r="WZL153" s="31"/>
      <c r="WZM153" s="31"/>
      <c r="WZN153" s="31"/>
      <c r="WZO153" s="31"/>
      <c r="WZP153" s="31"/>
      <c r="WZQ153" s="31"/>
      <c r="WZR153" s="31"/>
      <c r="WZS153" s="31"/>
      <c r="WZT153" s="31"/>
      <c r="WZU153" s="31"/>
      <c r="WZV153" s="31"/>
      <c r="WZW153" s="31"/>
      <c r="WZX153" s="31"/>
      <c r="WZY153" s="31"/>
      <c r="WZZ153" s="31"/>
      <c r="XAA153" s="31"/>
      <c r="XAB153" s="31"/>
      <c r="XAC153" s="31"/>
      <c r="XAD153" s="31"/>
      <c r="XAE153" s="31"/>
      <c r="XAF153" s="31"/>
      <c r="XAG153" s="31"/>
      <c r="XAH153" s="31"/>
      <c r="XAI153" s="31"/>
      <c r="XAJ153" s="31"/>
      <c r="XAK153" s="31"/>
      <c r="XAL153" s="31"/>
      <c r="XAM153" s="31"/>
      <c r="XAN153" s="31"/>
      <c r="XAO153" s="31"/>
      <c r="XAP153" s="31"/>
      <c r="XAQ153" s="31"/>
      <c r="XAR153" s="31"/>
      <c r="XAS153" s="31"/>
      <c r="XAT153" s="31"/>
      <c r="XAU153" s="31"/>
      <c r="XAV153" s="31"/>
      <c r="XAW153" s="31"/>
      <c r="XAX153" s="31"/>
      <c r="XAY153" s="31"/>
      <c r="XAZ153" s="31"/>
      <c r="XBA153" s="31"/>
      <c r="XBB153" s="31"/>
      <c r="XBC153" s="31"/>
      <c r="XBD153" s="31"/>
      <c r="XBE153" s="31"/>
      <c r="XBF153" s="31"/>
      <c r="XBG153" s="31"/>
      <c r="XBH153" s="31"/>
      <c r="XBI153" s="31"/>
      <c r="XBJ153" s="31"/>
      <c r="XBK153" s="31"/>
      <c r="XBL153" s="31"/>
      <c r="XBM153" s="31"/>
      <c r="XBN153" s="31"/>
      <c r="XBO153" s="31"/>
      <c r="XBP153" s="31"/>
      <c r="XBQ153" s="31"/>
      <c r="XBR153" s="31"/>
      <c r="XBS153" s="31"/>
      <c r="XBT153" s="31"/>
      <c r="XBU153" s="31"/>
      <c r="XBV153" s="31"/>
      <c r="XBW153" s="31"/>
      <c r="XBX153" s="31"/>
      <c r="XBY153" s="31"/>
      <c r="XBZ153" s="31"/>
      <c r="XCA153" s="31"/>
      <c r="XCB153" s="31"/>
      <c r="XCC153" s="31"/>
      <c r="XCD153" s="31"/>
      <c r="XCE153" s="31"/>
      <c r="XCF153" s="31"/>
      <c r="XCG153" s="31"/>
      <c r="XCH153" s="31"/>
      <c r="XCI153" s="31"/>
      <c r="XCJ153" s="31"/>
      <c r="XCK153" s="31"/>
      <c r="XCL153" s="31"/>
      <c r="XCM153" s="31"/>
      <c r="XCN153" s="31"/>
      <c r="XCO153" s="31"/>
      <c r="XCP153" s="31"/>
      <c r="XCQ153" s="31"/>
      <c r="XCR153" s="31"/>
      <c r="XCS153" s="31"/>
      <c r="XCT153" s="31"/>
      <c r="XCU153" s="31"/>
      <c r="XCV153" s="31"/>
      <c r="XCW153" s="31"/>
      <c r="XCX153" s="31"/>
      <c r="XCY153" s="31"/>
      <c r="XCZ153" s="31"/>
      <c r="XDA153" s="31"/>
      <c r="XDB153" s="31"/>
      <c r="XDC153" s="31"/>
      <c r="XDD153" s="31"/>
      <c r="XDE153" s="31"/>
      <c r="XDF153" s="31"/>
      <c r="XDG153" s="31"/>
      <c r="XDH153" s="31"/>
      <c r="XDI153" s="31"/>
      <c r="XDJ153" s="31"/>
      <c r="XDK153" s="31"/>
      <c r="XDL153" s="31"/>
      <c r="XDM153" s="31"/>
      <c r="XDN153" s="31"/>
      <c r="XDO153" s="31"/>
      <c r="XDP153" s="31"/>
      <c r="XDQ153" s="31"/>
      <c r="XDR153" s="31"/>
      <c r="XDS153" s="31"/>
      <c r="XDT153" s="31"/>
      <c r="XDU153" s="31"/>
      <c r="XDV153" s="31"/>
      <c r="XDW153" s="31"/>
      <c r="XDX153" s="31"/>
      <c r="XDY153" s="31"/>
      <c r="XDZ153" s="31"/>
      <c r="XEA153" s="31"/>
      <c r="XEB153" s="31"/>
      <c r="XEC153" s="31"/>
      <c r="XED153" s="31"/>
      <c r="XEE153" s="31"/>
      <c r="XEF153" s="31"/>
      <c r="XEG153" s="31"/>
      <c r="XEH153" s="31"/>
      <c r="XEI153" s="31"/>
      <c r="XEJ153" s="31"/>
      <c r="XEK153" s="31"/>
      <c r="XEL153" s="31"/>
      <c r="XEM153" s="31"/>
      <c r="XEN153" s="31"/>
      <c r="XEO153" s="31"/>
      <c r="XEP153" s="31"/>
      <c r="XEQ153" s="31"/>
    </row>
    <row r="154" spans="1:16371" s="22" customFormat="1" ht="75.599999999999994" x14ac:dyDescent="0.2">
      <c r="A154" s="4" t="s">
        <v>302</v>
      </c>
      <c r="B154" s="4" t="s">
        <v>458</v>
      </c>
      <c r="C154" s="4" t="s">
        <v>459</v>
      </c>
      <c r="D154" s="4" t="s">
        <v>460</v>
      </c>
      <c r="E154" s="4"/>
      <c r="F154" s="31"/>
      <c r="G154" s="31"/>
      <c r="H154" s="31"/>
      <c r="I154" s="31"/>
      <c r="J154" s="31"/>
      <c r="K154" s="31"/>
      <c r="L154" s="31"/>
      <c r="M154" s="31"/>
      <c r="N154" s="31"/>
      <c r="O154" s="31"/>
      <c r="P154" s="31"/>
      <c r="Q154" s="31"/>
      <c r="R154" s="31"/>
      <c r="S154" s="31"/>
      <c r="T154" s="31"/>
      <c r="U154" s="31"/>
      <c r="V154" s="31"/>
      <c r="W154" s="31"/>
      <c r="X154" s="31"/>
      <c r="Y154" s="31"/>
      <c r="Z154" s="31"/>
      <c r="AA154" s="31"/>
      <c r="AB154" s="31"/>
      <c r="AC154" s="31"/>
      <c r="AD154" s="31"/>
      <c r="AE154" s="31"/>
      <c r="AF154" s="31"/>
      <c r="AG154" s="31"/>
      <c r="AH154" s="31"/>
      <c r="AI154" s="31"/>
      <c r="AJ154" s="31"/>
      <c r="AK154" s="31"/>
      <c r="AL154" s="31"/>
      <c r="AM154" s="31"/>
      <c r="AN154" s="31"/>
      <c r="AO154" s="31"/>
      <c r="AP154" s="31"/>
      <c r="AQ154" s="31"/>
      <c r="AR154" s="31"/>
      <c r="AS154" s="31"/>
      <c r="AT154" s="31"/>
      <c r="AU154" s="31"/>
      <c r="AV154" s="31"/>
      <c r="AW154" s="31"/>
      <c r="AX154" s="31"/>
      <c r="AY154" s="31"/>
      <c r="AZ154" s="31"/>
      <c r="BA154" s="31"/>
      <c r="BB154" s="31"/>
      <c r="BC154" s="31"/>
      <c r="BD154" s="31"/>
      <c r="BE154" s="31"/>
      <c r="BF154" s="31"/>
      <c r="BG154" s="31"/>
      <c r="BH154" s="31"/>
      <c r="BI154" s="31"/>
      <c r="BJ154" s="31"/>
      <c r="BK154" s="31"/>
      <c r="BL154" s="31"/>
      <c r="BM154" s="31"/>
      <c r="BN154" s="31"/>
      <c r="BO154" s="31"/>
      <c r="BP154" s="31"/>
      <c r="BQ154" s="31"/>
      <c r="BR154" s="31"/>
      <c r="BS154" s="31"/>
      <c r="BT154" s="31"/>
      <c r="BU154" s="31"/>
      <c r="BV154" s="31"/>
      <c r="BW154" s="31"/>
      <c r="BX154" s="31"/>
      <c r="BY154" s="31"/>
      <c r="BZ154" s="31"/>
      <c r="CA154" s="31"/>
      <c r="CB154" s="31"/>
      <c r="CC154" s="31"/>
      <c r="CD154" s="31"/>
      <c r="CE154" s="31"/>
      <c r="CF154" s="31"/>
      <c r="CG154" s="31"/>
      <c r="CH154" s="31"/>
      <c r="CI154" s="31"/>
      <c r="CJ154" s="31"/>
      <c r="CK154" s="31"/>
      <c r="CL154" s="31"/>
      <c r="CM154" s="31"/>
      <c r="CN154" s="31"/>
      <c r="CO154" s="31"/>
      <c r="CP154" s="31"/>
      <c r="CQ154" s="31"/>
      <c r="CR154" s="31"/>
      <c r="CS154" s="31"/>
      <c r="CT154" s="31"/>
      <c r="CU154" s="31"/>
      <c r="CV154" s="31"/>
      <c r="CW154" s="31"/>
      <c r="CX154" s="31"/>
      <c r="CY154" s="31"/>
      <c r="CZ154" s="31"/>
      <c r="DA154" s="31"/>
      <c r="DB154" s="31"/>
      <c r="DC154" s="31"/>
      <c r="DD154" s="31"/>
      <c r="DE154" s="31"/>
      <c r="DF154" s="31"/>
      <c r="DG154" s="31"/>
      <c r="DH154" s="31"/>
      <c r="DI154" s="31"/>
      <c r="DJ154" s="31"/>
      <c r="DK154" s="31"/>
      <c r="DL154" s="31"/>
      <c r="DM154" s="31"/>
      <c r="DN154" s="31"/>
      <c r="DO154" s="31"/>
      <c r="DP154" s="31"/>
      <c r="DQ154" s="31"/>
      <c r="DR154" s="31"/>
      <c r="DS154" s="31"/>
      <c r="DT154" s="31"/>
      <c r="DU154" s="31"/>
      <c r="DV154" s="31"/>
      <c r="DW154" s="31"/>
      <c r="DX154" s="31"/>
      <c r="DY154" s="31"/>
      <c r="DZ154" s="31"/>
      <c r="EA154" s="31"/>
      <c r="EB154" s="31"/>
      <c r="EC154" s="31"/>
      <c r="ED154" s="31"/>
      <c r="EE154" s="31"/>
      <c r="EF154" s="31"/>
      <c r="EG154" s="31"/>
      <c r="EH154" s="31"/>
      <c r="EI154" s="31"/>
      <c r="EJ154" s="31"/>
      <c r="EK154" s="31"/>
      <c r="EL154" s="31"/>
      <c r="EM154" s="31"/>
      <c r="EN154" s="31"/>
      <c r="EO154" s="31"/>
      <c r="EP154" s="31"/>
      <c r="EQ154" s="31"/>
      <c r="ER154" s="31"/>
      <c r="ES154" s="31"/>
      <c r="ET154" s="31"/>
      <c r="EU154" s="31"/>
      <c r="EV154" s="31"/>
      <c r="EW154" s="31"/>
      <c r="EX154" s="31"/>
      <c r="EY154" s="31"/>
      <c r="EZ154" s="31"/>
      <c r="FA154" s="31"/>
      <c r="FB154" s="31"/>
      <c r="FC154" s="31"/>
      <c r="FD154" s="31"/>
      <c r="FE154" s="31"/>
      <c r="FF154" s="31"/>
      <c r="FG154" s="31"/>
      <c r="FH154" s="31"/>
      <c r="FI154" s="31"/>
      <c r="FJ154" s="31"/>
      <c r="FK154" s="31"/>
      <c r="FL154" s="31"/>
      <c r="FM154" s="31"/>
      <c r="FN154" s="31"/>
      <c r="FO154" s="31"/>
      <c r="FP154" s="31"/>
      <c r="FQ154" s="31"/>
      <c r="FR154" s="31"/>
      <c r="FS154" s="31"/>
      <c r="FT154" s="31"/>
      <c r="FU154" s="31"/>
      <c r="FV154" s="31"/>
      <c r="FW154" s="31"/>
      <c r="FX154" s="31"/>
      <c r="FY154" s="31"/>
      <c r="FZ154" s="31"/>
      <c r="GA154" s="31"/>
      <c r="GB154" s="31"/>
      <c r="GC154" s="31"/>
      <c r="GD154" s="31"/>
      <c r="GE154" s="31"/>
      <c r="GF154" s="31"/>
      <c r="GG154" s="31"/>
      <c r="GH154" s="31"/>
      <c r="GI154" s="31"/>
      <c r="GJ154" s="31"/>
      <c r="GK154" s="31"/>
      <c r="GL154" s="31"/>
      <c r="GM154" s="31"/>
      <c r="GN154" s="31"/>
      <c r="GO154" s="31"/>
      <c r="GP154" s="31"/>
      <c r="GQ154" s="31"/>
      <c r="GR154" s="31"/>
      <c r="GS154" s="31"/>
      <c r="GT154" s="31"/>
      <c r="GU154" s="31"/>
      <c r="GV154" s="31"/>
      <c r="GW154" s="31"/>
      <c r="GX154" s="31"/>
      <c r="GY154" s="31"/>
      <c r="GZ154" s="31"/>
      <c r="HA154" s="31"/>
      <c r="HB154" s="31"/>
      <c r="HC154" s="31"/>
      <c r="HD154" s="31"/>
      <c r="HE154" s="31"/>
      <c r="HF154" s="31"/>
      <c r="HG154" s="31"/>
      <c r="HH154" s="31"/>
      <c r="HI154" s="31"/>
      <c r="HJ154" s="31"/>
      <c r="HK154" s="31"/>
      <c r="HL154" s="31"/>
      <c r="HM154" s="31"/>
      <c r="HN154" s="31"/>
      <c r="HO154" s="31"/>
      <c r="HP154" s="31"/>
      <c r="HQ154" s="31"/>
      <c r="HR154" s="31"/>
      <c r="HS154" s="31"/>
      <c r="HT154" s="31"/>
      <c r="HU154" s="31"/>
      <c r="HV154" s="31"/>
      <c r="HW154" s="31"/>
      <c r="HX154" s="31"/>
      <c r="HY154" s="31"/>
      <c r="HZ154" s="31"/>
      <c r="IA154" s="31"/>
      <c r="IB154" s="31"/>
      <c r="IC154" s="31"/>
      <c r="ID154" s="31"/>
      <c r="IE154" s="31"/>
      <c r="IF154" s="31"/>
      <c r="IG154" s="31"/>
      <c r="IH154" s="31"/>
      <c r="II154" s="31"/>
      <c r="IJ154" s="31"/>
      <c r="IK154" s="31"/>
      <c r="IL154" s="31"/>
      <c r="IM154" s="31"/>
      <c r="IN154" s="31"/>
      <c r="IO154" s="31"/>
      <c r="IP154" s="31"/>
      <c r="IQ154" s="31"/>
      <c r="IR154" s="31"/>
      <c r="IS154" s="31"/>
      <c r="IT154" s="31"/>
      <c r="IU154" s="31"/>
      <c r="IV154" s="31"/>
      <c r="IW154" s="31"/>
      <c r="IX154" s="31"/>
      <c r="IY154" s="31"/>
      <c r="IZ154" s="31"/>
      <c r="JA154" s="31"/>
      <c r="JB154" s="31"/>
      <c r="JC154" s="31"/>
      <c r="JD154" s="31"/>
      <c r="JE154" s="31"/>
      <c r="JF154" s="31"/>
      <c r="JG154" s="31"/>
      <c r="JH154" s="31"/>
      <c r="JI154" s="31"/>
      <c r="JJ154" s="31"/>
      <c r="JK154" s="31"/>
      <c r="JL154" s="31"/>
      <c r="JM154" s="31"/>
      <c r="JN154" s="31"/>
      <c r="JO154" s="31"/>
      <c r="JP154" s="31"/>
      <c r="JQ154" s="31"/>
      <c r="JR154" s="31"/>
      <c r="JS154" s="31"/>
      <c r="JT154" s="31"/>
      <c r="JU154" s="31"/>
      <c r="JV154" s="31"/>
      <c r="JW154" s="31"/>
      <c r="JX154" s="31"/>
      <c r="JY154" s="31"/>
      <c r="JZ154" s="31"/>
      <c r="KA154" s="31"/>
      <c r="KB154" s="31"/>
      <c r="KC154" s="31"/>
      <c r="KD154" s="31"/>
      <c r="KE154" s="31"/>
      <c r="KF154" s="31"/>
      <c r="KG154" s="31"/>
      <c r="KH154" s="31"/>
      <c r="KI154" s="31"/>
      <c r="KJ154" s="31"/>
      <c r="KK154" s="31"/>
      <c r="KL154" s="31"/>
      <c r="KM154" s="31"/>
      <c r="KN154" s="31"/>
      <c r="KO154" s="31"/>
      <c r="KP154" s="31"/>
      <c r="KQ154" s="31"/>
      <c r="KR154" s="31"/>
      <c r="KS154" s="31"/>
      <c r="KT154" s="31"/>
      <c r="KU154" s="31"/>
      <c r="KV154" s="31"/>
      <c r="KW154" s="31"/>
      <c r="KX154" s="31"/>
      <c r="KY154" s="31"/>
      <c r="KZ154" s="31"/>
      <c r="LA154" s="31"/>
      <c r="LB154" s="31"/>
      <c r="LC154" s="31"/>
      <c r="LD154" s="31"/>
      <c r="LE154" s="31"/>
      <c r="LF154" s="31"/>
      <c r="LG154" s="31"/>
      <c r="LH154" s="31"/>
      <c r="LI154" s="31"/>
      <c r="LJ154" s="31"/>
      <c r="LK154" s="31"/>
      <c r="LL154" s="31"/>
      <c r="LM154" s="31"/>
      <c r="LN154" s="31"/>
      <c r="LO154" s="31"/>
      <c r="LP154" s="31"/>
      <c r="LQ154" s="31"/>
      <c r="LR154" s="31"/>
      <c r="LS154" s="31"/>
      <c r="LT154" s="31"/>
      <c r="LU154" s="31"/>
      <c r="LV154" s="31"/>
      <c r="LW154" s="31"/>
      <c r="LX154" s="31"/>
      <c r="LY154" s="31"/>
      <c r="LZ154" s="31"/>
      <c r="MA154" s="31"/>
      <c r="MB154" s="31"/>
      <c r="MC154" s="31"/>
      <c r="MD154" s="31"/>
      <c r="ME154" s="31"/>
      <c r="MF154" s="31"/>
      <c r="MG154" s="31"/>
      <c r="MH154" s="31"/>
      <c r="MI154" s="31"/>
      <c r="MJ154" s="31"/>
      <c r="MK154" s="31"/>
      <c r="ML154" s="31"/>
      <c r="MM154" s="31"/>
      <c r="MN154" s="31"/>
      <c r="MO154" s="31"/>
      <c r="MP154" s="31"/>
      <c r="MQ154" s="31"/>
      <c r="MR154" s="31"/>
      <c r="MS154" s="31"/>
      <c r="MT154" s="31"/>
      <c r="MU154" s="31"/>
      <c r="MV154" s="31"/>
      <c r="MW154" s="31"/>
      <c r="MX154" s="31"/>
      <c r="MY154" s="31"/>
      <c r="MZ154" s="31"/>
      <c r="NA154" s="31"/>
      <c r="NB154" s="31"/>
      <c r="NC154" s="31"/>
      <c r="ND154" s="31"/>
      <c r="NE154" s="31"/>
      <c r="NF154" s="31"/>
      <c r="NG154" s="31"/>
      <c r="NH154" s="31"/>
      <c r="NI154" s="31"/>
      <c r="NJ154" s="31"/>
      <c r="NK154" s="31"/>
      <c r="NL154" s="31"/>
      <c r="NM154" s="31"/>
      <c r="NN154" s="31"/>
      <c r="NO154" s="31"/>
      <c r="NP154" s="31"/>
      <c r="NQ154" s="31"/>
      <c r="NR154" s="31"/>
      <c r="NS154" s="31"/>
      <c r="NT154" s="31"/>
      <c r="NU154" s="31"/>
      <c r="NV154" s="31"/>
      <c r="NW154" s="31"/>
      <c r="NX154" s="31"/>
      <c r="NY154" s="31"/>
      <c r="NZ154" s="31"/>
      <c r="OA154" s="31"/>
      <c r="OB154" s="31"/>
      <c r="OC154" s="31"/>
      <c r="OD154" s="31"/>
      <c r="OE154" s="31"/>
      <c r="OF154" s="31"/>
      <c r="OG154" s="31"/>
      <c r="OH154" s="31"/>
      <c r="OI154" s="31"/>
      <c r="OJ154" s="31"/>
      <c r="OK154" s="31"/>
      <c r="OL154" s="31"/>
      <c r="OM154" s="31"/>
      <c r="ON154" s="31"/>
      <c r="OO154" s="31"/>
      <c r="OP154" s="31"/>
      <c r="OQ154" s="31"/>
      <c r="OR154" s="31"/>
      <c r="OS154" s="31"/>
      <c r="OT154" s="31"/>
      <c r="OU154" s="31"/>
      <c r="OV154" s="31"/>
      <c r="OW154" s="31"/>
      <c r="OX154" s="31"/>
      <c r="OY154" s="31"/>
      <c r="OZ154" s="31"/>
      <c r="PA154" s="31"/>
      <c r="PB154" s="31"/>
      <c r="PC154" s="31"/>
      <c r="PD154" s="31"/>
      <c r="PE154" s="31"/>
      <c r="PF154" s="31"/>
      <c r="PG154" s="31"/>
      <c r="PH154" s="31"/>
      <c r="PI154" s="31"/>
      <c r="PJ154" s="31"/>
      <c r="PK154" s="31"/>
      <c r="PL154" s="31"/>
      <c r="PM154" s="31"/>
      <c r="PN154" s="31"/>
      <c r="PO154" s="31"/>
      <c r="PP154" s="31"/>
      <c r="PQ154" s="31"/>
      <c r="PR154" s="31"/>
      <c r="PS154" s="31"/>
      <c r="PT154" s="31"/>
      <c r="PU154" s="31"/>
      <c r="PV154" s="31"/>
      <c r="PW154" s="31"/>
      <c r="PX154" s="31"/>
      <c r="PY154" s="31"/>
      <c r="PZ154" s="31"/>
      <c r="QA154" s="31"/>
      <c r="QB154" s="31"/>
      <c r="QC154" s="31"/>
      <c r="QD154" s="31"/>
      <c r="QE154" s="31"/>
      <c r="QF154" s="31"/>
      <c r="QG154" s="31"/>
      <c r="QH154" s="31"/>
      <c r="QI154" s="31"/>
      <c r="QJ154" s="31"/>
      <c r="QK154" s="31"/>
      <c r="QL154" s="31"/>
      <c r="QM154" s="31"/>
      <c r="QN154" s="31"/>
      <c r="QO154" s="31"/>
      <c r="QP154" s="31"/>
      <c r="QQ154" s="31"/>
      <c r="QR154" s="31"/>
      <c r="QS154" s="31"/>
      <c r="QT154" s="31"/>
      <c r="QU154" s="31"/>
      <c r="QV154" s="31"/>
      <c r="QW154" s="31"/>
      <c r="QX154" s="31"/>
      <c r="QY154" s="31"/>
      <c r="QZ154" s="31"/>
      <c r="RA154" s="31"/>
      <c r="RB154" s="31"/>
      <c r="RC154" s="31"/>
      <c r="RD154" s="31"/>
      <c r="RE154" s="31"/>
      <c r="RF154" s="31"/>
      <c r="RG154" s="31"/>
      <c r="RH154" s="31"/>
      <c r="RI154" s="31"/>
      <c r="RJ154" s="31"/>
      <c r="RK154" s="31"/>
      <c r="RL154" s="31"/>
      <c r="RM154" s="31"/>
      <c r="RN154" s="31"/>
      <c r="RO154" s="31"/>
      <c r="RP154" s="31"/>
      <c r="RQ154" s="31"/>
      <c r="RR154" s="31"/>
      <c r="RS154" s="31"/>
      <c r="RT154" s="31"/>
      <c r="RU154" s="31"/>
      <c r="RV154" s="31"/>
      <c r="RW154" s="31"/>
      <c r="RX154" s="31"/>
      <c r="RY154" s="31"/>
      <c r="RZ154" s="31"/>
      <c r="SA154" s="31"/>
      <c r="SB154" s="31"/>
      <c r="SC154" s="31"/>
      <c r="SD154" s="31"/>
      <c r="SE154" s="31"/>
      <c r="SF154" s="31"/>
      <c r="SG154" s="31"/>
      <c r="SH154" s="31"/>
      <c r="SI154" s="31"/>
      <c r="SJ154" s="31"/>
      <c r="SK154" s="31"/>
      <c r="SL154" s="31"/>
      <c r="SM154" s="31"/>
      <c r="SN154" s="31"/>
      <c r="SO154" s="31"/>
      <c r="SP154" s="31"/>
      <c r="SQ154" s="31"/>
      <c r="SR154" s="31"/>
      <c r="SS154" s="31"/>
      <c r="ST154" s="31"/>
      <c r="SU154" s="31"/>
      <c r="SV154" s="31"/>
      <c r="SW154" s="31"/>
      <c r="SX154" s="31"/>
      <c r="SY154" s="31"/>
      <c r="SZ154" s="31"/>
      <c r="TA154" s="31"/>
      <c r="TB154" s="31"/>
      <c r="TC154" s="31"/>
      <c r="TD154" s="31"/>
      <c r="TE154" s="31"/>
      <c r="TF154" s="31"/>
      <c r="TG154" s="31"/>
      <c r="TH154" s="31"/>
      <c r="TI154" s="31"/>
      <c r="TJ154" s="31"/>
      <c r="TK154" s="31"/>
      <c r="TL154" s="31"/>
      <c r="TM154" s="31"/>
      <c r="TN154" s="31"/>
      <c r="TO154" s="31"/>
      <c r="TP154" s="31"/>
      <c r="TQ154" s="31"/>
      <c r="TR154" s="31"/>
      <c r="TS154" s="31"/>
      <c r="TT154" s="31"/>
      <c r="TU154" s="31"/>
      <c r="TV154" s="31"/>
      <c r="TW154" s="31"/>
      <c r="TX154" s="31"/>
      <c r="TY154" s="31"/>
      <c r="TZ154" s="31"/>
      <c r="UA154" s="31"/>
      <c r="UB154" s="31"/>
      <c r="UC154" s="31"/>
      <c r="UD154" s="31"/>
      <c r="UE154" s="31"/>
      <c r="UF154" s="31"/>
      <c r="UG154" s="31"/>
      <c r="UH154" s="31"/>
      <c r="UI154" s="31"/>
      <c r="UJ154" s="31"/>
      <c r="UK154" s="31"/>
      <c r="UL154" s="31"/>
      <c r="UM154" s="31"/>
      <c r="UN154" s="31"/>
      <c r="UO154" s="31"/>
      <c r="UP154" s="31"/>
      <c r="UQ154" s="31"/>
      <c r="UR154" s="31"/>
      <c r="US154" s="31"/>
      <c r="UT154" s="31"/>
      <c r="UU154" s="31"/>
      <c r="UV154" s="31"/>
      <c r="UW154" s="31"/>
      <c r="UX154" s="31"/>
      <c r="UY154" s="31"/>
      <c r="UZ154" s="31"/>
      <c r="VA154" s="31"/>
      <c r="VB154" s="31"/>
      <c r="VC154" s="31"/>
      <c r="VD154" s="31"/>
      <c r="VE154" s="31"/>
      <c r="VF154" s="31"/>
      <c r="VG154" s="31"/>
      <c r="VH154" s="31"/>
      <c r="VI154" s="31"/>
      <c r="VJ154" s="31"/>
      <c r="VK154" s="31"/>
      <c r="VL154" s="31"/>
      <c r="VM154" s="31"/>
      <c r="VN154" s="31"/>
      <c r="VO154" s="31"/>
      <c r="VP154" s="31"/>
      <c r="VQ154" s="31"/>
      <c r="VR154" s="31"/>
      <c r="VS154" s="31"/>
      <c r="VT154" s="31"/>
      <c r="VU154" s="31"/>
      <c r="VV154" s="31"/>
      <c r="VW154" s="31"/>
      <c r="VX154" s="31"/>
      <c r="VY154" s="31"/>
      <c r="VZ154" s="31"/>
      <c r="WA154" s="31"/>
      <c r="WB154" s="31"/>
      <c r="WC154" s="31"/>
      <c r="WD154" s="31"/>
      <c r="WE154" s="31"/>
      <c r="WF154" s="31"/>
      <c r="WG154" s="31"/>
      <c r="WH154" s="31"/>
      <c r="WI154" s="31"/>
      <c r="WJ154" s="31"/>
      <c r="WK154" s="31"/>
      <c r="WL154" s="31"/>
      <c r="WM154" s="31"/>
      <c r="WN154" s="31"/>
      <c r="WO154" s="31"/>
      <c r="WP154" s="31"/>
      <c r="WQ154" s="31"/>
      <c r="WR154" s="31"/>
      <c r="WS154" s="31"/>
      <c r="WT154" s="31"/>
      <c r="WU154" s="31"/>
      <c r="WV154" s="31"/>
      <c r="WW154" s="31"/>
      <c r="WX154" s="31"/>
      <c r="WY154" s="31"/>
      <c r="WZ154" s="31"/>
      <c r="XA154" s="31"/>
      <c r="XB154" s="31"/>
      <c r="XC154" s="31"/>
      <c r="XD154" s="31"/>
      <c r="XE154" s="31"/>
      <c r="XF154" s="31"/>
      <c r="XG154" s="31"/>
      <c r="XH154" s="31"/>
      <c r="XI154" s="31"/>
      <c r="XJ154" s="31"/>
      <c r="XK154" s="31"/>
      <c r="XL154" s="31"/>
      <c r="XM154" s="31"/>
      <c r="XN154" s="31"/>
      <c r="XO154" s="31"/>
      <c r="XP154" s="31"/>
      <c r="XQ154" s="31"/>
      <c r="XR154" s="31"/>
      <c r="XS154" s="31"/>
      <c r="XT154" s="31"/>
      <c r="XU154" s="31"/>
      <c r="XV154" s="31"/>
      <c r="XW154" s="31"/>
      <c r="XX154" s="31"/>
      <c r="XY154" s="31"/>
      <c r="XZ154" s="31"/>
      <c r="YA154" s="31"/>
      <c r="YB154" s="31"/>
      <c r="YC154" s="31"/>
      <c r="YD154" s="31"/>
      <c r="YE154" s="31"/>
      <c r="YF154" s="31"/>
      <c r="YG154" s="31"/>
      <c r="YH154" s="31"/>
      <c r="YI154" s="31"/>
      <c r="YJ154" s="31"/>
      <c r="YK154" s="31"/>
      <c r="YL154" s="31"/>
      <c r="YM154" s="31"/>
      <c r="YN154" s="31"/>
      <c r="YO154" s="31"/>
      <c r="YP154" s="31"/>
      <c r="YQ154" s="31"/>
      <c r="YR154" s="31"/>
      <c r="YS154" s="31"/>
      <c r="YT154" s="31"/>
      <c r="YU154" s="31"/>
      <c r="YV154" s="31"/>
      <c r="YW154" s="31"/>
      <c r="YX154" s="31"/>
      <c r="YY154" s="31"/>
      <c r="YZ154" s="31"/>
      <c r="ZA154" s="31"/>
      <c r="ZB154" s="31"/>
      <c r="ZC154" s="31"/>
      <c r="ZD154" s="31"/>
      <c r="ZE154" s="31"/>
      <c r="ZF154" s="31"/>
      <c r="ZG154" s="31"/>
      <c r="ZH154" s="31"/>
      <c r="ZI154" s="31"/>
      <c r="ZJ154" s="31"/>
      <c r="ZK154" s="31"/>
      <c r="ZL154" s="31"/>
      <c r="ZM154" s="31"/>
      <c r="ZN154" s="31"/>
      <c r="ZO154" s="31"/>
      <c r="ZP154" s="31"/>
      <c r="ZQ154" s="31"/>
      <c r="ZR154" s="31"/>
      <c r="ZS154" s="31"/>
      <c r="ZT154" s="31"/>
      <c r="ZU154" s="31"/>
      <c r="ZV154" s="31"/>
      <c r="ZW154" s="31"/>
      <c r="ZX154" s="31"/>
      <c r="ZY154" s="31"/>
      <c r="ZZ154" s="31"/>
      <c r="AAA154" s="31"/>
      <c r="AAB154" s="31"/>
      <c r="AAC154" s="31"/>
      <c r="AAD154" s="31"/>
      <c r="AAE154" s="31"/>
      <c r="AAF154" s="31"/>
      <c r="AAG154" s="31"/>
      <c r="AAH154" s="31"/>
      <c r="AAI154" s="31"/>
      <c r="AAJ154" s="31"/>
      <c r="AAK154" s="31"/>
      <c r="AAL154" s="31"/>
      <c r="AAM154" s="31"/>
      <c r="AAN154" s="31"/>
      <c r="AAO154" s="31"/>
      <c r="AAP154" s="31"/>
      <c r="AAQ154" s="31"/>
      <c r="AAR154" s="31"/>
      <c r="AAS154" s="31"/>
      <c r="AAT154" s="31"/>
      <c r="AAU154" s="31"/>
      <c r="AAV154" s="31"/>
      <c r="AAW154" s="31"/>
      <c r="AAX154" s="31"/>
      <c r="AAY154" s="31"/>
      <c r="AAZ154" s="31"/>
      <c r="ABA154" s="31"/>
      <c r="ABB154" s="31"/>
      <c r="ABC154" s="31"/>
      <c r="ABD154" s="31"/>
      <c r="ABE154" s="31"/>
      <c r="ABF154" s="31"/>
      <c r="ABG154" s="31"/>
      <c r="ABH154" s="31"/>
      <c r="ABI154" s="31"/>
      <c r="ABJ154" s="31"/>
      <c r="ABK154" s="31"/>
      <c r="ABL154" s="31"/>
      <c r="ABM154" s="31"/>
      <c r="ABN154" s="31"/>
      <c r="ABO154" s="31"/>
      <c r="ABP154" s="31"/>
      <c r="ABQ154" s="31"/>
      <c r="ABR154" s="31"/>
      <c r="ABS154" s="31"/>
      <c r="ABT154" s="31"/>
      <c r="ABU154" s="31"/>
      <c r="ABV154" s="31"/>
      <c r="ABW154" s="31"/>
      <c r="ABX154" s="31"/>
      <c r="ABY154" s="31"/>
      <c r="ABZ154" s="31"/>
      <c r="ACA154" s="31"/>
      <c r="ACB154" s="31"/>
      <c r="ACC154" s="31"/>
      <c r="ACD154" s="31"/>
      <c r="ACE154" s="31"/>
      <c r="ACF154" s="31"/>
      <c r="ACG154" s="31"/>
      <c r="ACH154" s="31"/>
      <c r="ACI154" s="31"/>
      <c r="ACJ154" s="31"/>
      <c r="ACK154" s="31"/>
      <c r="ACL154" s="31"/>
      <c r="ACM154" s="31"/>
      <c r="ACN154" s="31"/>
      <c r="ACO154" s="31"/>
      <c r="ACP154" s="31"/>
      <c r="ACQ154" s="31"/>
      <c r="ACR154" s="31"/>
      <c r="ACS154" s="31"/>
      <c r="ACT154" s="31"/>
      <c r="ACU154" s="31"/>
      <c r="ACV154" s="31"/>
      <c r="ACW154" s="31"/>
      <c r="ACX154" s="31"/>
      <c r="ACY154" s="31"/>
      <c r="ACZ154" s="31"/>
      <c r="ADA154" s="31"/>
      <c r="ADB154" s="31"/>
      <c r="ADC154" s="31"/>
      <c r="ADD154" s="31"/>
      <c r="ADE154" s="31"/>
      <c r="ADF154" s="31"/>
      <c r="ADG154" s="31"/>
      <c r="ADH154" s="31"/>
      <c r="ADI154" s="31"/>
      <c r="ADJ154" s="31"/>
      <c r="ADK154" s="31"/>
      <c r="ADL154" s="31"/>
      <c r="ADM154" s="31"/>
      <c r="ADN154" s="31"/>
      <c r="ADO154" s="31"/>
      <c r="ADP154" s="31"/>
      <c r="ADQ154" s="31"/>
      <c r="ADR154" s="31"/>
      <c r="ADS154" s="31"/>
      <c r="ADT154" s="31"/>
      <c r="ADU154" s="31"/>
      <c r="ADV154" s="31"/>
      <c r="ADW154" s="31"/>
      <c r="ADX154" s="31"/>
      <c r="ADY154" s="31"/>
      <c r="ADZ154" s="31"/>
      <c r="AEA154" s="31"/>
      <c r="AEB154" s="31"/>
      <c r="AEC154" s="31"/>
      <c r="AED154" s="31"/>
      <c r="AEE154" s="31"/>
      <c r="AEF154" s="31"/>
      <c r="AEG154" s="31"/>
      <c r="AEH154" s="31"/>
      <c r="AEI154" s="31"/>
      <c r="AEJ154" s="31"/>
      <c r="AEK154" s="31"/>
      <c r="AEL154" s="31"/>
      <c r="AEM154" s="31"/>
      <c r="AEN154" s="31"/>
      <c r="AEO154" s="31"/>
      <c r="AEP154" s="31"/>
      <c r="AEQ154" s="31"/>
      <c r="AER154" s="31"/>
      <c r="AES154" s="31"/>
      <c r="AET154" s="31"/>
      <c r="AEU154" s="31"/>
      <c r="AEV154" s="31"/>
      <c r="AEW154" s="31"/>
      <c r="AEX154" s="31"/>
      <c r="AEY154" s="31"/>
      <c r="AEZ154" s="31"/>
      <c r="AFA154" s="31"/>
      <c r="AFB154" s="31"/>
      <c r="AFC154" s="31"/>
      <c r="AFD154" s="31"/>
      <c r="AFE154" s="31"/>
      <c r="AFF154" s="31"/>
      <c r="AFG154" s="31"/>
      <c r="AFH154" s="31"/>
      <c r="AFI154" s="31"/>
      <c r="AFJ154" s="31"/>
      <c r="AFK154" s="31"/>
      <c r="AFL154" s="31"/>
      <c r="AFM154" s="31"/>
      <c r="AFN154" s="31"/>
      <c r="AFO154" s="31"/>
      <c r="AFP154" s="31"/>
      <c r="AFQ154" s="31"/>
      <c r="AFR154" s="31"/>
      <c r="AFS154" s="31"/>
      <c r="AFT154" s="31"/>
      <c r="AFU154" s="31"/>
      <c r="AFV154" s="31"/>
      <c r="AFW154" s="31"/>
      <c r="AFX154" s="31"/>
      <c r="AFY154" s="31"/>
      <c r="AFZ154" s="31"/>
      <c r="AGA154" s="31"/>
      <c r="AGB154" s="31"/>
      <c r="AGC154" s="31"/>
      <c r="AGD154" s="31"/>
      <c r="AGE154" s="31"/>
      <c r="AGF154" s="31"/>
      <c r="AGG154" s="31"/>
      <c r="AGH154" s="31"/>
      <c r="AGI154" s="31"/>
      <c r="AGJ154" s="31"/>
      <c r="AGK154" s="31"/>
      <c r="AGL154" s="31"/>
      <c r="AGM154" s="31"/>
      <c r="AGN154" s="31"/>
      <c r="AGO154" s="31"/>
      <c r="AGP154" s="31"/>
      <c r="AGQ154" s="31"/>
      <c r="AGR154" s="31"/>
      <c r="AGS154" s="31"/>
      <c r="AGT154" s="31"/>
      <c r="AGU154" s="31"/>
      <c r="AGV154" s="31"/>
      <c r="AGW154" s="31"/>
      <c r="AGX154" s="31"/>
      <c r="AGY154" s="31"/>
      <c r="AGZ154" s="31"/>
      <c r="AHA154" s="31"/>
      <c r="AHB154" s="31"/>
      <c r="AHC154" s="31"/>
      <c r="AHD154" s="31"/>
      <c r="AHE154" s="31"/>
      <c r="AHF154" s="31"/>
      <c r="AHG154" s="31"/>
      <c r="AHH154" s="31"/>
      <c r="AHI154" s="31"/>
      <c r="AHJ154" s="31"/>
      <c r="AHK154" s="31"/>
      <c r="AHL154" s="31"/>
      <c r="AHM154" s="31"/>
      <c r="AHN154" s="31"/>
      <c r="AHO154" s="31"/>
      <c r="AHP154" s="31"/>
      <c r="AHQ154" s="31"/>
      <c r="AHR154" s="31"/>
      <c r="AHS154" s="31"/>
      <c r="AHT154" s="31"/>
      <c r="AHU154" s="31"/>
      <c r="AHV154" s="31"/>
      <c r="AHW154" s="31"/>
      <c r="AHX154" s="31"/>
      <c r="AHY154" s="31"/>
      <c r="AHZ154" s="31"/>
      <c r="AIA154" s="31"/>
      <c r="AIB154" s="31"/>
      <c r="AIC154" s="31"/>
      <c r="AID154" s="31"/>
      <c r="AIE154" s="31"/>
      <c r="AIF154" s="31"/>
      <c r="AIG154" s="31"/>
      <c r="AIH154" s="31"/>
      <c r="AII154" s="31"/>
      <c r="AIJ154" s="31"/>
      <c r="AIK154" s="31"/>
      <c r="AIL154" s="31"/>
      <c r="AIM154" s="31"/>
      <c r="AIN154" s="31"/>
      <c r="AIO154" s="31"/>
      <c r="AIP154" s="31"/>
      <c r="AIQ154" s="31"/>
      <c r="AIR154" s="31"/>
      <c r="AIS154" s="31"/>
      <c r="AIT154" s="31"/>
      <c r="AIU154" s="31"/>
      <c r="AIV154" s="31"/>
      <c r="AIW154" s="31"/>
      <c r="AIX154" s="31"/>
      <c r="AIY154" s="31"/>
      <c r="AIZ154" s="31"/>
      <c r="AJA154" s="31"/>
      <c r="AJB154" s="31"/>
      <c r="AJC154" s="31"/>
      <c r="AJD154" s="31"/>
      <c r="AJE154" s="31"/>
      <c r="AJF154" s="31"/>
      <c r="AJG154" s="31"/>
      <c r="AJH154" s="31"/>
      <c r="AJI154" s="31"/>
      <c r="AJJ154" s="31"/>
      <c r="AJK154" s="31"/>
      <c r="AJL154" s="31"/>
      <c r="AJM154" s="31"/>
      <c r="AJN154" s="31"/>
      <c r="AJO154" s="31"/>
      <c r="AJP154" s="31"/>
      <c r="AJQ154" s="31"/>
      <c r="AJR154" s="31"/>
      <c r="AJS154" s="31"/>
      <c r="AJT154" s="31"/>
      <c r="AJU154" s="31"/>
      <c r="AJV154" s="31"/>
      <c r="AJW154" s="31"/>
      <c r="AJX154" s="31"/>
      <c r="AJY154" s="31"/>
      <c r="AJZ154" s="31"/>
      <c r="AKA154" s="31"/>
      <c r="AKB154" s="31"/>
      <c r="AKC154" s="31"/>
      <c r="AKD154" s="31"/>
      <c r="AKE154" s="31"/>
      <c r="AKF154" s="31"/>
      <c r="AKG154" s="31"/>
      <c r="AKH154" s="31"/>
      <c r="AKI154" s="31"/>
      <c r="AKJ154" s="31"/>
      <c r="AKK154" s="31"/>
      <c r="AKL154" s="31"/>
      <c r="AKM154" s="31"/>
      <c r="AKN154" s="31"/>
      <c r="AKO154" s="31"/>
      <c r="AKP154" s="31"/>
      <c r="AKQ154" s="31"/>
      <c r="AKR154" s="31"/>
      <c r="AKS154" s="31"/>
      <c r="AKT154" s="31"/>
      <c r="AKU154" s="31"/>
      <c r="AKV154" s="31"/>
      <c r="AKW154" s="31"/>
      <c r="AKX154" s="31"/>
      <c r="AKY154" s="31"/>
      <c r="AKZ154" s="31"/>
      <c r="ALA154" s="31"/>
      <c r="ALB154" s="31"/>
      <c r="ALC154" s="31"/>
      <c r="ALD154" s="31"/>
      <c r="ALE154" s="31"/>
      <c r="ALF154" s="31"/>
      <c r="ALG154" s="31"/>
      <c r="ALH154" s="31"/>
      <c r="ALI154" s="31"/>
      <c r="ALJ154" s="31"/>
      <c r="ALK154" s="31"/>
      <c r="ALL154" s="31"/>
      <c r="ALM154" s="31"/>
      <c r="ALN154" s="31"/>
      <c r="ALO154" s="31"/>
      <c r="ALP154" s="31"/>
      <c r="ALQ154" s="31"/>
      <c r="ALR154" s="31"/>
      <c r="ALS154" s="31"/>
      <c r="ALT154" s="31"/>
      <c r="ALU154" s="31"/>
      <c r="ALV154" s="31"/>
      <c r="ALW154" s="31"/>
      <c r="ALX154" s="31"/>
      <c r="ALY154" s="31"/>
      <c r="ALZ154" s="31"/>
      <c r="AMA154" s="31"/>
      <c r="AMB154" s="31"/>
      <c r="AMC154" s="31"/>
      <c r="AMD154" s="31"/>
      <c r="AME154" s="31"/>
      <c r="AMF154" s="31"/>
      <c r="AMG154" s="31"/>
      <c r="AMH154" s="31"/>
      <c r="AMI154" s="31"/>
      <c r="AMJ154" s="31"/>
      <c r="AMK154" s="31"/>
      <c r="AML154" s="31"/>
      <c r="AMM154" s="31"/>
      <c r="AMN154" s="31"/>
      <c r="AMO154" s="31"/>
      <c r="AMP154" s="31"/>
      <c r="AMQ154" s="31"/>
      <c r="AMR154" s="31"/>
      <c r="AMS154" s="31"/>
      <c r="AMT154" s="31"/>
      <c r="AMU154" s="31"/>
      <c r="AMV154" s="31"/>
      <c r="AMW154" s="31"/>
      <c r="AMX154" s="31"/>
      <c r="AMY154" s="31"/>
      <c r="AMZ154" s="31"/>
      <c r="ANA154" s="31"/>
      <c r="ANB154" s="31"/>
      <c r="ANC154" s="31"/>
      <c r="AND154" s="31"/>
      <c r="ANE154" s="31"/>
      <c r="ANF154" s="31"/>
      <c r="ANG154" s="31"/>
      <c r="ANH154" s="31"/>
      <c r="ANI154" s="31"/>
      <c r="ANJ154" s="31"/>
      <c r="ANK154" s="31"/>
      <c r="ANL154" s="31"/>
      <c r="ANM154" s="31"/>
      <c r="ANN154" s="31"/>
      <c r="ANO154" s="31"/>
      <c r="ANP154" s="31"/>
      <c r="ANQ154" s="31"/>
      <c r="ANR154" s="31"/>
      <c r="ANS154" s="31"/>
      <c r="ANT154" s="31"/>
      <c r="ANU154" s="31"/>
      <c r="ANV154" s="31"/>
      <c r="ANW154" s="31"/>
      <c r="ANX154" s="31"/>
      <c r="ANY154" s="31"/>
      <c r="ANZ154" s="31"/>
      <c r="AOA154" s="31"/>
      <c r="AOB154" s="31"/>
      <c r="AOC154" s="31"/>
      <c r="AOD154" s="31"/>
      <c r="AOE154" s="31"/>
      <c r="AOF154" s="31"/>
      <c r="AOG154" s="31"/>
      <c r="AOH154" s="31"/>
      <c r="AOI154" s="31"/>
      <c r="AOJ154" s="31"/>
      <c r="AOK154" s="31"/>
      <c r="AOL154" s="31"/>
      <c r="AOM154" s="31"/>
      <c r="AON154" s="31"/>
      <c r="AOO154" s="31"/>
      <c r="AOP154" s="31"/>
      <c r="AOQ154" s="31"/>
      <c r="AOR154" s="31"/>
      <c r="AOS154" s="31"/>
      <c r="AOT154" s="31"/>
      <c r="AOU154" s="31"/>
      <c r="AOV154" s="31"/>
      <c r="AOW154" s="31"/>
      <c r="AOX154" s="31"/>
      <c r="AOY154" s="31"/>
      <c r="AOZ154" s="31"/>
      <c r="APA154" s="31"/>
      <c r="APB154" s="31"/>
      <c r="APC154" s="31"/>
      <c r="APD154" s="31"/>
      <c r="APE154" s="31"/>
      <c r="APF154" s="31"/>
      <c r="APG154" s="31"/>
      <c r="APH154" s="31"/>
      <c r="API154" s="31"/>
      <c r="APJ154" s="31"/>
      <c r="APK154" s="31"/>
      <c r="APL154" s="31"/>
      <c r="APM154" s="31"/>
      <c r="APN154" s="31"/>
      <c r="APO154" s="31"/>
      <c r="APP154" s="31"/>
      <c r="APQ154" s="31"/>
      <c r="APR154" s="31"/>
      <c r="APS154" s="31"/>
      <c r="APT154" s="31"/>
      <c r="APU154" s="31"/>
      <c r="APV154" s="31"/>
      <c r="APW154" s="31"/>
      <c r="APX154" s="31"/>
      <c r="APY154" s="31"/>
      <c r="APZ154" s="31"/>
      <c r="AQA154" s="31"/>
      <c r="AQB154" s="31"/>
      <c r="AQC154" s="31"/>
      <c r="AQD154" s="31"/>
      <c r="AQE154" s="31"/>
      <c r="AQF154" s="31"/>
      <c r="AQG154" s="31"/>
      <c r="AQH154" s="31"/>
      <c r="AQI154" s="31"/>
      <c r="AQJ154" s="31"/>
      <c r="AQK154" s="31"/>
      <c r="AQL154" s="31"/>
      <c r="AQM154" s="31"/>
      <c r="AQN154" s="31"/>
      <c r="AQO154" s="31"/>
      <c r="AQP154" s="31"/>
      <c r="AQQ154" s="31"/>
      <c r="AQR154" s="31"/>
      <c r="AQS154" s="31"/>
      <c r="AQT154" s="31"/>
      <c r="AQU154" s="31"/>
      <c r="AQV154" s="31"/>
      <c r="AQW154" s="31"/>
      <c r="AQX154" s="31"/>
      <c r="AQY154" s="31"/>
      <c r="AQZ154" s="31"/>
      <c r="ARA154" s="31"/>
      <c r="ARB154" s="31"/>
      <c r="ARC154" s="31"/>
      <c r="ARD154" s="31"/>
      <c r="ARE154" s="31"/>
      <c r="ARF154" s="31"/>
      <c r="ARG154" s="31"/>
      <c r="ARH154" s="31"/>
      <c r="ARI154" s="31"/>
      <c r="ARJ154" s="31"/>
      <c r="ARK154" s="31"/>
      <c r="ARL154" s="31"/>
      <c r="ARM154" s="31"/>
      <c r="ARN154" s="31"/>
      <c r="ARO154" s="31"/>
      <c r="ARP154" s="31"/>
      <c r="ARQ154" s="31"/>
      <c r="ARR154" s="31"/>
      <c r="ARS154" s="31"/>
      <c r="ART154" s="31"/>
      <c r="ARU154" s="31"/>
      <c r="ARV154" s="31"/>
      <c r="ARW154" s="31"/>
      <c r="ARX154" s="31"/>
      <c r="ARY154" s="31"/>
      <c r="ARZ154" s="31"/>
      <c r="ASA154" s="31"/>
      <c r="ASB154" s="31"/>
      <c r="ASC154" s="31"/>
      <c r="ASD154" s="31"/>
      <c r="ASE154" s="31"/>
      <c r="ASF154" s="31"/>
      <c r="ASG154" s="31"/>
      <c r="ASH154" s="31"/>
      <c r="ASI154" s="31"/>
      <c r="ASJ154" s="31"/>
      <c r="ASK154" s="31"/>
      <c r="ASL154" s="31"/>
      <c r="ASM154" s="31"/>
      <c r="ASN154" s="31"/>
      <c r="ASO154" s="31"/>
      <c r="ASP154" s="31"/>
      <c r="ASQ154" s="31"/>
      <c r="ASR154" s="31"/>
      <c r="ASS154" s="31"/>
      <c r="AST154" s="31"/>
      <c r="ASU154" s="31"/>
      <c r="ASV154" s="31"/>
      <c r="ASW154" s="31"/>
      <c r="ASX154" s="31"/>
      <c r="ASY154" s="31"/>
      <c r="ASZ154" s="31"/>
      <c r="ATA154" s="31"/>
      <c r="ATB154" s="31"/>
      <c r="ATC154" s="31"/>
      <c r="ATD154" s="31"/>
      <c r="ATE154" s="31"/>
      <c r="ATF154" s="31"/>
      <c r="ATG154" s="31"/>
      <c r="ATH154" s="31"/>
      <c r="ATI154" s="31"/>
      <c r="ATJ154" s="31"/>
      <c r="ATK154" s="31"/>
      <c r="ATL154" s="31"/>
      <c r="ATM154" s="31"/>
      <c r="ATN154" s="31"/>
      <c r="ATO154" s="31"/>
      <c r="ATP154" s="31"/>
      <c r="ATQ154" s="31"/>
      <c r="ATR154" s="31"/>
      <c r="ATS154" s="31"/>
      <c r="ATT154" s="31"/>
      <c r="ATU154" s="31"/>
      <c r="ATV154" s="31"/>
      <c r="ATW154" s="31"/>
      <c r="ATX154" s="31"/>
      <c r="ATY154" s="31"/>
      <c r="ATZ154" s="31"/>
      <c r="AUA154" s="31"/>
      <c r="AUB154" s="31"/>
      <c r="AUC154" s="31"/>
      <c r="AUD154" s="31"/>
      <c r="AUE154" s="31"/>
      <c r="AUF154" s="31"/>
      <c r="AUG154" s="31"/>
      <c r="AUH154" s="31"/>
      <c r="AUI154" s="31"/>
      <c r="AUJ154" s="31"/>
      <c r="AUK154" s="31"/>
      <c r="AUL154" s="31"/>
      <c r="AUM154" s="31"/>
      <c r="AUN154" s="31"/>
      <c r="AUO154" s="31"/>
      <c r="AUP154" s="31"/>
      <c r="AUQ154" s="31"/>
      <c r="AUR154" s="31"/>
      <c r="AUS154" s="31"/>
      <c r="AUT154" s="31"/>
      <c r="AUU154" s="31"/>
      <c r="AUV154" s="31"/>
      <c r="AUW154" s="31"/>
      <c r="AUX154" s="31"/>
      <c r="AUY154" s="31"/>
      <c r="AUZ154" s="31"/>
      <c r="AVA154" s="31"/>
      <c r="AVB154" s="31"/>
      <c r="AVC154" s="31"/>
      <c r="AVD154" s="31"/>
      <c r="AVE154" s="31"/>
      <c r="AVF154" s="31"/>
      <c r="AVG154" s="31"/>
      <c r="AVH154" s="31"/>
      <c r="AVI154" s="31"/>
      <c r="AVJ154" s="31"/>
      <c r="AVK154" s="31"/>
      <c r="AVL154" s="31"/>
      <c r="AVM154" s="31"/>
      <c r="AVN154" s="31"/>
      <c r="AVO154" s="31"/>
      <c r="AVP154" s="31"/>
      <c r="AVQ154" s="31"/>
      <c r="AVR154" s="31"/>
      <c r="AVS154" s="31"/>
      <c r="AVT154" s="31"/>
      <c r="AVU154" s="31"/>
      <c r="AVV154" s="31"/>
      <c r="AVW154" s="31"/>
      <c r="AVX154" s="31"/>
      <c r="AVY154" s="31"/>
      <c r="AVZ154" s="31"/>
      <c r="AWA154" s="31"/>
      <c r="AWB154" s="31"/>
      <c r="AWC154" s="31"/>
      <c r="AWD154" s="31"/>
      <c r="AWE154" s="31"/>
      <c r="AWF154" s="31"/>
      <c r="AWG154" s="31"/>
      <c r="AWH154" s="31"/>
      <c r="AWI154" s="31"/>
      <c r="AWJ154" s="31"/>
      <c r="AWK154" s="31"/>
      <c r="AWL154" s="31"/>
      <c r="AWM154" s="31"/>
      <c r="AWN154" s="31"/>
      <c r="AWO154" s="31"/>
      <c r="AWP154" s="31"/>
      <c r="AWQ154" s="31"/>
      <c r="AWR154" s="31"/>
      <c r="AWS154" s="31"/>
      <c r="AWT154" s="31"/>
      <c r="AWU154" s="31"/>
      <c r="AWV154" s="31"/>
      <c r="AWW154" s="31"/>
      <c r="AWX154" s="31"/>
      <c r="AWY154" s="31"/>
      <c r="AWZ154" s="31"/>
      <c r="AXA154" s="31"/>
      <c r="AXB154" s="31"/>
      <c r="AXC154" s="31"/>
      <c r="AXD154" s="31"/>
      <c r="AXE154" s="31"/>
      <c r="AXF154" s="31"/>
      <c r="AXG154" s="31"/>
      <c r="AXH154" s="31"/>
      <c r="AXI154" s="31"/>
      <c r="AXJ154" s="31"/>
      <c r="AXK154" s="31"/>
      <c r="AXL154" s="31"/>
      <c r="AXM154" s="31"/>
      <c r="AXN154" s="31"/>
      <c r="AXO154" s="31"/>
      <c r="AXP154" s="31"/>
      <c r="AXQ154" s="31"/>
      <c r="AXR154" s="31"/>
      <c r="AXS154" s="31"/>
      <c r="AXT154" s="31"/>
      <c r="AXU154" s="31"/>
      <c r="AXV154" s="31"/>
      <c r="AXW154" s="31"/>
      <c r="AXX154" s="31"/>
      <c r="AXY154" s="31"/>
      <c r="AXZ154" s="31"/>
      <c r="AYA154" s="31"/>
      <c r="AYB154" s="31"/>
      <c r="AYC154" s="31"/>
      <c r="AYD154" s="31"/>
      <c r="AYE154" s="31"/>
      <c r="AYF154" s="31"/>
      <c r="AYG154" s="31"/>
      <c r="AYH154" s="31"/>
      <c r="AYI154" s="31"/>
      <c r="AYJ154" s="31"/>
      <c r="AYK154" s="31"/>
      <c r="AYL154" s="31"/>
      <c r="AYM154" s="31"/>
      <c r="AYN154" s="31"/>
      <c r="AYO154" s="31"/>
      <c r="AYP154" s="31"/>
      <c r="AYQ154" s="31"/>
      <c r="AYR154" s="31"/>
      <c r="AYS154" s="31"/>
      <c r="AYT154" s="31"/>
      <c r="AYU154" s="31"/>
      <c r="AYV154" s="31"/>
      <c r="AYW154" s="31"/>
      <c r="AYX154" s="31"/>
      <c r="AYY154" s="31"/>
      <c r="AYZ154" s="31"/>
      <c r="AZA154" s="31"/>
      <c r="AZB154" s="31"/>
      <c r="AZC154" s="31"/>
      <c r="AZD154" s="31"/>
      <c r="AZE154" s="31"/>
      <c r="AZF154" s="31"/>
      <c r="AZG154" s="31"/>
      <c r="AZH154" s="31"/>
      <c r="AZI154" s="31"/>
      <c r="AZJ154" s="31"/>
      <c r="AZK154" s="31"/>
      <c r="AZL154" s="31"/>
      <c r="AZM154" s="31"/>
      <c r="AZN154" s="31"/>
      <c r="AZO154" s="31"/>
      <c r="AZP154" s="31"/>
      <c r="AZQ154" s="31"/>
      <c r="AZR154" s="31"/>
      <c r="AZS154" s="31"/>
      <c r="AZT154" s="31"/>
      <c r="AZU154" s="31"/>
      <c r="AZV154" s="31"/>
      <c r="AZW154" s="31"/>
      <c r="AZX154" s="31"/>
      <c r="AZY154" s="31"/>
      <c r="AZZ154" s="31"/>
      <c r="BAA154" s="31"/>
      <c r="BAB154" s="31"/>
      <c r="BAC154" s="31"/>
      <c r="BAD154" s="31"/>
      <c r="BAE154" s="31"/>
      <c r="BAF154" s="31"/>
      <c r="BAG154" s="31"/>
      <c r="BAH154" s="31"/>
      <c r="BAI154" s="31"/>
      <c r="BAJ154" s="31"/>
      <c r="BAK154" s="31"/>
      <c r="BAL154" s="31"/>
      <c r="BAM154" s="31"/>
      <c r="BAN154" s="31"/>
      <c r="BAO154" s="31"/>
      <c r="BAP154" s="31"/>
      <c r="BAQ154" s="31"/>
      <c r="BAR154" s="31"/>
      <c r="BAS154" s="31"/>
      <c r="BAT154" s="31"/>
      <c r="BAU154" s="31"/>
      <c r="BAV154" s="31"/>
      <c r="BAW154" s="31"/>
      <c r="BAX154" s="31"/>
      <c r="BAY154" s="31"/>
      <c r="BAZ154" s="31"/>
      <c r="BBA154" s="31"/>
      <c r="BBB154" s="31"/>
      <c r="BBC154" s="31"/>
      <c r="BBD154" s="31"/>
      <c r="BBE154" s="31"/>
      <c r="BBF154" s="31"/>
      <c r="BBG154" s="31"/>
      <c r="BBH154" s="31"/>
      <c r="BBI154" s="31"/>
      <c r="BBJ154" s="31"/>
      <c r="BBK154" s="31"/>
      <c r="BBL154" s="31"/>
      <c r="BBM154" s="31"/>
      <c r="BBN154" s="31"/>
      <c r="BBO154" s="31"/>
      <c r="BBP154" s="31"/>
      <c r="BBQ154" s="31"/>
      <c r="BBR154" s="31"/>
      <c r="BBS154" s="31"/>
      <c r="BBT154" s="31"/>
      <c r="BBU154" s="31"/>
      <c r="BBV154" s="31"/>
      <c r="BBW154" s="31"/>
      <c r="BBX154" s="31"/>
      <c r="BBY154" s="31"/>
      <c r="BBZ154" s="31"/>
      <c r="BCA154" s="31"/>
      <c r="BCB154" s="31"/>
      <c r="BCC154" s="31"/>
      <c r="BCD154" s="31"/>
      <c r="BCE154" s="31"/>
      <c r="BCF154" s="31"/>
      <c r="BCG154" s="31"/>
      <c r="BCH154" s="31"/>
      <c r="BCI154" s="31"/>
      <c r="BCJ154" s="31"/>
      <c r="BCK154" s="31"/>
      <c r="BCL154" s="31"/>
      <c r="BCM154" s="31"/>
      <c r="BCN154" s="31"/>
      <c r="BCO154" s="31"/>
      <c r="BCP154" s="31"/>
      <c r="BCQ154" s="31"/>
      <c r="BCR154" s="31"/>
      <c r="BCS154" s="31"/>
      <c r="BCT154" s="31"/>
      <c r="BCU154" s="31"/>
      <c r="BCV154" s="31"/>
      <c r="BCW154" s="31"/>
      <c r="BCX154" s="31"/>
      <c r="BCY154" s="31"/>
      <c r="BCZ154" s="31"/>
      <c r="BDA154" s="31"/>
      <c r="BDB154" s="31"/>
      <c r="BDC154" s="31"/>
      <c r="BDD154" s="31"/>
      <c r="BDE154" s="31"/>
      <c r="BDF154" s="31"/>
      <c r="BDG154" s="31"/>
      <c r="BDH154" s="31"/>
      <c r="BDI154" s="31"/>
      <c r="BDJ154" s="31"/>
      <c r="BDK154" s="31"/>
      <c r="BDL154" s="31"/>
      <c r="BDM154" s="31"/>
      <c r="BDN154" s="31"/>
      <c r="BDO154" s="31"/>
      <c r="BDP154" s="31"/>
      <c r="BDQ154" s="31"/>
      <c r="BDR154" s="31"/>
      <c r="BDS154" s="31"/>
      <c r="BDT154" s="31"/>
      <c r="BDU154" s="31"/>
      <c r="BDV154" s="31"/>
      <c r="BDW154" s="31"/>
      <c r="BDX154" s="31"/>
      <c r="BDY154" s="31"/>
      <c r="BDZ154" s="31"/>
      <c r="BEA154" s="31"/>
      <c r="BEB154" s="31"/>
      <c r="BEC154" s="31"/>
      <c r="BED154" s="31"/>
      <c r="BEE154" s="31"/>
      <c r="BEF154" s="31"/>
      <c r="BEG154" s="31"/>
      <c r="BEH154" s="31"/>
      <c r="BEI154" s="31"/>
      <c r="BEJ154" s="31"/>
      <c r="BEK154" s="31"/>
      <c r="BEL154" s="31"/>
      <c r="BEM154" s="31"/>
      <c r="BEN154" s="31"/>
      <c r="BEO154" s="31"/>
      <c r="BEP154" s="31"/>
      <c r="BEQ154" s="31"/>
      <c r="BER154" s="31"/>
      <c r="BES154" s="31"/>
      <c r="BET154" s="31"/>
      <c r="BEU154" s="31"/>
      <c r="BEV154" s="31"/>
      <c r="BEW154" s="31"/>
      <c r="BEX154" s="31"/>
      <c r="BEY154" s="31"/>
      <c r="BEZ154" s="31"/>
      <c r="BFA154" s="31"/>
      <c r="BFB154" s="31"/>
      <c r="BFC154" s="31"/>
      <c r="BFD154" s="31"/>
      <c r="BFE154" s="31"/>
      <c r="BFF154" s="31"/>
      <c r="BFG154" s="31"/>
      <c r="BFH154" s="31"/>
      <c r="BFI154" s="31"/>
      <c r="BFJ154" s="31"/>
      <c r="BFK154" s="31"/>
      <c r="BFL154" s="31"/>
      <c r="BFM154" s="31"/>
      <c r="BFN154" s="31"/>
      <c r="BFO154" s="31"/>
      <c r="BFP154" s="31"/>
      <c r="BFQ154" s="31"/>
      <c r="BFR154" s="31"/>
      <c r="BFS154" s="31"/>
      <c r="BFT154" s="31"/>
      <c r="BFU154" s="31"/>
      <c r="BFV154" s="31"/>
      <c r="BFW154" s="31"/>
      <c r="BFX154" s="31"/>
      <c r="BFY154" s="31"/>
      <c r="BFZ154" s="31"/>
      <c r="BGA154" s="31"/>
      <c r="BGB154" s="31"/>
      <c r="BGC154" s="31"/>
      <c r="BGD154" s="31"/>
      <c r="BGE154" s="31"/>
      <c r="BGF154" s="31"/>
      <c r="BGG154" s="31"/>
      <c r="BGH154" s="31"/>
      <c r="BGI154" s="31"/>
      <c r="BGJ154" s="31"/>
      <c r="BGK154" s="31"/>
      <c r="BGL154" s="31"/>
      <c r="BGM154" s="31"/>
      <c r="BGN154" s="31"/>
      <c r="BGO154" s="31"/>
      <c r="BGP154" s="31"/>
      <c r="BGQ154" s="31"/>
      <c r="BGR154" s="31"/>
      <c r="BGS154" s="31"/>
      <c r="BGT154" s="31"/>
      <c r="BGU154" s="31"/>
      <c r="BGV154" s="31"/>
      <c r="BGW154" s="31"/>
      <c r="BGX154" s="31"/>
      <c r="BGY154" s="31"/>
      <c r="BGZ154" s="31"/>
      <c r="BHA154" s="31"/>
      <c r="BHB154" s="31"/>
      <c r="BHC154" s="31"/>
      <c r="BHD154" s="31"/>
      <c r="BHE154" s="31"/>
      <c r="BHF154" s="31"/>
      <c r="BHG154" s="31"/>
      <c r="BHH154" s="31"/>
      <c r="BHI154" s="31"/>
      <c r="BHJ154" s="31"/>
      <c r="BHK154" s="31"/>
      <c r="BHL154" s="31"/>
      <c r="BHM154" s="31"/>
      <c r="BHN154" s="31"/>
      <c r="BHO154" s="31"/>
      <c r="BHP154" s="31"/>
      <c r="BHQ154" s="31"/>
      <c r="BHR154" s="31"/>
      <c r="BHS154" s="31"/>
      <c r="BHT154" s="31"/>
      <c r="BHU154" s="31"/>
      <c r="BHV154" s="31"/>
      <c r="BHW154" s="31"/>
      <c r="BHX154" s="31"/>
      <c r="BHY154" s="31"/>
      <c r="BHZ154" s="31"/>
      <c r="BIA154" s="31"/>
      <c r="BIB154" s="31"/>
      <c r="BIC154" s="31"/>
      <c r="BID154" s="31"/>
      <c r="BIE154" s="31"/>
      <c r="BIF154" s="31"/>
      <c r="BIG154" s="31"/>
      <c r="BIH154" s="31"/>
      <c r="BII154" s="31"/>
      <c r="BIJ154" s="31"/>
      <c r="BIK154" s="31"/>
      <c r="BIL154" s="31"/>
      <c r="BIM154" s="31"/>
      <c r="BIN154" s="31"/>
      <c r="BIO154" s="31"/>
      <c r="BIP154" s="31"/>
      <c r="BIQ154" s="31"/>
      <c r="BIR154" s="31"/>
      <c r="BIS154" s="31"/>
      <c r="BIT154" s="31"/>
      <c r="BIU154" s="31"/>
      <c r="BIV154" s="31"/>
      <c r="BIW154" s="31"/>
      <c r="BIX154" s="31"/>
      <c r="BIY154" s="31"/>
      <c r="BIZ154" s="31"/>
      <c r="BJA154" s="31"/>
      <c r="BJB154" s="31"/>
      <c r="BJC154" s="31"/>
      <c r="BJD154" s="31"/>
      <c r="BJE154" s="31"/>
      <c r="BJF154" s="31"/>
      <c r="BJG154" s="31"/>
      <c r="BJH154" s="31"/>
      <c r="BJI154" s="31"/>
      <c r="BJJ154" s="31"/>
      <c r="BJK154" s="31"/>
      <c r="BJL154" s="31"/>
      <c r="BJM154" s="31"/>
      <c r="BJN154" s="31"/>
      <c r="BJO154" s="31"/>
      <c r="BJP154" s="31"/>
      <c r="BJQ154" s="31"/>
      <c r="BJR154" s="31"/>
      <c r="BJS154" s="31"/>
      <c r="BJT154" s="31"/>
      <c r="BJU154" s="31"/>
      <c r="BJV154" s="31"/>
      <c r="BJW154" s="31"/>
      <c r="BJX154" s="31"/>
      <c r="BJY154" s="31"/>
      <c r="BJZ154" s="31"/>
      <c r="BKA154" s="31"/>
      <c r="BKB154" s="31"/>
      <c r="BKC154" s="31"/>
      <c r="BKD154" s="31"/>
      <c r="BKE154" s="31"/>
      <c r="BKF154" s="31"/>
      <c r="BKG154" s="31"/>
      <c r="BKH154" s="31"/>
      <c r="BKI154" s="31"/>
      <c r="BKJ154" s="31"/>
      <c r="BKK154" s="31"/>
      <c r="BKL154" s="31"/>
      <c r="BKM154" s="31"/>
      <c r="BKN154" s="31"/>
      <c r="BKO154" s="31"/>
      <c r="BKP154" s="31"/>
      <c r="BKQ154" s="31"/>
      <c r="BKR154" s="31"/>
      <c r="BKS154" s="31"/>
      <c r="BKT154" s="31"/>
      <c r="BKU154" s="31"/>
      <c r="BKV154" s="31"/>
      <c r="BKW154" s="31"/>
      <c r="BKX154" s="31"/>
      <c r="BKY154" s="31"/>
      <c r="BKZ154" s="31"/>
      <c r="BLA154" s="31"/>
      <c r="BLB154" s="31"/>
      <c r="BLC154" s="31"/>
      <c r="BLD154" s="31"/>
      <c r="BLE154" s="31"/>
      <c r="BLF154" s="31"/>
      <c r="BLG154" s="31"/>
      <c r="BLH154" s="31"/>
      <c r="BLI154" s="31"/>
      <c r="BLJ154" s="31"/>
      <c r="BLK154" s="31"/>
      <c r="BLL154" s="31"/>
      <c r="BLM154" s="31"/>
      <c r="BLN154" s="31"/>
      <c r="BLO154" s="31"/>
      <c r="BLP154" s="31"/>
      <c r="BLQ154" s="31"/>
      <c r="BLR154" s="31"/>
      <c r="BLS154" s="31"/>
      <c r="BLT154" s="31"/>
      <c r="BLU154" s="31"/>
      <c r="BLV154" s="31"/>
      <c r="BLW154" s="31"/>
      <c r="BLX154" s="31"/>
      <c r="BLY154" s="31"/>
      <c r="BLZ154" s="31"/>
      <c r="BMA154" s="31"/>
      <c r="BMB154" s="31"/>
      <c r="BMC154" s="31"/>
      <c r="BMD154" s="31"/>
      <c r="BME154" s="31"/>
      <c r="BMF154" s="31"/>
      <c r="BMG154" s="31"/>
      <c r="BMH154" s="31"/>
      <c r="BMI154" s="31"/>
      <c r="BMJ154" s="31"/>
      <c r="BMK154" s="31"/>
      <c r="BML154" s="31"/>
      <c r="BMM154" s="31"/>
      <c r="BMN154" s="31"/>
      <c r="BMO154" s="31"/>
      <c r="BMP154" s="31"/>
      <c r="BMQ154" s="31"/>
      <c r="BMR154" s="31"/>
      <c r="BMS154" s="31"/>
      <c r="BMT154" s="31"/>
      <c r="BMU154" s="31"/>
      <c r="BMV154" s="31"/>
      <c r="BMW154" s="31"/>
      <c r="BMX154" s="31"/>
      <c r="BMY154" s="31"/>
      <c r="BMZ154" s="31"/>
      <c r="BNA154" s="31"/>
      <c r="BNB154" s="31"/>
      <c r="BNC154" s="31"/>
      <c r="BND154" s="31"/>
      <c r="BNE154" s="31"/>
      <c r="BNF154" s="31"/>
      <c r="BNG154" s="31"/>
      <c r="BNH154" s="31"/>
      <c r="BNI154" s="31"/>
      <c r="BNJ154" s="31"/>
      <c r="BNK154" s="31"/>
      <c r="BNL154" s="31"/>
      <c r="BNM154" s="31"/>
      <c r="BNN154" s="31"/>
      <c r="BNO154" s="31"/>
      <c r="BNP154" s="31"/>
      <c r="BNQ154" s="31"/>
      <c r="BNR154" s="31"/>
      <c r="BNS154" s="31"/>
      <c r="BNT154" s="31"/>
      <c r="BNU154" s="31"/>
      <c r="BNV154" s="31"/>
      <c r="BNW154" s="31"/>
      <c r="BNX154" s="31"/>
      <c r="BNY154" s="31"/>
      <c r="BNZ154" s="31"/>
      <c r="BOA154" s="31"/>
      <c r="BOB154" s="31"/>
      <c r="BOC154" s="31"/>
      <c r="BOD154" s="31"/>
      <c r="BOE154" s="31"/>
      <c r="BOF154" s="31"/>
      <c r="BOG154" s="31"/>
      <c r="BOH154" s="31"/>
      <c r="BOI154" s="31"/>
      <c r="BOJ154" s="31"/>
      <c r="BOK154" s="31"/>
      <c r="BOL154" s="31"/>
      <c r="BOM154" s="31"/>
      <c r="BON154" s="31"/>
      <c r="BOO154" s="31"/>
      <c r="BOP154" s="31"/>
      <c r="BOQ154" s="31"/>
      <c r="BOR154" s="31"/>
      <c r="BOS154" s="31"/>
      <c r="BOT154" s="31"/>
      <c r="BOU154" s="31"/>
      <c r="BOV154" s="31"/>
      <c r="BOW154" s="31"/>
      <c r="BOX154" s="31"/>
      <c r="BOY154" s="31"/>
      <c r="BOZ154" s="31"/>
      <c r="BPA154" s="31"/>
      <c r="BPB154" s="31"/>
      <c r="BPC154" s="31"/>
      <c r="BPD154" s="31"/>
      <c r="BPE154" s="31"/>
      <c r="BPF154" s="31"/>
      <c r="BPG154" s="31"/>
      <c r="BPH154" s="31"/>
      <c r="BPI154" s="31"/>
      <c r="BPJ154" s="31"/>
      <c r="BPK154" s="31"/>
      <c r="BPL154" s="31"/>
      <c r="BPM154" s="31"/>
      <c r="BPN154" s="31"/>
      <c r="BPO154" s="31"/>
      <c r="BPP154" s="31"/>
      <c r="BPQ154" s="31"/>
      <c r="BPR154" s="31"/>
      <c r="BPS154" s="31"/>
      <c r="BPT154" s="31"/>
      <c r="BPU154" s="31"/>
      <c r="BPV154" s="31"/>
      <c r="BPW154" s="31"/>
      <c r="BPX154" s="31"/>
      <c r="BPY154" s="31"/>
      <c r="BPZ154" s="31"/>
      <c r="BQA154" s="31"/>
      <c r="BQB154" s="31"/>
      <c r="BQC154" s="31"/>
      <c r="BQD154" s="31"/>
      <c r="BQE154" s="31"/>
      <c r="BQF154" s="31"/>
      <c r="BQG154" s="31"/>
      <c r="BQH154" s="31"/>
      <c r="BQI154" s="31"/>
      <c r="BQJ154" s="31"/>
      <c r="BQK154" s="31"/>
      <c r="BQL154" s="31"/>
      <c r="BQM154" s="31"/>
      <c r="BQN154" s="31"/>
      <c r="BQO154" s="31"/>
      <c r="BQP154" s="31"/>
      <c r="BQQ154" s="31"/>
      <c r="BQR154" s="31"/>
      <c r="BQS154" s="31"/>
      <c r="BQT154" s="31"/>
      <c r="BQU154" s="31"/>
      <c r="BQV154" s="31"/>
      <c r="BQW154" s="31"/>
      <c r="BQX154" s="31"/>
      <c r="BQY154" s="31"/>
      <c r="BQZ154" s="31"/>
      <c r="BRA154" s="31"/>
      <c r="BRB154" s="31"/>
      <c r="BRC154" s="31"/>
      <c r="BRD154" s="31"/>
      <c r="BRE154" s="31"/>
      <c r="BRF154" s="31"/>
      <c r="BRG154" s="31"/>
      <c r="BRH154" s="31"/>
      <c r="BRI154" s="31"/>
      <c r="BRJ154" s="31"/>
      <c r="BRK154" s="31"/>
      <c r="BRL154" s="31"/>
      <c r="BRM154" s="31"/>
      <c r="BRN154" s="31"/>
      <c r="BRO154" s="31"/>
      <c r="BRP154" s="31"/>
      <c r="BRQ154" s="31"/>
      <c r="BRR154" s="31"/>
      <c r="BRS154" s="31"/>
      <c r="BRT154" s="31"/>
      <c r="BRU154" s="31"/>
      <c r="BRV154" s="31"/>
      <c r="BRW154" s="31"/>
      <c r="BRX154" s="31"/>
      <c r="BRY154" s="31"/>
      <c r="BRZ154" s="31"/>
      <c r="BSA154" s="31"/>
      <c r="BSB154" s="31"/>
      <c r="BSC154" s="31"/>
      <c r="BSD154" s="31"/>
      <c r="BSE154" s="31"/>
      <c r="BSF154" s="31"/>
      <c r="BSG154" s="31"/>
      <c r="BSH154" s="31"/>
      <c r="BSI154" s="31"/>
      <c r="BSJ154" s="31"/>
      <c r="BSK154" s="31"/>
      <c r="BSL154" s="31"/>
      <c r="BSM154" s="31"/>
      <c r="BSN154" s="31"/>
      <c r="BSO154" s="31"/>
      <c r="BSP154" s="31"/>
      <c r="BSQ154" s="31"/>
      <c r="BSR154" s="31"/>
      <c r="BSS154" s="31"/>
      <c r="BST154" s="31"/>
      <c r="BSU154" s="31"/>
      <c r="BSV154" s="31"/>
      <c r="BSW154" s="31"/>
      <c r="BSX154" s="31"/>
      <c r="BSY154" s="31"/>
      <c r="BSZ154" s="31"/>
      <c r="BTA154" s="31"/>
      <c r="BTB154" s="31"/>
      <c r="BTC154" s="31"/>
      <c r="BTD154" s="31"/>
      <c r="BTE154" s="31"/>
      <c r="BTF154" s="31"/>
      <c r="BTG154" s="31"/>
      <c r="BTH154" s="31"/>
      <c r="BTI154" s="31"/>
      <c r="BTJ154" s="31"/>
      <c r="BTK154" s="31"/>
      <c r="BTL154" s="31"/>
      <c r="BTM154" s="31"/>
      <c r="BTN154" s="31"/>
      <c r="BTO154" s="31"/>
      <c r="BTP154" s="31"/>
      <c r="BTQ154" s="31"/>
      <c r="BTR154" s="31"/>
      <c r="BTS154" s="31"/>
      <c r="BTT154" s="31"/>
      <c r="BTU154" s="31"/>
      <c r="BTV154" s="31"/>
      <c r="BTW154" s="31"/>
      <c r="BTX154" s="31"/>
      <c r="BTY154" s="31"/>
      <c r="BTZ154" s="31"/>
      <c r="BUA154" s="31"/>
      <c r="BUB154" s="31"/>
      <c r="BUC154" s="31"/>
      <c r="BUD154" s="31"/>
      <c r="BUE154" s="31"/>
      <c r="BUF154" s="31"/>
      <c r="BUG154" s="31"/>
      <c r="BUH154" s="31"/>
      <c r="BUI154" s="31"/>
      <c r="BUJ154" s="31"/>
      <c r="BUK154" s="31"/>
      <c r="BUL154" s="31"/>
      <c r="BUM154" s="31"/>
      <c r="BUN154" s="31"/>
      <c r="BUO154" s="31"/>
      <c r="BUP154" s="31"/>
      <c r="BUQ154" s="31"/>
      <c r="BUR154" s="31"/>
      <c r="BUS154" s="31"/>
      <c r="BUT154" s="31"/>
      <c r="BUU154" s="31"/>
      <c r="BUV154" s="31"/>
      <c r="BUW154" s="31"/>
      <c r="BUX154" s="31"/>
      <c r="BUY154" s="31"/>
      <c r="BUZ154" s="31"/>
      <c r="BVA154" s="31"/>
      <c r="BVB154" s="31"/>
      <c r="BVC154" s="31"/>
      <c r="BVD154" s="31"/>
      <c r="BVE154" s="31"/>
      <c r="BVF154" s="31"/>
      <c r="BVG154" s="31"/>
      <c r="BVH154" s="31"/>
      <c r="BVI154" s="31"/>
      <c r="BVJ154" s="31"/>
      <c r="BVK154" s="31"/>
      <c r="BVL154" s="31"/>
      <c r="BVM154" s="31"/>
      <c r="BVN154" s="31"/>
      <c r="BVO154" s="31"/>
      <c r="BVP154" s="31"/>
      <c r="BVQ154" s="31"/>
      <c r="BVR154" s="31"/>
      <c r="BVS154" s="31"/>
      <c r="BVT154" s="31"/>
      <c r="BVU154" s="31"/>
      <c r="BVV154" s="31"/>
      <c r="BVW154" s="31"/>
      <c r="BVX154" s="31"/>
      <c r="BVY154" s="31"/>
      <c r="BVZ154" s="31"/>
      <c r="BWA154" s="31"/>
      <c r="BWB154" s="31"/>
      <c r="BWC154" s="31"/>
      <c r="BWD154" s="31"/>
      <c r="BWE154" s="31"/>
      <c r="BWF154" s="31"/>
      <c r="BWG154" s="31"/>
      <c r="BWH154" s="31"/>
      <c r="BWI154" s="31"/>
      <c r="BWJ154" s="31"/>
      <c r="BWK154" s="31"/>
      <c r="BWL154" s="31"/>
      <c r="BWM154" s="31"/>
      <c r="BWN154" s="31"/>
      <c r="BWO154" s="31"/>
      <c r="BWP154" s="31"/>
      <c r="BWQ154" s="31"/>
      <c r="BWR154" s="31"/>
      <c r="BWS154" s="31"/>
      <c r="BWT154" s="31"/>
      <c r="BWU154" s="31"/>
      <c r="BWV154" s="31"/>
      <c r="BWW154" s="31"/>
      <c r="BWX154" s="31"/>
      <c r="BWY154" s="31"/>
      <c r="BWZ154" s="31"/>
      <c r="BXA154" s="31"/>
      <c r="BXB154" s="31"/>
      <c r="BXC154" s="31"/>
      <c r="BXD154" s="31"/>
      <c r="BXE154" s="31"/>
      <c r="BXF154" s="31"/>
      <c r="BXG154" s="31"/>
      <c r="BXH154" s="31"/>
      <c r="BXI154" s="31"/>
      <c r="BXJ154" s="31"/>
      <c r="BXK154" s="31"/>
      <c r="BXL154" s="31"/>
      <c r="BXM154" s="31"/>
      <c r="BXN154" s="31"/>
      <c r="BXO154" s="31"/>
      <c r="BXP154" s="31"/>
      <c r="BXQ154" s="31"/>
      <c r="BXR154" s="31"/>
      <c r="BXS154" s="31"/>
      <c r="BXT154" s="31"/>
      <c r="BXU154" s="31"/>
      <c r="BXV154" s="31"/>
      <c r="BXW154" s="31"/>
      <c r="BXX154" s="31"/>
      <c r="BXY154" s="31"/>
      <c r="BXZ154" s="31"/>
      <c r="BYA154" s="31"/>
      <c r="BYB154" s="31"/>
      <c r="BYC154" s="31"/>
      <c r="BYD154" s="31"/>
      <c r="BYE154" s="31"/>
      <c r="BYF154" s="31"/>
      <c r="BYG154" s="31"/>
      <c r="BYH154" s="31"/>
      <c r="BYI154" s="31"/>
      <c r="BYJ154" s="31"/>
      <c r="BYK154" s="31"/>
      <c r="BYL154" s="31"/>
      <c r="BYM154" s="31"/>
      <c r="BYN154" s="31"/>
      <c r="BYO154" s="31"/>
      <c r="BYP154" s="31"/>
      <c r="BYQ154" s="31"/>
      <c r="BYR154" s="31"/>
      <c r="BYS154" s="31"/>
      <c r="BYT154" s="31"/>
      <c r="BYU154" s="31"/>
      <c r="BYV154" s="31"/>
      <c r="BYW154" s="31"/>
      <c r="BYX154" s="31"/>
      <c r="BYY154" s="31"/>
      <c r="BYZ154" s="31"/>
      <c r="BZA154" s="31"/>
      <c r="BZB154" s="31"/>
      <c r="BZC154" s="31"/>
      <c r="BZD154" s="31"/>
      <c r="BZE154" s="31"/>
      <c r="BZF154" s="31"/>
      <c r="BZG154" s="31"/>
      <c r="BZH154" s="31"/>
      <c r="BZI154" s="31"/>
      <c r="BZJ154" s="31"/>
      <c r="BZK154" s="31"/>
      <c r="BZL154" s="31"/>
      <c r="BZM154" s="31"/>
      <c r="BZN154" s="31"/>
      <c r="BZO154" s="31"/>
      <c r="BZP154" s="31"/>
      <c r="BZQ154" s="31"/>
      <c r="BZR154" s="31"/>
      <c r="BZS154" s="31"/>
      <c r="BZT154" s="31"/>
      <c r="BZU154" s="31"/>
      <c r="BZV154" s="31"/>
      <c r="BZW154" s="31"/>
      <c r="BZX154" s="31"/>
      <c r="BZY154" s="31"/>
      <c r="BZZ154" s="31"/>
      <c r="CAA154" s="31"/>
      <c r="CAB154" s="31"/>
      <c r="CAC154" s="31"/>
      <c r="CAD154" s="31"/>
      <c r="CAE154" s="31"/>
      <c r="CAF154" s="31"/>
      <c r="CAG154" s="31"/>
      <c r="CAH154" s="31"/>
      <c r="CAI154" s="31"/>
      <c r="CAJ154" s="31"/>
      <c r="CAK154" s="31"/>
      <c r="CAL154" s="31"/>
      <c r="CAM154" s="31"/>
      <c r="CAN154" s="31"/>
      <c r="CAO154" s="31"/>
      <c r="CAP154" s="31"/>
      <c r="CAQ154" s="31"/>
      <c r="CAR154" s="31"/>
      <c r="CAS154" s="31"/>
      <c r="CAT154" s="31"/>
      <c r="CAU154" s="31"/>
      <c r="CAV154" s="31"/>
      <c r="CAW154" s="31"/>
      <c r="CAX154" s="31"/>
      <c r="CAY154" s="31"/>
      <c r="CAZ154" s="31"/>
      <c r="CBA154" s="31"/>
      <c r="CBB154" s="31"/>
      <c r="CBC154" s="31"/>
      <c r="CBD154" s="31"/>
      <c r="CBE154" s="31"/>
      <c r="CBF154" s="31"/>
      <c r="CBG154" s="31"/>
      <c r="CBH154" s="31"/>
      <c r="CBI154" s="31"/>
      <c r="CBJ154" s="31"/>
      <c r="CBK154" s="31"/>
      <c r="CBL154" s="31"/>
      <c r="CBM154" s="31"/>
      <c r="CBN154" s="31"/>
      <c r="CBO154" s="31"/>
      <c r="CBP154" s="31"/>
      <c r="CBQ154" s="31"/>
      <c r="CBR154" s="31"/>
      <c r="CBS154" s="31"/>
      <c r="CBT154" s="31"/>
      <c r="CBU154" s="31"/>
      <c r="CBV154" s="31"/>
      <c r="CBW154" s="31"/>
      <c r="CBX154" s="31"/>
      <c r="CBY154" s="31"/>
      <c r="CBZ154" s="31"/>
      <c r="CCA154" s="31"/>
      <c r="CCB154" s="31"/>
      <c r="CCC154" s="31"/>
      <c r="CCD154" s="31"/>
      <c r="CCE154" s="31"/>
      <c r="CCF154" s="31"/>
      <c r="CCG154" s="31"/>
      <c r="CCH154" s="31"/>
      <c r="CCI154" s="31"/>
      <c r="CCJ154" s="31"/>
      <c r="CCK154" s="31"/>
      <c r="CCL154" s="31"/>
      <c r="CCM154" s="31"/>
      <c r="CCN154" s="31"/>
      <c r="CCO154" s="31"/>
      <c r="CCP154" s="31"/>
      <c r="CCQ154" s="31"/>
      <c r="CCR154" s="31"/>
      <c r="CCS154" s="31"/>
      <c r="CCT154" s="31"/>
      <c r="CCU154" s="31"/>
      <c r="CCV154" s="31"/>
      <c r="CCW154" s="31"/>
      <c r="CCX154" s="31"/>
      <c r="CCY154" s="31"/>
      <c r="CCZ154" s="31"/>
      <c r="CDA154" s="31"/>
      <c r="CDB154" s="31"/>
      <c r="CDC154" s="31"/>
      <c r="CDD154" s="31"/>
      <c r="CDE154" s="31"/>
      <c r="CDF154" s="31"/>
      <c r="CDG154" s="31"/>
      <c r="CDH154" s="31"/>
      <c r="CDI154" s="31"/>
      <c r="CDJ154" s="31"/>
      <c r="CDK154" s="31"/>
      <c r="CDL154" s="31"/>
      <c r="CDM154" s="31"/>
      <c r="CDN154" s="31"/>
      <c r="CDO154" s="31"/>
      <c r="CDP154" s="31"/>
      <c r="CDQ154" s="31"/>
      <c r="CDR154" s="31"/>
      <c r="CDS154" s="31"/>
      <c r="CDT154" s="31"/>
      <c r="CDU154" s="31"/>
      <c r="CDV154" s="31"/>
      <c r="CDW154" s="31"/>
      <c r="CDX154" s="31"/>
      <c r="CDY154" s="31"/>
      <c r="CDZ154" s="31"/>
      <c r="CEA154" s="31"/>
      <c r="CEB154" s="31"/>
      <c r="CEC154" s="31"/>
      <c r="CED154" s="31"/>
      <c r="CEE154" s="31"/>
      <c r="CEF154" s="31"/>
      <c r="CEG154" s="31"/>
      <c r="CEH154" s="31"/>
      <c r="CEI154" s="31"/>
      <c r="CEJ154" s="31"/>
      <c r="CEK154" s="31"/>
      <c r="CEL154" s="31"/>
      <c r="CEM154" s="31"/>
      <c r="CEN154" s="31"/>
      <c r="CEO154" s="31"/>
      <c r="CEP154" s="31"/>
      <c r="CEQ154" s="31"/>
      <c r="CER154" s="31"/>
      <c r="CES154" s="31"/>
      <c r="CET154" s="31"/>
      <c r="CEU154" s="31"/>
      <c r="CEV154" s="31"/>
      <c r="CEW154" s="31"/>
      <c r="CEX154" s="31"/>
      <c r="CEY154" s="31"/>
      <c r="CEZ154" s="31"/>
      <c r="CFA154" s="31"/>
      <c r="CFB154" s="31"/>
      <c r="CFC154" s="31"/>
      <c r="CFD154" s="31"/>
      <c r="CFE154" s="31"/>
      <c r="CFF154" s="31"/>
      <c r="CFG154" s="31"/>
      <c r="CFH154" s="31"/>
      <c r="CFI154" s="31"/>
      <c r="CFJ154" s="31"/>
      <c r="CFK154" s="31"/>
      <c r="CFL154" s="31"/>
      <c r="CFM154" s="31"/>
      <c r="CFN154" s="31"/>
      <c r="CFO154" s="31"/>
      <c r="CFP154" s="31"/>
      <c r="CFQ154" s="31"/>
      <c r="CFR154" s="31"/>
      <c r="CFS154" s="31"/>
      <c r="CFT154" s="31"/>
      <c r="CFU154" s="31"/>
      <c r="CFV154" s="31"/>
      <c r="CFW154" s="31"/>
      <c r="CFX154" s="31"/>
      <c r="CFY154" s="31"/>
      <c r="CFZ154" s="31"/>
      <c r="CGA154" s="31"/>
      <c r="CGB154" s="31"/>
      <c r="CGC154" s="31"/>
      <c r="CGD154" s="31"/>
      <c r="CGE154" s="31"/>
      <c r="CGF154" s="31"/>
      <c r="CGG154" s="31"/>
      <c r="CGH154" s="31"/>
      <c r="CGI154" s="31"/>
      <c r="CGJ154" s="31"/>
      <c r="CGK154" s="31"/>
      <c r="CGL154" s="31"/>
      <c r="CGM154" s="31"/>
      <c r="CGN154" s="31"/>
      <c r="CGO154" s="31"/>
      <c r="CGP154" s="31"/>
      <c r="CGQ154" s="31"/>
      <c r="CGR154" s="31"/>
      <c r="CGS154" s="31"/>
      <c r="CGT154" s="31"/>
      <c r="CGU154" s="31"/>
      <c r="CGV154" s="31"/>
      <c r="CGW154" s="31"/>
      <c r="CGX154" s="31"/>
      <c r="CGY154" s="31"/>
      <c r="CGZ154" s="31"/>
      <c r="CHA154" s="31"/>
      <c r="CHB154" s="31"/>
      <c r="CHC154" s="31"/>
      <c r="CHD154" s="31"/>
      <c r="CHE154" s="31"/>
      <c r="CHF154" s="31"/>
      <c r="CHG154" s="31"/>
      <c r="CHH154" s="31"/>
      <c r="CHI154" s="31"/>
      <c r="CHJ154" s="31"/>
      <c r="CHK154" s="31"/>
      <c r="CHL154" s="31"/>
      <c r="CHM154" s="31"/>
      <c r="CHN154" s="31"/>
      <c r="CHO154" s="31"/>
      <c r="CHP154" s="31"/>
      <c r="CHQ154" s="31"/>
      <c r="CHR154" s="31"/>
      <c r="CHS154" s="31"/>
      <c r="CHT154" s="31"/>
      <c r="CHU154" s="31"/>
      <c r="CHV154" s="31"/>
      <c r="CHW154" s="31"/>
      <c r="CHX154" s="31"/>
      <c r="CHY154" s="31"/>
      <c r="CHZ154" s="31"/>
      <c r="CIA154" s="31"/>
      <c r="CIB154" s="31"/>
      <c r="CIC154" s="31"/>
      <c r="CID154" s="31"/>
      <c r="CIE154" s="31"/>
      <c r="CIF154" s="31"/>
      <c r="CIG154" s="31"/>
      <c r="CIH154" s="31"/>
      <c r="CII154" s="31"/>
      <c r="CIJ154" s="31"/>
      <c r="CIK154" s="31"/>
      <c r="CIL154" s="31"/>
      <c r="CIM154" s="31"/>
      <c r="CIN154" s="31"/>
      <c r="CIO154" s="31"/>
      <c r="CIP154" s="31"/>
      <c r="CIQ154" s="31"/>
      <c r="CIR154" s="31"/>
      <c r="CIS154" s="31"/>
      <c r="CIT154" s="31"/>
      <c r="CIU154" s="31"/>
      <c r="CIV154" s="31"/>
      <c r="CIW154" s="31"/>
      <c r="CIX154" s="31"/>
      <c r="CIY154" s="31"/>
      <c r="CIZ154" s="31"/>
      <c r="CJA154" s="31"/>
      <c r="CJB154" s="31"/>
      <c r="CJC154" s="31"/>
      <c r="CJD154" s="31"/>
      <c r="CJE154" s="31"/>
      <c r="CJF154" s="31"/>
      <c r="CJG154" s="31"/>
      <c r="CJH154" s="31"/>
      <c r="CJI154" s="31"/>
      <c r="CJJ154" s="31"/>
      <c r="CJK154" s="31"/>
      <c r="CJL154" s="31"/>
      <c r="CJM154" s="31"/>
      <c r="CJN154" s="31"/>
      <c r="CJO154" s="31"/>
      <c r="CJP154" s="31"/>
      <c r="CJQ154" s="31"/>
      <c r="CJR154" s="31"/>
      <c r="CJS154" s="31"/>
      <c r="CJT154" s="31"/>
      <c r="CJU154" s="31"/>
      <c r="CJV154" s="31"/>
      <c r="CJW154" s="31"/>
      <c r="CJX154" s="31"/>
      <c r="CJY154" s="31"/>
      <c r="CJZ154" s="31"/>
      <c r="CKA154" s="31"/>
      <c r="CKB154" s="31"/>
      <c r="CKC154" s="31"/>
      <c r="CKD154" s="31"/>
      <c r="CKE154" s="31"/>
      <c r="CKF154" s="31"/>
      <c r="CKG154" s="31"/>
      <c r="CKH154" s="31"/>
      <c r="CKI154" s="31"/>
      <c r="CKJ154" s="31"/>
      <c r="CKK154" s="31"/>
      <c r="CKL154" s="31"/>
      <c r="CKM154" s="31"/>
      <c r="CKN154" s="31"/>
      <c r="CKO154" s="31"/>
      <c r="CKP154" s="31"/>
      <c r="CKQ154" s="31"/>
      <c r="CKR154" s="31"/>
      <c r="CKS154" s="31"/>
      <c r="CKT154" s="31"/>
      <c r="CKU154" s="31"/>
      <c r="CKV154" s="31"/>
      <c r="CKW154" s="31"/>
      <c r="CKX154" s="31"/>
      <c r="CKY154" s="31"/>
      <c r="CKZ154" s="31"/>
      <c r="CLA154" s="31"/>
      <c r="CLB154" s="31"/>
      <c r="CLC154" s="31"/>
      <c r="CLD154" s="31"/>
      <c r="CLE154" s="31"/>
      <c r="CLF154" s="31"/>
      <c r="CLG154" s="31"/>
      <c r="CLH154" s="31"/>
      <c r="CLI154" s="31"/>
      <c r="CLJ154" s="31"/>
      <c r="CLK154" s="31"/>
      <c r="CLL154" s="31"/>
      <c r="CLM154" s="31"/>
      <c r="CLN154" s="31"/>
      <c r="CLO154" s="31"/>
      <c r="CLP154" s="31"/>
      <c r="CLQ154" s="31"/>
      <c r="CLR154" s="31"/>
      <c r="CLS154" s="31"/>
      <c r="CLT154" s="31"/>
      <c r="CLU154" s="31"/>
      <c r="CLV154" s="31"/>
      <c r="CLW154" s="31"/>
      <c r="CLX154" s="31"/>
      <c r="CLY154" s="31"/>
      <c r="CLZ154" s="31"/>
      <c r="CMA154" s="31"/>
      <c r="CMB154" s="31"/>
      <c r="CMC154" s="31"/>
      <c r="CMD154" s="31"/>
      <c r="CME154" s="31"/>
      <c r="CMF154" s="31"/>
      <c r="CMG154" s="31"/>
      <c r="CMH154" s="31"/>
      <c r="CMI154" s="31"/>
      <c r="CMJ154" s="31"/>
      <c r="CMK154" s="31"/>
      <c r="CML154" s="31"/>
      <c r="CMM154" s="31"/>
      <c r="CMN154" s="31"/>
      <c r="CMO154" s="31"/>
      <c r="CMP154" s="31"/>
      <c r="CMQ154" s="31"/>
      <c r="CMR154" s="31"/>
      <c r="CMS154" s="31"/>
      <c r="CMT154" s="31"/>
      <c r="CMU154" s="31"/>
      <c r="CMV154" s="31"/>
      <c r="CMW154" s="31"/>
      <c r="CMX154" s="31"/>
      <c r="CMY154" s="31"/>
      <c r="CMZ154" s="31"/>
      <c r="CNA154" s="31"/>
      <c r="CNB154" s="31"/>
      <c r="CNC154" s="31"/>
      <c r="CND154" s="31"/>
      <c r="CNE154" s="31"/>
      <c r="CNF154" s="31"/>
      <c r="CNG154" s="31"/>
      <c r="CNH154" s="31"/>
      <c r="CNI154" s="31"/>
      <c r="CNJ154" s="31"/>
      <c r="CNK154" s="31"/>
      <c r="CNL154" s="31"/>
      <c r="CNM154" s="31"/>
      <c r="CNN154" s="31"/>
      <c r="CNO154" s="31"/>
      <c r="CNP154" s="31"/>
      <c r="CNQ154" s="31"/>
      <c r="CNR154" s="31"/>
      <c r="CNS154" s="31"/>
      <c r="CNT154" s="31"/>
      <c r="CNU154" s="31"/>
      <c r="CNV154" s="31"/>
      <c r="CNW154" s="31"/>
      <c r="CNX154" s="31"/>
      <c r="CNY154" s="31"/>
      <c r="CNZ154" s="31"/>
      <c r="COA154" s="31"/>
      <c r="COB154" s="31"/>
      <c r="COC154" s="31"/>
      <c r="COD154" s="31"/>
      <c r="COE154" s="31"/>
      <c r="COF154" s="31"/>
      <c r="COG154" s="31"/>
      <c r="COH154" s="31"/>
      <c r="COI154" s="31"/>
      <c r="COJ154" s="31"/>
      <c r="COK154" s="31"/>
      <c r="COL154" s="31"/>
      <c r="COM154" s="31"/>
      <c r="CON154" s="31"/>
      <c r="COO154" s="31"/>
      <c r="COP154" s="31"/>
      <c r="COQ154" s="31"/>
      <c r="COR154" s="31"/>
      <c r="COS154" s="31"/>
      <c r="COT154" s="31"/>
      <c r="COU154" s="31"/>
      <c r="COV154" s="31"/>
      <c r="COW154" s="31"/>
      <c r="COX154" s="31"/>
      <c r="COY154" s="31"/>
      <c r="COZ154" s="31"/>
      <c r="CPA154" s="31"/>
      <c r="CPB154" s="31"/>
      <c r="CPC154" s="31"/>
      <c r="CPD154" s="31"/>
      <c r="CPE154" s="31"/>
      <c r="CPF154" s="31"/>
      <c r="CPG154" s="31"/>
      <c r="CPH154" s="31"/>
      <c r="CPI154" s="31"/>
      <c r="CPJ154" s="31"/>
      <c r="CPK154" s="31"/>
      <c r="CPL154" s="31"/>
      <c r="CPM154" s="31"/>
      <c r="CPN154" s="31"/>
      <c r="CPO154" s="31"/>
      <c r="CPP154" s="31"/>
      <c r="CPQ154" s="31"/>
      <c r="CPR154" s="31"/>
      <c r="CPS154" s="31"/>
      <c r="CPT154" s="31"/>
      <c r="CPU154" s="31"/>
      <c r="CPV154" s="31"/>
      <c r="CPW154" s="31"/>
      <c r="CPX154" s="31"/>
      <c r="CPY154" s="31"/>
      <c r="CPZ154" s="31"/>
      <c r="CQA154" s="31"/>
      <c r="CQB154" s="31"/>
      <c r="CQC154" s="31"/>
      <c r="CQD154" s="31"/>
      <c r="CQE154" s="31"/>
      <c r="CQF154" s="31"/>
      <c r="CQG154" s="31"/>
      <c r="CQH154" s="31"/>
      <c r="CQI154" s="31"/>
      <c r="CQJ154" s="31"/>
      <c r="CQK154" s="31"/>
      <c r="CQL154" s="31"/>
      <c r="CQM154" s="31"/>
      <c r="CQN154" s="31"/>
      <c r="CQO154" s="31"/>
      <c r="CQP154" s="31"/>
      <c r="CQQ154" s="31"/>
      <c r="CQR154" s="31"/>
      <c r="CQS154" s="31"/>
      <c r="CQT154" s="31"/>
      <c r="CQU154" s="31"/>
      <c r="CQV154" s="31"/>
      <c r="CQW154" s="31"/>
      <c r="CQX154" s="31"/>
      <c r="CQY154" s="31"/>
      <c r="CQZ154" s="31"/>
      <c r="CRA154" s="31"/>
      <c r="CRB154" s="31"/>
      <c r="CRC154" s="31"/>
      <c r="CRD154" s="31"/>
      <c r="CRE154" s="31"/>
      <c r="CRF154" s="31"/>
      <c r="CRG154" s="31"/>
      <c r="CRH154" s="31"/>
      <c r="CRI154" s="31"/>
      <c r="CRJ154" s="31"/>
      <c r="CRK154" s="31"/>
      <c r="CRL154" s="31"/>
      <c r="CRM154" s="31"/>
      <c r="CRN154" s="31"/>
      <c r="CRO154" s="31"/>
      <c r="CRP154" s="31"/>
      <c r="CRQ154" s="31"/>
      <c r="CRR154" s="31"/>
      <c r="CRS154" s="31"/>
      <c r="CRT154" s="31"/>
      <c r="CRU154" s="31"/>
      <c r="CRV154" s="31"/>
      <c r="CRW154" s="31"/>
      <c r="CRX154" s="31"/>
      <c r="CRY154" s="31"/>
      <c r="CRZ154" s="31"/>
      <c r="CSA154" s="31"/>
      <c r="CSB154" s="31"/>
      <c r="CSC154" s="31"/>
      <c r="CSD154" s="31"/>
      <c r="CSE154" s="31"/>
      <c r="CSF154" s="31"/>
      <c r="CSG154" s="31"/>
      <c r="CSH154" s="31"/>
      <c r="CSI154" s="31"/>
      <c r="CSJ154" s="31"/>
      <c r="CSK154" s="31"/>
      <c r="CSL154" s="31"/>
      <c r="CSM154" s="31"/>
      <c r="CSN154" s="31"/>
      <c r="CSO154" s="31"/>
      <c r="CSP154" s="31"/>
      <c r="CSQ154" s="31"/>
      <c r="CSR154" s="31"/>
      <c r="CSS154" s="31"/>
      <c r="CST154" s="31"/>
      <c r="CSU154" s="31"/>
      <c r="CSV154" s="31"/>
      <c r="CSW154" s="31"/>
      <c r="CSX154" s="31"/>
      <c r="CSY154" s="31"/>
      <c r="CSZ154" s="31"/>
      <c r="CTA154" s="31"/>
      <c r="CTB154" s="31"/>
      <c r="CTC154" s="31"/>
      <c r="CTD154" s="31"/>
      <c r="CTE154" s="31"/>
      <c r="CTF154" s="31"/>
      <c r="CTG154" s="31"/>
      <c r="CTH154" s="31"/>
      <c r="CTI154" s="31"/>
      <c r="CTJ154" s="31"/>
      <c r="CTK154" s="31"/>
      <c r="CTL154" s="31"/>
      <c r="CTM154" s="31"/>
      <c r="CTN154" s="31"/>
      <c r="CTO154" s="31"/>
      <c r="CTP154" s="31"/>
      <c r="CTQ154" s="31"/>
      <c r="CTR154" s="31"/>
      <c r="CTS154" s="31"/>
      <c r="CTT154" s="31"/>
      <c r="CTU154" s="31"/>
      <c r="CTV154" s="31"/>
      <c r="CTW154" s="31"/>
      <c r="CTX154" s="31"/>
      <c r="CTY154" s="31"/>
      <c r="CTZ154" s="31"/>
      <c r="CUA154" s="31"/>
      <c r="CUB154" s="31"/>
      <c r="CUC154" s="31"/>
      <c r="CUD154" s="31"/>
      <c r="CUE154" s="31"/>
      <c r="CUF154" s="31"/>
      <c r="CUG154" s="31"/>
      <c r="CUH154" s="31"/>
      <c r="CUI154" s="31"/>
      <c r="CUJ154" s="31"/>
      <c r="CUK154" s="31"/>
      <c r="CUL154" s="31"/>
      <c r="CUM154" s="31"/>
      <c r="CUN154" s="31"/>
      <c r="CUO154" s="31"/>
      <c r="CUP154" s="31"/>
      <c r="CUQ154" s="31"/>
      <c r="CUR154" s="31"/>
      <c r="CUS154" s="31"/>
      <c r="CUT154" s="31"/>
      <c r="CUU154" s="31"/>
      <c r="CUV154" s="31"/>
      <c r="CUW154" s="31"/>
      <c r="CUX154" s="31"/>
      <c r="CUY154" s="31"/>
      <c r="CUZ154" s="31"/>
      <c r="CVA154" s="31"/>
      <c r="CVB154" s="31"/>
      <c r="CVC154" s="31"/>
      <c r="CVD154" s="31"/>
      <c r="CVE154" s="31"/>
      <c r="CVF154" s="31"/>
      <c r="CVG154" s="31"/>
      <c r="CVH154" s="31"/>
      <c r="CVI154" s="31"/>
      <c r="CVJ154" s="31"/>
      <c r="CVK154" s="31"/>
      <c r="CVL154" s="31"/>
      <c r="CVM154" s="31"/>
      <c r="CVN154" s="31"/>
      <c r="CVO154" s="31"/>
      <c r="CVP154" s="31"/>
      <c r="CVQ154" s="31"/>
      <c r="CVR154" s="31"/>
      <c r="CVS154" s="31"/>
      <c r="CVT154" s="31"/>
      <c r="CVU154" s="31"/>
      <c r="CVV154" s="31"/>
      <c r="CVW154" s="31"/>
      <c r="CVX154" s="31"/>
      <c r="CVY154" s="31"/>
      <c r="CVZ154" s="31"/>
      <c r="CWA154" s="31"/>
      <c r="CWB154" s="31"/>
      <c r="CWC154" s="31"/>
      <c r="CWD154" s="31"/>
      <c r="CWE154" s="31"/>
      <c r="CWF154" s="31"/>
      <c r="CWG154" s="31"/>
      <c r="CWH154" s="31"/>
      <c r="CWI154" s="31"/>
      <c r="CWJ154" s="31"/>
      <c r="CWK154" s="31"/>
      <c r="CWL154" s="31"/>
      <c r="CWM154" s="31"/>
      <c r="CWN154" s="31"/>
      <c r="CWO154" s="31"/>
      <c r="CWP154" s="31"/>
      <c r="CWQ154" s="31"/>
      <c r="CWR154" s="31"/>
      <c r="CWS154" s="31"/>
      <c r="CWT154" s="31"/>
      <c r="CWU154" s="31"/>
      <c r="CWV154" s="31"/>
      <c r="CWW154" s="31"/>
      <c r="CWX154" s="31"/>
      <c r="CWY154" s="31"/>
      <c r="CWZ154" s="31"/>
      <c r="CXA154" s="31"/>
      <c r="CXB154" s="31"/>
      <c r="CXC154" s="31"/>
      <c r="CXD154" s="31"/>
      <c r="CXE154" s="31"/>
      <c r="CXF154" s="31"/>
      <c r="CXG154" s="31"/>
      <c r="CXH154" s="31"/>
      <c r="CXI154" s="31"/>
      <c r="CXJ154" s="31"/>
      <c r="CXK154" s="31"/>
      <c r="CXL154" s="31"/>
      <c r="CXM154" s="31"/>
      <c r="CXN154" s="31"/>
      <c r="CXO154" s="31"/>
      <c r="CXP154" s="31"/>
      <c r="CXQ154" s="31"/>
      <c r="CXR154" s="31"/>
      <c r="CXS154" s="31"/>
      <c r="CXT154" s="31"/>
      <c r="CXU154" s="31"/>
      <c r="CXV154" s="31"/>
      <c r="CXW154" s="31"/>
      <c r="CXX154" s="31"/>
      <c r="CXY154" s="31"/>
      <c r="CXZ154" s="31"/>
      <c r="CYA154" s="31"/>
      <c r="CYB154" s="31"/>
      <c r="CYC154" s="31"/>
      <c r="CYD154" s="31"/>
      <c r="CYE154" s="31"/>
      <c r="CYF154" s="31"/>
      <c r="CYG154" s="31"/>
      <c r="CYH154" s="31"/>
      <c r="CYI154" s="31"/>
      <c r="CYJ154" s="31"/>
      <c r="CYK154" s="31"/>
      <c r="CYL154" s="31"/>
      <c r="CYM154" s="31"/>
      <c r="CYN154" s="31"/>
      <c r="CYO154" s="31"/>
      <c r="CYP154" s="31"/>
      <c r="CYQ154" s="31"/>
      <c r="CYR154" s="31"/>
      <c r="CYS154" s="31"/>
      <c r="CYT154" s="31"/>
      <c r="CYU154" s="31"/>
      <c r="CYV154" s="31"/>
      <c r="CYW154" s="31"/>
      <c r="CYX154" s="31"/>
      <c r="CYY154" s="31"/>
      <c r="CYZ154" s="31"/>
      <c r="CZA154" s="31"/>
      <c r="CZB154" s="31"/>
      <c r="CZC154" s="31"/>
      <c r="CZD154" s="31"/>
      <c r="CZE154" s="31"/>
      <c r="CZF154" s="31"/>
      <c r="CZG154" s="31"/>
      <c r="CZH154" s="31"/>
      <c r="CZI154" s="31"/>
      <c r="CZJ154" s="31"/>
      <c r="CZK154" s="31"/>
      <c r="CZL154" s="31"/>
      <c r="CZM154" s="31"/>
      <c r="CZN154" s="31"/>
      <c r="CZO154" s="31"/>
      <c r="CZP154" s="31"/>
      <c r="CZQ154" s="31"/>
      <c r="CZR154" s="31"/>
      <c r="CZS154" s="31"/>
      <c r="CZT154" s="31"/>
      <c r="CZU154" s="31"/>
      <c r="CZV154" s="31"/>
      <c r="CZW154" s="31"/>
      <c r="CZX154" s="31"/>
      <c r="CZY154" s="31"/>
      <c r="CZZ154" s="31"/>
      <c r="DAA154" s="31"/>
      <c r="DAB154" s="31"/>
      <c r="DAC154" s="31"/>
      <c r="DAD154" s="31"/>
      <c r="DAE154" s="31"/>
      <c r="DAF154" s="31"/>
      <c r="DAG154" s="31"/>
      <c r="DAH154" s="31"/>
      <c r="DAI154" s="31"/>
      <c r="DAJ154" s="31"/>
      <c r="DAK154" s="31"/>
      <c r="DAL154" s="31"/>
      <c r="DAM154" s="31"/>
      <c r="DAN154" s="31"/>
      <c r="DAO154" s="31"/>
      <c r="DAP154" s="31"/>
      <c r="DAQ154" s="31"/>
      <c r="DAR154" s="31"/>
      <c r="DAS154" s="31"/>
      <c r="DAT154" s="31"/>
      <c r="DAU154" s="31"/>
      <c r="DAV154" s="31"/>
      <c r="DAW154" s="31"/>
      <c r="DAX154" s="31"/>
      <c r="DAY154" s="31"/>
      <c r="DAZ154" s="31"/>
      <c r="DBA154" s="31"/>
      <c r="DBB154" s="31"/>
      <c r="DBC154" s="31"/>
      <c r="DBD154" s="31"/>
      <c r="DBE154" s="31"/>
      <c r="DBF154" s="31"/>
      <c r="DBG154" s="31"/>
      <c r="DBH154" s="31"/>
      <c r="DBI154" s="31"/>
      <c r="DBJ154" s="31"/>
      <c r="DBK154" s="31"/>
      <c r="DBL154" s="31"/>
      <c r="DBM154" s="31"/>
      <c r="DBN154" s="31"/>
      <c r="DBO154" s="31"/>
      <c r="DBP154" s="31"/>
      <c r="DBQ154" s="31"/>
      <c r="DBR154" s="31"/>
      <c r="DBS154" s="31"/>
      <c r="DBT154" s="31"/>
      <c r="DBU154" s="31"/>
      <c r="DBV154" s="31"/>
      <c r="DBW154" s="31"/>
      <c r="DBX154" s="31"/>
      <c r="DBY154" s="31"/>
      <c r="DBZ154" s="31"/>
      <c r="DCA154" s="31"/>
      <c r="DCB154" s="31"/>
      <c r="DCC154" s="31"/>
      <c r="DCD154" s="31"/>
      <c r="DCE154" s="31"/>
      <c r="DCF154" s="31"/>
      <c r="DCG154" s="31"/>
      <c r="DCH154" s="31"/>
      <c r="DCI154" s="31"/>
      <c r="DCJ154" s="31"/>
      <c r="DCK154" s="31"/>
      <c r="DCL154" s="31"/>
      <c r="DCM154" s="31"/>
      <c r="DCN154" s="31"/>
      <c r="DCO154" s="31"/>
      <c r="DCP154" s="31"/>
      <c r="DCQ154" s="31"/>
      <c r="DCR154" s="31"/>
      <c r="DCS154" s="31"/>
      <c r="DCT154" s="31"/>
      <c r="DCU154" s="31"/>
      <c r="DCV154" s="31"/>
      <c r="DCW154" s="31"/>
      <c r="DCX154" s="31"/>
      <c r="DCY154" s="31"/>
      <c r="DCZ154" s="31"/>
      <c r="DDA154" s="31"/>
      <c r="DDB154" s="31"/>
      <c r="DDC154" s="31"/>
      <c r="DDD154" s="31"/>
      <c r="DDE154" s="31"/>
      <c r="DDF154" s="31"/>
      <c r="DDG154" s="31"/>
      <c r="DDH154" s="31"/>
      <c r="DDI154" s="31"/>
      <c r="DDJ154" s="31"/>
      <c r="DDK154" s="31"/>
      <c r="DDL154" s="31"/>
      <c r="DDM154" s="31"/>
      <c r="DDN154" s="31"/>
      <c r="DDO154" s="31"/>
      <c r="DDP154" s="31"/>
      <c r="DDQ154" s="31"/>
      <c r="DDR154" s="31"/>
      <c r="DDS154" s="31"/>
      <c r="DDT154" s="31"/>
      <c r="DDU154" s="31"/>
      <c r="DDV154" s="31"/>
      <c r="DDW154" s="31"/>
      <c r="DDX154" s="31"/>
      <c r="DDY154" s="31"/>
      <c r="DDZ154" s="31"/>
      <c r="DEA154" s="31"/>
      <c r="DEB154" s="31"/>
      <c r="DEC154" s="31"/>
      <c r="DED154" s="31"/>
      <c r="DEE154" s="31"/>
      <c r="DEF154" s="31"/>
      <c r="DEG154" s="31"/>
      <c r="DEH154" s="31"/>
      <c r="DEI154" s="31"/>
      <c r="DEJ154" s="31"/>
      <c r="DEK154" s="31"/>
      <c r="DEL154" s="31"/>
      <c r="DEM154" s="31"/>
      <c r="DEN154" s="31"/>
      <c r="DEO154" s="31"/>
      <c r="DEP154" s="31"/>
      <c r="DEQ154" s="31"/>
      <c r="DER154" s="31"/>
      <c r="DES154" s="31"/>
      <c r="DET154" s="31"/>
      <c r="DEU154" s="31"/>
      <c r="DEV154" s="31"/>
      <c r="DEW154" s="31"/>
      <c r="DEX154" s="31"/>
      <c r="DEY154" s="31"/>
      <c r="DEZ154" s="31"/>
      <c r="DFA154" s="31"/>
      <c r="DFB154" s="31"/>
      <c r="DFC154" s="31"/>
      <c r="DFD154" s="31"/>
      <c r="DFE154" s="31"/>
      <c r="DFF154" s="31"/>
      <c r="DFG154" s="31"/>
      <c r="DFH154" s="31"/>
      <c r="DFI154" s="31"/>
      <c r="DFJ154" s="31"/>
      <c r="DFK154" s="31"/>
      <c r="DFL154" s="31"/>
      <c r="DFM154" s="31"/>
      <c r="DFN154" s="31"/>
      <c r="DFO154" s="31"/>
      <c r="DFP154" s="31"/>
      <c r="DFQ154" s="31"/>
      <c r="DFR154" s="31"/>
      <c r="DFS154" s="31"/>
      <c r="DFT154" s="31"/>
      <c r="DFU154" s="31"/>
      <c r="DFV154" s="31"/>
      <c r="DFW154" s="31"/>
      <c r="DFX154" s="31"/>
      <c r="DFY154" s="31"/>
      <c r="DFZ154" s="31"/>
      <c r="DGA154" s="31"/>
      <c r="DGB154" s="31"/>
      <c r="DGC154" s="31"/>
      <c r="DGD154" s="31"/>
      <c r="DGE154" s="31"/>
      <c r="DGF154" s="31"/>
      <c r="DGG154" s="31"/>
      <c r="DGH154" s="31"/>
      <c r="DGI154" s="31"/>
      <c r="DGJ154" s="31"/>
      <c r="DGK154" s="31"/>
      <c r="DGL154" s="31"/>
      <c r="DGM154" s="31"/>
      <c r="DGN154" s="31"/>
      <c r="DGO154" s="31"/>
      <c r="DGP154" s="31"/>
      <c r="DGQ154" s="31"/>
      <c r="DGR154" s="31"/>
      <c r="DGS154" s="31"/>
      <c r="DGT154" s="31"/>
      <c r="DGU154" s="31"/>
      <c r="DGV154" s="31"/>
      <c r="DGW154" s="31"/>
      <c r="DGX154" s="31"/>
      <c r="DGY154" s="31"/>
      <c r="DGZ154" s="31"/>
      <c r="DHA154" s="31"/>
      <c r="DHB154" s="31"/>
      <c r="DHC154" s="31"/>
      <c r="DHD154" s="31"/>
      <c r="DHE154" s="31"/>
      <c r="DHF154" s="31"/>
      <c r="DHG154" s="31"/>
      <c r="DHH154" s="31"/>
      <c r="DHI154" s="31"/>
      <c r="DHJ154" s="31"/>
      <c r="DHK154" s="31"/>
      <c r="DHL154" s="31"/>
      <c r="DHM154" s="31"/>
      <c r="DHN154" s="31"/>
      <c r="DHO154" s="31"/>
      <c r="DHP154" s="31"/>
      <c r="DHQ154" s="31"/>
      <c r="DHR154" s="31"/>
      <c r="DHS154" s="31"/>
      <c r="DHT154" s="31"/>
      <c r="DHU154" s="31"/>
      <c r="DHV154" s="31"/>
      <c r="DHW154" s="31"/>
      <c r="DHX154" s="31"/>
      <c r="DHY154" s="31"/>
      <c r="DHZ154" s="31"/>
      <c r="DIA154" s="31"/>
      <c r="DIB154" s="31"/>
      <c r="DIC154" s="31"/>
      <c r="DID154" s="31"/>
      <c r="DIE154" s="31"/>
      <c r="DIF154" s="31"/>
      <c r="DIG154" s="31"/>
      <c r="DIH154" s="31"/>
      <c r="DII154" s="31"/>
      <c r="DIJ154" s="31"/>
      <c r="DIK154" s="31"/>
      <c r="DIL154" s="31"/>
      <c r="DIM154" s="31"/>
      <c r="DIN154" s="31"/>
      <c r="DIO154" s="31"/>
      <c r="DIP154" s="31"/>
      <c r="DIQ154" s="31"/>
      <c r="DIR154" s="31"/>
      <c r="DIS154" s="31"/>
      <c r="DIT154" s="31"/>
      <c r="DIU154" s="31"/>
      <c r="DIV154" s="31"/>
      <c r="DIW154" s="31"/>
      <c r="DIX154" s="31"/>
      <c r="DIY154" s="31"/>
      <c r="DIZ154" s="31"/>
      <c r="DJA154" s="31"/>
      <c r="DJB154" s="31"/>
      <c r="DJC154" s="31"/>
      <c r="DJD154" s="31"/>
      <c r="DJE154" s="31"/>
      <c r="DJF154" s="31"/>
      <c r="DJG154" s="31"/>
      <c r="DJH154" s="31"/>
      <c r="DJI154" s="31"/>
      <c r="DJJ154" s="31"/>
      <c r="DJK154" s="31"/>
      <c r="DJL154" s="31"/>
      <c r="DJM154" s="31"/>
      <c r="DJN154" s="31"/>
      <c r="DJO154" s="31"/>
      <c r="DJP154" s="31"/>
      <c r="DJQ154" s="31"/>
      <c r="DJR154" s="31"/>
      <c r="DJS154" s="31"/>
      <c r="DJT154" s="31"/>
      <c r="DJU154" s="31"/>
      <c r="DJV154" s="31"/>
      <c r="DJW154" s="31"/>
      <c r="DJX154" s="31"/>
      <c r="DJY154" s="31"/>
      <c r="DJZ154" s="31"/>
      <c r="DKA154" s="31"/>
      <c r="DKB154" s="31"/>
      <c r="DKC154" s="31"/>
      <c r="DKD154" s="31"/>
      <c r="DKE154" s="31"/>
      <c r="DKF154" s="31"/>
      <c r="DKG154" s="31"/>
      <c r="DKH154" s="31"/>
      <c r="DKI154" s="31"/>
      <c r="DKJ154" s="31"/>
      <c r="DKK154" s="31"/>
      <c r="DKL154" s="31"/>
      <c r="DKM154" s="31"/>
      <c r="DKN154" s="31"/>
      <c r="DKO154" s="31"/>
      <c r="DKP154" s="31"/>
      <c r="DKQ154" s="31"/>
      <c r="DKR154" s="31"/>
      <c r="DKS154" s="31"/>
      <c r="DKT154" s="31"/>
      <c r="DKU154" s="31"/>
      <c r="DKV154" s="31"/>
      <c r="DKW154" s="31"/>
      <c r="DKX154" s="31"/>
      <c r="DKY154" s="31"/>
      <c r="DKZ154" s="31"/>
      <c r="DLA154" s="31"/>
      <c r="DLB154" s="31"/>
      <c r="DLC154" s="31"/>
      <c r="DLD154" s="31"/>
      <c r="DLE154" s="31"/>
      <c r="DLF154" s="31"/>
      <c r="DLG154" s="31"/>
      <c r="DLH154" s="31"/>
      <c r="DLI154" s="31"/>
      <c r="DLJ154" s="31"/>
      <c r="DLK154" s="31"/>
      <c r="DLL154" s="31"/>
      <c r="DLM154" s="31"/>
      <c r="DLN154" s="31"/>
      <c r="DLO154" s="31"/>
      <c r="DLP154" s="31"/>
      <c r="DLQ154" s="31"/>
      <c r="DLR154" s="31"/>
      <c r="DLS154" s="31"/>
      <c r="DLT154" s="31"/>
      <c r="DLU154" s="31"/>
      <c r="DLV154" s="31"/>
      <c r="DLW154" s="31"/>
      <c r="DLX154" s="31"/>
      <c r="DLY154" s="31"/>
      <c r="DLZ154" s="31"/>
      <c r="DMA154" s="31"/>
      <c r="DMB154" s="31"/>
      <c r="DMC154" s="31"/>
      <c r="DMD154" s="31"/>
      <c r="DME154" s="31"/>
      <c r="DMF154" s="31"/>
      <c r="DMG154" s="31"/>
      <c r="DMH154" s="31"/>
      <c r="DMI154" s="31"/>
      <c r="DMJ154" s="31"/>
      <c r="DMK154" s="31"/>
      <c r="DML154" s="31"/>
      <c r="DMM154" s="31"/>
      <c r="DMN154" s="31"/>
      <c r="DMO154" s="31"/>
      <c r="DMP154" s="31"/>
      <c r="DMQ154" s="31"/>
      <c r="DMR154" s="31"/>
      <c r="DMS154" s="31"/>
      <c r="DMT154" s="31"/>
      <c r="DMU154" s="31"/>
      <c r="DMV154" s="31"/>
      <c r="DMW154" s="31"/>
      <c r="DMX154" s="31"/>
      <c r="DMY154" s="31"/>
      <c r="DMZ154" s="31"/>
      <c r="DNA154" s="31"/>
      <c r="DNB154" s="31"/>
      <c r="DNC154" s="31"/>
      <c r="DND154" s="31"/>
      <c r="DNE154" s="31"/>
      <c r="DNF154" s="31"/>
      <c r="DNG154" s="31"/>
      <c r="DNH154" s="31"/>
      <c r="DNI154" s="31"/>
      <c r="DNJ154" s="31"/>
      <c r="DNK154" s="31"/>
      <c r="DNL154" s="31"/>
      <c r="DNM154" s="31"/>
      <c r="DNN154" s="31"/>
      <c r="DNO154" s="31"/>
      <c r="DNP154" s="31"/>
      <c r="DNQ154" s="31"/>
      <c r="DNR154" s="31"/>
      <c r="DNS154" s="31"/>
      <c r="DNT154" s="31"/>
      <c r="DNU154" s="31"/>
      <c r="DNV154" s="31"/>
      <c r="DNW154" s="31"/>
      <c r="DNX154" s="31"/>
      <c r="DNY154" s="31"/>
      <c r="DNZ154" s="31"/>
      <c r="DOA154" s="31"/>
      <c r="DOB154" s="31"/>
      <c r="DOC154" s="31"/>
      <c r="DOD154" s="31"/>
      <c r="DOE154" s="31"/>
      <c r="DOF154" s="31"/>
      <c r="DOG154" s="31"/>
      <c r="DOH154" s="31"/>
      <c r="DOI154" s="31"/>
      <c r="DOJ154" s="31"/>
      <c r="DOK154" s="31"/>
      <c r="DOL154" s="31"/>
      <c r="DOM154" s="31"/>
      <c r="DON154" s="31"/>
      <c r="DOO154" s="31"/>
      <c r="DOP154" s="31"/>
      <c r="DOQ154" s="31"/>
      <c r="DOR154" s="31"/>
      <c r="DOS154" s="31"/>
      <c r="DOT154" s="31"/>
      <c r="DOU154" s="31"/>
      <c r="DOV154" s="31"/>
      <c r="DOW154" s="31"/>
      <c r="DOX154" s="31"/>
      <c r="DOY154" s="31"/>
      <c r="DOZ154" s="31"/>
      <c r="DPA154" s="31"/>
      <c r="DPB154" s="31"/>
      <c r="DPC154" s="31"/>
      <c r="DPD154" s="31"/>
      <c r="DPE154" s="31"/>
      <c r="DPF154" s="31"/>
      <c r="DPG154" s="31"/>
      <c r="DPH154" s="31"/>
      <c r="DPI154" s="31"/>
      <c r="DPJ154" s="31"/>
      <c r="DPK154" s="31"/>
      <c r="DPL154" s="31"/>
      <c r="DPM154" s="31"/>
      <c r="DPN154" s="31"/>
      <c r="DPO154" s="31"/>
      <c r="DPP154" s="31"/>
      <c r="DPQ154" s="31"/>
      <c r="DPR154" s="31"/>
      <c r="DPS154" s="31"/>
      <c r="DPT154" s="31"/>
      <c r="DPU154" s="31"/>
      <c r="DPV154" s="31"/>
      <c r="DPW154" s="31"/>
      <c r="DPX154" s="31"/>
      <c r="DPY154" s="31"/>
      <c r="DPZ154" s="31"/>
      <c r="DQA154" s="31"/>
      <c r="DQB154" s="31"/>
      <c r="DQC154" s="31"/>
      <c r="DQD154" s="31"/>
      <c r="DQE154" s="31"/>
      <c r="DQF154" s="31"/>
      <c r="DQG154" s="31"/>
      <c r="DQH154" s="31"/>
      <c r="DQI154" s="31"/>
      <c r="DQJ154" s="31"/>
      <c r="DQK154" s="31"/>
      <c r="DQL154" s="31"/>
      <c r="DQM154" s="31"/>
      <c r="DQN154" s="31"/>
      <c r="DQO154" s="31"/>
      <c r="DQP154" s="31"/>
      <c r="DQQ154" s="31"/>
      <c r="DQR154" s="31"/>
      <c r="DQS154" s="31"/>
      <c r="DQT154" s="31"/>
      <c r="DQU154" s="31"/>
      <c r="DQV154" s="31"/>
      <c r="DQW154" s="31"/>
      <c r="DQX154" s="31"/>
      <c r="DQY154" s="31"/>
      <c r="DQZ154" s="31"/>
      <c r="DRA154" s="31"/>
      <c r="DRB154" s="31"/>
      <c r="DRC154" s="31"/>
      <c r="DRD154" s="31"/>
      <c r="DRE154" s="31"/>
      <c r="DRF154" s="31"/>
      <c r="DRG154" s="31"/>
      <c r="DRH154" s="31"/>
      <c r="DRI154" s="31"/>
      <c r="DRJ154" s="31"/>
      <c r="DRK154" s="31"/>
      <c r="DRL154" s="31"/>
      <c r="DRM154" s="31"/>
      <c r="DRN154" s="31"/>
      <c r="DRO154" s="31"/>
      <c r="DRP154" s="31"/>
      <c r="DRQ154" s="31"/>
      <c r="DRR154" s="31"/>
      <c r="DRS154" s="31"/>
      <c r="DRT154" s="31"/>
      <c r="DRU154" s="31"/>
      <c r="DRV154" s="31"/>
      <c r="DRW154" s="31"/>
      <c r="DRX154" s="31"/>
      <c r="DRY154" s="31"/>
      <c r="DRZ154" s="31"/>
      <c r="DSA154" s="31"/>
      <c r="DSB154" s="31"/>
      <c r="DSC154" s="31"/>
      <c r="DSD154" s="31"/>
      <c r="DSE154" s="31"/>
      <c r="DSF154" s="31"/>
      <c r="DSG154" s="31"/>
      <c r="DSH154" s="31"/>
      <c r="DSI154" s="31"/>
      <c r="DSJ154" s="31"/>
      <c r="DSK154" s="31"/>
      <c r="DSL154" s="31"/>
      <c r="DSM154" s="31"/>
      <c r="DSN154" s="31"/>
      <c r="DSO154" s="31"/>
      <c r="DSP154" s="31"/>
      <c r="DSQ154" s="31"/>
      <c r="DSR154" s="31"/>
      <c r="DSS154" s="31"/>
      <c r="DST154" s="31"/>
      <c r="DSU154" s="31"/>
      <c r="DSV154" s="31"/>
      <c r="DSW154" s="31"/>
      <c r="DSX154" s="31"/>
      <c r="DSY154" s="31"/>
      <c r="DSZ154" s="31"/>
      <c r="DTA154" s="31"/>
      <c r="DTB154" s="31"/>
      <c r="DTC154" s="31"/>
      <c r="DTD154" s="31"/>
      <c r="DTE154" s="31"/>
      <c r="DTF154" s="31"/>
      <c r="DTG154" s="31"/>
      <c r="DTH154" s="31"/>
      <c r="DTI154" s="31"/>
      <c r="DTJ154" s="31"/>
      <c r="DTK154" s="31"/>
      <c r="DTL154" s="31"/>
      <c r="DTM154" s="31"/>
      <c r="DTN154" s="31"/>
      <c r="DTO154" s="31"/>
      <c r="DTP154" s="31"/>
      <c r="DTQ154" s="31"/>
      <c r="DTR154" s="31"/>
      <c r="DTS154" s="31"/>
      <c r="DTT154" s="31"/>
      <c r="DTU154" s="31"/>
      <c r="DTV154" s="31"/>
      <c r="DTW154" s="31"/>
      <c r="DTX154" s="31"/>
      <c r="DTY154" s="31"/>
      <c r="DTZ154" s="31"/>
      <c r="DUA154" s="31"/>
      <c r="DUB154" s="31"/>
      <c r="DUC154" s="31"/>
      <c r="DUD154" s="31"/>
      <c r="DUE154" s="31"/>
      <c r="DUF154" s="31"/>
      <c r="DUG154" s="31"/>
      <c r="DUH154" s="31"/>
      <c r="DUI154" s="31"/>
      <c r="DUJ154" s="31"/>
      <c r="DUK154" s="31"/>
      <c r="DUL154" s="31"/>
      <c r="DUM154" s="31"/>
      <c r="DUN154" s="31"/>
      <c r="DUO154" s="31"/>
      <c r="DUP154" s="31"/>
      <c r="DUQ154" s="31"/>
      <c r="DUR154" s="31"/>
      <c r="DUS154" s="31"/>
      <c r="DUT154" s="31"/>
      <c r="DUU154" s="31"/>
      <c r="DUV154" s="31"/>
      <c r="DUW154" s="31"/>
      <c r="DUX154" s="31"/>
      <c r="DUY154" s="31"/>
      <c r="DUZ154" s="31"/>
      <c r="DVA154" s="31"/>
      <c r="DVB154" s="31"/>
      <c r="DVC154" s="31"/>
      <c r="DVD154" s="31"/>
      <c r="DVE154" s="31"/>
      <c r="DVF154" s="31"/>
      <c r="DVG154" s="31"/>
      <c r="DVH154" s="31"/>
      <c r="DVI154" s="31"/>
      <c r="DVJ154" s="31"/>
      <c r="DVK154" s="31"/>
      <c r="DVL154" s="31"/>
      <c r="DVM154" s="31"/>
      <c r="DVN154" s="31"/>
      <c r="DVO154" s="31"/>
      <c r="DVP154" s="31"/>
      <c r="DVQ154" s="31"/>
      <c r="DVR154" s="31"/>
      <c r="DVS154" s="31"/>
      <c r="DVT154" s="31"/>
      <c r="DVU154" s="31"/>
      <c r="DVV154" s="31"/>
      <c r="DVW154" s="31"/>
      <c r="DVX154" s="31"/>
      <c r="DVY154" s="31"/>
      <c r="DVZ154" s="31"/>
      <c r="DWA154" s="31"/>
      <c r="DWB154" s="31"/>
      <c r="DWC154" s="31"/>
      <c r="DWD154" s="31"/>
      <c r="DWE154" s="31"/>
      <c r="DWF154" s="31"/>
      <c r="DWG154" s="31"/>
      <c r="DWH154" s="31"/>
      <c r="DWI154" s="31"/>
      <c r="DWJ154" s="31"/>
      <c r="DWK154" s="31"/>
      <c r="DWL154" s="31"/>
      <c r="DWM154" s="31"/>
      <c r="DWN154" s="31"/>
      <c r="DWO154" s="31"/>
      <c r="DWP154" s="31"/>
      <c r="DWQ154" s="31"/>
      <c r="DWR154" s="31"/>
      <c r="DWS154" s="31"/>
      <c r="DWT154" s="31"/>
      <c r="DWU154" s="31"/>
      <c r="DWV154" s="31"/>
      <c r="DWW154" s="31"/>
      <c r="DWX154" s="31"/>
      <c r="DWY154" s="31"/>
      <c r="DWZ154" s="31"/>
      <c r="DXA154" s="31"/>
      <c r="DXB154" s="31"/>
      <c r="DXC154" s="31"/>
      <c r="DXD154" s="31"/>
      <c r="DXE154" s="31"/>
      <c r="DXF154" s="31"/>
      <c r="DXG154" s="31"/>
      <c r="DXH154" s="31"/>
      <c r="DXI154" s="31"/>
      <c r="DXJ154" s="31"/>
      <c r="DXK154" s="31"/>
      <c r="DXL154" s="31"/>
      <c r="DXM154" s="31"/>
      <c r="DXN154" s="31"/>
      <c r="DXO154" s="31"/>
      <c r="DXP154" s="31"/>
      <c r="DXQ154" s="31"/>
      <c r="DXR154" s="31"/>
      <c r="DXS154" s="31"/>
      <c r="DXT154" s="31"/>
      <c r="DXU154" s="31"/>
      <c r="DXV154" s="31"/>
      <c r="DXW154" s="31"/>
      <c r="DXX154" s="31"/>
      <c r="DXY154" s="31"/>
      <c r="DXZ154" s="31"/>
      <c r="DYA154" s="31"/>
      <c r="DYB154" s="31"/>
      <c r="DYC154" s="31"/>
      <c r="DYD154" s="31"/>
      <c r="DYE154" s="31"/>
      <c r="DYF154" s="31"/>
      <c r="DYG154" s="31"/>
      <c r="DYH154" s="31"/>
      <c r="DYI154" s="31"/>
      <c r="DYJ154" s="31"/>
      <c r="DYK154" s="31"/>
      <c r="DYL154" s="31"/>
      <c r="DYM154" s="31"/>
      <c r="DYN154" s="31"/>
      <c r="DYO154" s="31"/>
      <c r="DYP154" s="31"/>
      <c r="DYQ154" s="31"/>
      <c r="DYR154" s="31"/>
      <c r="DYS154" s="31"/>
      <c r="DYT154" s="31"/>
      <c r="DYU154" s="31"/>
      <c r="DYV154" s="31"/>
      <c r="DYW154" s="31"/>
      <c r="DYX154" s="31"/>
      <c r="DYY154" s="31"/>
      <c r="DYZ154" s="31"/>
      <c r="DZA154" s="31"/>
      <c r="DZB154" s="31"/>
      <c r="DZC154" s="31"/>
      <c r="DZD154" s="31"/>
      <c r="DZE154" s="31"/>
      <c r="DZF154" s="31"/>
      <c r="DZG154" s="31"/>
      <c r="DZH154" s="31"/>
      <c r="DZI154" s="31"/>
      <c r="DZJ154" s="31"/>
      <c r="DZK154" s="31"/>
      <c r="DZL154" s="31"/>
      <c r="DZM154" s="31"/>
      <c r="DZN154" s="31"/>
      <c r="DZO154" s="31"/>
      <c r="DZP154" s="31"/>
      <c r="DZQ154" s="31"/>
      <c r="DZR154" s="31"/>
      <c r="DZS154" s="31"/>
      <c r="DZT154" s="31"/>
      <c r="DZU154" s="31"/>
      <c r="DZV154" s="31"/>
      <c r="DZW154" s="31"/>
      <c r="DZX154" s="31"/>
      <c r="DZY154" s="31"/>
      <c r="DZZ154" s="31"/>
      <c r="EAA154" s="31"/>
      <c r="EAB154" s="31"/>
      <c r="EAC154" s="31"/>
      <c r="EAD154" s="31"/>
      <c r="EAE154" s="31"/>
      <c r="EAF154" s="31"/>
      <c r="EAG154" s="31"/>
      <c r="EAH154" s="31"/>
      <c r="EAI154" s="31"/>
      <c r="EAJ154" s="31"/>
      <c r="EAK154" s="31"/>
      <c r="EAL154" s="31"/>
      <c r="EAM154" s="31"/>
      <c r="EAN154" s="31"/>
      <c r="EAO154" s="31"/>
      <c r="EAP154" s="31"/>
      <c r="EAQ154" s="31"/>
      <c r="EAR154" s="31"/>
      <c r="EAS154" s="31"/>
      <c r="EAT154" s="31"/>
      <c r="EAU154" s="31"/>
      <c r="EAV154" s="31"/>
      <c r="EAW154" s="31"/>
      <c r="EAX154" s="31"/>
      <c r="EAY154" s="31"/>
      <c r="EAZ154" s="31"/>
      <c r="EBA154" s="31"/>
      <c r="EBB154" s="31"/>
      <c r="EBC154" s="31"/>
      <c r="EBD154" s="31"/>
      <c r="EBE154" s="31"/>
      <c r="EBF154" s="31"/>
      <c r="EBG154" s="31"/>
      <c r="EBH154" s="31"/>
      <c r="EBI154" s="31"/>
      <c r="EBJ154" s="31"/>
      <c r="EBK154" s="31"/>
      <c r="EBL154" s="31"/>
      <c r="EBM154" s="31"/>
      <c r="EBN154" s="31"/>
      <c r="EBO154" s="31"/>
      <c r="EBP154" s="31"/>
      <c r="EBQ154" s="31"/>
      <c r="EBR154" s="31"/>
      <c r="EBS154" s="31"/>
      <c r="EBT154" s="31"/>
      <c r="EBU154" s="31"/>
      <c r="EBV154" s="31"/>
      <c r="EBW154" s="31"/>
      <c r="EBX154" s="31"/>
      <c r="EBY154" s="31"/>
      <c r="EBZ154" s="31"/>
      <c r="ECA154" s="31"/>
      <c r="ECB154" s="31"/>
      <c r="ECC154" s="31"/>
      <c r="ECD154" s="31"/>
      <c r="ECE154" s="31"/>
      <c r="ECF154" s="31"/>
      <c r="ECG154" s="31"/>
      <c r="ECH154" s="31"/>
      <c r="ECI154" s="31"/>
      <c r="ECJ154" s="31"/>
      <c r="ECK154" s="31"/>
      <c r="ECL154" s="31"/>
      <c r="ECM154" s="31"/>
      <c r="ECN154" s="31"/>
      <c r="ECO154" s="31"/>
      <c r="ECP154" s="31"/>
      <c r="ECQ154" s="31"/>
      <c r="ECR154" s="31"/>
      <c r="ECS154" s="31"/>
      <c r="ECT154" s="31"/>
      <c r="ECU154" s="31"/>
      <c r="ECV154" s="31"/>
      <c r="ECW154" s="31"/>
      <c r="ECX154" s="31"/>
      <c r="ECY154" s="31"/>
      <c r="ECZ154" s="31"/>
      <c r="EDA154" s="31"/>
      <c r="EDB154" s="31"/>
      <c r="EDC154" s="31"/>
      <c r="EDD154" s="31"/>
      <c r="EDE154" s="31"/>
      <c r="EDF154" s="31"/>
      <c r="EDG154" s="31"/>
      <c r="EDH154" s="31"/>
      <c r="EDI154" s="31"/>
      <c r="EDJ154" s="31"/>
      <c r="EDK154" s="31"/>
      <c r="EDL154" s="31"/>
      <c r="EDM154" s="31"/>
      <c r="EDN154" s="31"/>
      <c r="EDO154" s="31"/>
      <c r="EDP154" s="31"/>
      <c r="EDQ154" s="31"/>
      <c r="EDR154" s="31"/>
      <c r="EDS154" s="31"/>
      <c r="EDT154" s="31"/>
      <c r="EDU154" s="31"/>
      <c r="EDV154" s="31"/>
      <c r="EDW154" s="31"/>
      <c r="EDX154" s="31"/>
      <c r="EDY154" s="31"/>
      <c r="EDZ154" s="31"/>
      <c r="EEA154" s="31"/>
      <c r="EEB154" s="31"/>
      <c r="EEC154" s="31"/>
      <c r="EED154" s="31"/>
      <c r="EEE154" s="31"/>
      <c r="EEF154" s="31"/>
      <c r="EEG154" s="31"/>
      <c r="EEH154" s="31"/>
      <c r="EEI154" s="31"/>
      <c r="EEJ154" s="31"/>
      <c r="EEK154" s="31"/>
      <c r="EEL154" s="31"/>
      <c r="EEM154" s="31"/>
      <c r="EEN154" s="31"/>
      <c r="EEO154" s="31"/>
      <c r="EEP154" s="31"/>
      <c r="EEQ154" s="31"/>
      <c r="EER154" s="31"/>
      <c r="EES154" s="31"/>
      <c r="EET154" s="31"/>
      <c r="EEU154" s="31"/>
      <c r="EEV154" s="31"/>
      <c r="EEW154" s="31"/>
      <c r="EEX154" s="31"/>
      <c r="EEY154" s="31"/>
      <c r="EEZ154" s="31"/>
      <c r="EFA154" s="31"/>
      <c r="EFB154" s="31"/>
      <c r="EFC154" s="31"/>
      <c r="EFD154" s="31"/>
      <c r="EFE154" s="31"/>
      <c r="EFF154" s="31"/>
      <c r="EFG154" s="31"/>
      <c r="EFH154" s="31"/>
      <c r="EFI154" s="31"/>
      <c r="EFJ154" s="31"/>
      <c r="EFK154" s="31"/>
      <c r="EFL154" s="31"/>
      <c r="EFM154" s="31"/>
      <c r="EFN154" s="31"/>
      <c r="EFO154" s="31"/>
      <c r="EFP154" s="31"/>
      <c r="EFQ154" s="31"/>
      <c r="EFR154" s="31"/>
      <c r="EFS154" s="31"/>
      <c r="EFT154" s="31"/>
      <c r="EFU154" s="31"/>
      <c r="EFV154" s="31"/>
      <c r="EFW154" s="31"/>
      <c r="EFX154" s="31"/>
      <c r="EFY154" s="31"/>
      <c r="EFZ154" s="31"/>
      <c r="EGA154" s="31"/>
      <c r="EGB154" s="31"/>
      <c r="EGC154" s="31"/>
      <c r="EGD154" s="31"/>
      <c r="EGE154" s="31"/>
      <c r="EGF154" s="31"/>
      <c r="EGG154" s="31"/>
      <c r="EGH154" s="31"/>
      <c r="EGI154" s="31"/>
      <c r="EGJ154" s="31"/>
      <c r="EGK154" s="31"/>
      <c r="EGL154" s="31"/>
      <c r="EGM154" s="31"/>
      <c r="EGN154" s="31"/>
      <c r="EGO154" s="31"/>
      <c r="EGP154" s="31"/>
      <c r="EGQ154" s="31"/>
      <c r="EGR154" s="31"/>
      <c r="EGS154" s="31"/>
      <c r="EGT154" s="31"/>
      <c r="EGU154" s="31"/>
      <c r="EGV154" s="31"/>
      <c r="EGW154" s="31"/>
      <c r="EGX154" s="31"/>
      <c r="EGY154" s="31"/>
      <c r="EGZ154" s="31"/>
      <c r="EHA154" s="31"/>
      <c r="EHB154" s="31"/>
      <c r="EHC154" s="31"/>
      <c r="EHD154" s="31"/>
      <c r="EHE154" s="31"/>
      <c r="EHF154" s="31"/>
      <c r="EHG154" s="31"/>
      <c r="EHH154" s="31"/>
      <c r="EHI154" s="31"/>
      <c r="EHJ154" s="31"/>
      <c r="EHK154" s="31"/>
      <c r="EHL154" s="31"/>
      <c r="EHM154" s="31"/>
      <c r="EHN154" s="31"/>
      <c r="EHO154" s="31"/>
      <c r="EHP154" s="31"/>
      <c r="EHQ154" s="31"/>
      <c r="EHR154" s="31"/>
      <c r="EHS154" s="31"/>
      <c r="EHT154" s="31"/>
      <c r="EHU154" s="31"/>
      <c r="EHV154" s="31"/>
      <c r="EHW154" s="31"/>
      <c r="EHX154" s="31"/>
      <c r="EHY154" s="31"/>
      <c r="EHZ154" s="31"/>
      <c r="EIA154" s="31"/>
      <c r="EIB154" s="31"/>
      <c r="EIC154" s="31"/>
      <c r="EID154" s="31"/>
      <c r="EIE154" s="31"/>
      <c r="EIF154" s="31"/>
      <c r="EIG154" s="31"/>
      <c r="EIH154" s="31"/>
      <c r="EII154" s="31"/>
      <c r="EIJ154" s="31"/>
      <c r="EIK154" s="31"/>
      <c r="EIL154" s="31"/>
      <c r="EIM154" s="31"/>
      <c r="EIN154" s="31"/>
      <c r="EIO154" s="31"/>
      <c r="EIP154" s="31"/>
      <c r="EIQ154" s="31"/>
      <c r="EIR154" s="31"/>
      <c r="EIS154" s="31"/>
      <c r="EIT154" s="31"/>
      <c r="EIU154" s="31"/>
      <c r="EIV154" s="31"/>
      <c r="EIW154" s="31"/>
      <c r="EIX154" s="31"/>
      <c r="EIY154" s="31"/>
      <c r="EIZ154" s="31"/>
      <c r="EJA154" s="31"/>
      <c r="EJB154" s="31"/>
      <c r="EJC154" s="31"/>
      <c r="EJD154" s="31"/>
      <c r="EJE154" s="31"/>
      <c r="EJF154" s="31"/>
      <c r="EJG154" s="31"/>
      <c r="EJH154" s="31"/>
      <c r="EJI154" s="31"/>
      <c r="EJJ154" s="31"/>
      <c r="EJK154" s="31"/>
      <c r="EJL154" s="31"/>
      <c r="EJM154" s="31"/>
      <c r="EJN154" s="31"/>
      <c r="EJO154" s="31"/>
      <c r="EJP154" s="31"/>
      <c r="EJQ154" s="31"/>
      <c r="EJR154" s="31"/>
      <c r="EJS154" s="31"/>
      <c r="EJT154" s="31"/>
      <c r="EJU154" s="31"/>
      <c r="EJV154" s="31"/>
      <c r="EJW154" s="31"/>
      <c r="EJX154" s="31"/>
      <c r="EJY154" s="31"/>
      <c r="EJZ154" s="31"/>
      <c r="EKA154" s="31"/>
      <c r="EKB154" s="31"/>
      <c r="EKC154" s="31"/>
      <c r="EKD154" s="31"/>
      <c r="EKE154" s="31"/>
      <c r="EKF154" s="31"/>
      <c r="EKG154" s="31"/>
      <c r="EKH154" s="31"/>
      <c r="EKI154" s="31"/>
      <c r="EKJ154" s="31"/>
      <c r="EKK154" s="31"/>
      <c r="EKL154" s="31"/>
      <c r="EKM154" s="31"/>
      <c r="EKN154" s="31"/>
      <c r="EKO154" s="31"/>
      <c r="EKP154" s="31"/>
      <c r="EKQ154" s="31"/>
      <c r="EKR154" s="31"/>
      <c r="EKS154" s="31"/>
      <c r="EKT154" s="31"/>
      <c r="EKU154" s="31"/>
      <c r="EKV154" s="31"/>
      <c r="EKW154" s="31"/>
      <c r="EKX154" s="31"/>
      <c r="EKY154" s="31"/>
      <c r="EKZ154" s="31"/>
      <c r="ELA154" s="31"/>
      <c r="ELB154" s="31"/>
      <c r="ELC154" s="31"/>
      <c r="ELD154" s="31"/>
      <c r="ELE154" s="31"/>
      <c r="ELF154" s="31"/>
      <c r="ELG154" s="31"/>
      <c r="ELH154" s="31"/>
      <c r="ELI154" s="31"/>
      <c r="ELJ154" s="31"/>
      <c r="ELK154" s="31"/>
      <c r="ELL154" s="31"/>
      <c r="ELM154" s="31"/>
      <c r="ELN154" s="31"/>
      <c r="ELO154" s="31"/>
      <c r="ELP154" s="31"/>
      <c r="ELQ154" s="31"/>
      <c r="ELR154" s="31"/>
      <c r="ELS154" s="31"/>
      <c r="ELT154" s="31"/>
      <c r="ELU154" s="31"/>
      <c r="ELV154" s="31"/>
      <c r="ELW154" s="31"/>
      <c r="ELX154" s="31"/>
      <c r="ELY154" s="31"/>
      <c r="ELZ154" s="31"/>
      <c r="EMA154" s="31"/>
      <c r="EMB154" s="31"/>
      <c r="EMC154" s="31"/>
      <c r="EMD154" s="31"/>
      <c r="EME154" s="31"/>
      <c r="EMF154" s="31"/>
      <c r="EMG154" s="31"/>
      <c r="EMH154" s="31"/>
      <c r="EMI154" s="31"/>
      <c r="EMJ154" s="31"/>
      <c r="EMK154" s="31"/>
      <c r="EML154" s="31"/>
      <c r="EMM154" s="31"/>
      <c r="EMN154" s="31"/>
      <c r="EMO154" s="31"/>
      <c r="EMP154" s="31"/>
      <c r="EMQ154" s="31"/>
      <c r="EMR154" s="31"/>
      <c r="EMS154" s="31"/>
      <c r="EMT154" s="31"/>
      <c r="EMU154" s="31"/>
      <c r="EMV154" s="31"/>
      <c r="EMW154" s="31"/>
      <c r="EMX154" s="31"/>
      <c r="EMY154" s="31"/>
      <c r="EMZ154" s="31"/>
      <c r="ENA154" s="31"/>
      <c r="ENB154" s="31"/>
      <c r="ENC154" s="31"/>
      <c r="END154" s="31"/>
      <c r="ENE154" s="31"/>
      <c r="ENF154" s="31"/>
      <c r="ENG154" s="31"/>
      <c r="ENH154" s="31"/>
      <c r="ENI154" s="31"/>
      <c r="ENJ154" s="31"/>
      <c r="ENK154" s="31"/>
      <c r="ENL154" s="31"/>
      <c r="ENM154" s="31"/>
      <c r="ENN154" s="31"/>
      <c r="ENO154" s="31"/>
      <c r="ENP154" s="31"/>
      <c r="ENQ154" s="31"/>
      <c r="ENR154" s="31"/>
      <c r="ENS154" s="31"/>
      <c r="ENT154" s="31"/>
      <c r="ENU154" s="31"/>
      <c r="ENV154" s="31"/>
      <c r="ENW154" s="31"/>
      <c r="ENX154" s="31"/>
      <c r="ENY154" s="31"/>
      <c r="ENZ154" s="31"/>
      <c r="EOA154" s="31"/>
      <c r="EOB154" s="31"/>
      <c r="EOC154" s="31"/>
      <c r="EOD154" s="31"/>
      <c r="EOE154" s="31"/>
      <c r="EOF154" s="31"/>
      <c r="EOG154" s="31"/>
      <c r="EOH154" s="31"/>
      <c r="EOI154" s="31"/>
      <c r="EOJ154" s="31"/>
      <c r="EOK154" s="31"/>
      <c r="EOL154" s="31"/>
      <c r="EOM154" s="31"/>
      <c r="EON154" s="31"/>
      <c r="EOO154" s="31"/>
      <c r="EOP154" s="31"/>
      <c r="EOQ154" s="31"/>
      <c r="EOR154" s="31"/>
      <c r="EOS154" s="31"/>
      <c r="EOT154" s="31"/>
      <c r="EOU154" s="31"/>
      <c r="EOV154" s="31"/>
      <c r="EOW154" s="31"/>
      <c r="EOX154" s="31"/>
      <c r="EOY154" s="31"/>
      <c r="EOZ154" s="31"/>
      <c r="EPA154" s="31"/>
      <c r="EPB154" s="31"/>
      <c r="EPC154" s="31"/>
      <c r="EPD154" s="31"/>
      <c r="EPE154" s="31"/>
      <c r="EPF154" s="31"/>
      <c r="EPG154" s="31"/>
      <c r="EPH154" s="31"/>
      <c r="EPI154" s="31"/>
      <c r="EPJ154" s="31"/>
      <c r="EPK154" s="31"/>
      <c r="EPL154" s="31"/>
      <c r="EPM154" s="31"/>
      <c r="EPN154" s="31"/>
      <c r="EPO154" s="31"/>
      <c r="EPP154" s="31"/>
      <c r="EPQ154" s="31"/>
      <c r="EPR154" s="31"/>
      <c r="EPS154" s="31"/>
      <c r="EPT154" s="31"/>
      <c r="EPU154" s="31"/>
      <c r="EPV154" s="31"/>
      <c r="EPW154" s="31"/>
      <c r="EPX154" s="31"/>
      <c r="EPY154" s="31"/>
      <c r="EPZ154" s="31"/>
      <c r="EQA154" s="31"/>
      <c r="EQB154" s="31"/>
      <c r="EQC154" s="31"/>
      <c r="EQD154" s="31"/>
      <c r="EQE154" s="31"/>
      <c r="EQF154" s="31"/>
      <c r="EQG154" s="31"/>
      <c r="EQH154" s="31"/>
      <c r="EQI154" s="31"/>
      <c r="EQJ154" s="31"/>
      <c r="EQK154" s="31"/>
      <c r="EQL154" s="31"/>
      <c r="EQM154" s="31"/>
      <c r="EQN154" s="31"/>
      <c r="EQO154" s="31"/>
      <c r="EQP154" s="31"/>
      <c r="EQQ154" s="31"/>
      <c r="EQR154" s="31"/>
      <c r="EQS154" s="31"/>
      <c r="EQT154" s="31"/>
      <c r="EQU154" s="31"/>
      <c r="EQV154" s="31"/>
      <c r="EQW154" s="31"/>
      <c r="EQX154" s="31"/>
      <c r="EQY154" s="31"/>
      <c r="EQZ154" s="31"/>
      <c r="ERA154" s="31"/>
      <c r="ERB154" s="31"/>
      <c r="ERC154" s="31"/>
      <c r="ERD154" s="31"/>
      <c r="ERE154" s="31"/>
      <c r="ERF154" s="31"/>
      <c r="ERG154" s="31"/>
      <c r="ERH154" s="31"/>
      <c r="ERI154" s="31"/>
      <c r="ERJ154" s="31"/>
      <c r="ERK154" s="31"/>
      <c r="ERL154" s="31"/>
      <c r="ERM154" s="31"/>
      <c r="ERN154" s="31"/>
      <c r="ERO154" s="31"/>
      <c r="ERP154" s="31"/>
      <c r="ERQ154" s="31"/>
      <c r="ERR154" s="31"/>
      <c r="ERS154" s="31"/>
      <c r="ERT154" s="31"/>
      <c r="ERU154" s="31"/>
      <c r="ERV154" s="31"/>
      <c r="ERW154" s="31"/>
      <c r="ERX154" s="31"/>
      <c r="ERY154" s="31"/>
      <c r="ERZ154" s="31"/>
      <c r="ESA154" s="31"/>
      <c r="ESB154" s="31"/>
      <c r="ESC154" s="31"/>
      <c r="ESD154" s="31"/>
      <c r="ESE154" s="31"/>
      <c r="ESF154" s="31"/>
      <c r="ESG154" s="31"/>
      <c r="ESH154" s="31"/>
      <c r="ESI154" s="31"/>
      <c r="ESJ154" s="31"/>
      <c r="ESK154" s="31"/>
      <c r="ESL154" s="31"/>
      <c r="ESM154" s="31"/>
      <c r="ESN154" s="31"/>
      <c r="ESO154" s="31"/>
      <c r="ESP154" s="31"/>
      <c r="ESQ154" s="31"/>
      <c r="ESR154" s="31"/>
      <c r="ESS154" s="31"/>
      <c r="EST154" s="31"/>
      <c r="ESU154" s="31"/>
      <c r="ESV154" s="31"/>
      <c r="ESW154" s="31"/>
      <c r="ESX154" s="31"/>
      <c r="ESY154" s="31"/>
      <c r="ESZ154" s="31"/>
      <c r="ETA154" s="31"/>
      <c r="ETB154" s="31"/>
      <c r="ETC154" s="31"/>
      <c r="ETD154" s="31"/>
      <c r="ETE154" s="31"/>
      <c r="ETF154" s="31"/>
      <c r="ETG154" s="31"/>
      <c r="ETH154" s="31"/>
      <c r="ETI154" s="31"/>
      <c r="ETJ154" s="31"/>
      <c r="ETK154" s="31"/>
      <c r="ETL154" s="31"/>
      <c r="ETM154" s="31"/>
      <c r="ETN154" s="31"/>
      <c r="ETO154" s="31"/>
      <c r="ETP154" s="31"/>
      <c r="ETQ154" s="31"/>
      <c r="ETR154" s="31"/>
      <c r="ETS154" s="31"/>
      <c r="ETT154" s="31"/>
      <c r="ETU154" s="31"/>
      <c r="ETV154" s="31"/>
      <c r="ETW154" s="31"/>
      <c r="ETX154" s="31"/>
      <c r="ETY154" s="31"/>
      <c r="ETZ154" s="31"/>
      <c r="EUA154" s="31"/>
      <c r="EUB154" s="31"/>
      <c r="EUC154" s="31"/>
      <c r="EUD154" s="31"/>
      <c r="EUE154" s="31"/>
      <c r="EUF154" s="31"/>
      <c r="EUG154" s="31"/>
      <c r="EUH154" s="31"/>
      <c r="EUI154" s="31"/>
      <c r="EUJ154" s="31"/>
      <c r="EUK154" s="31"/>
      <c r="EUL154" s="31"/>
      <c r="EUM154" s="31"/>
      <c r="EUN154" s="31"/>
      <c r="EUO154" s="31"/>
      <c r="EUP154" s="31"/>
      <c r="EUQ154" s="31"/>
      <c r="EUR154" s="31"/>
      <c r="EUS154" s="31"/>
      <c r="EUT154" s="31"/>
      <c r="EUU154" s="31"/>
      <c r="EUV154" s="31"/>
      <c r="EUW154" s="31"/>
      <c r="EUX154" s="31"/>
      <c r="EUY154" s="31"/>
      <c r="EUZ154" s="31"/>
      <c r="EVA154" s="31"/>
      <c r="EVB154" s="31"/>
      <c r="EVC154" s="31"/>
      <c r="EVD154" s="31"/>
      <c r="EVE154" s="31"/>
      <c r="EVF154" s="31"/>
      <c r="EVG154" s="31"/>
      <c r="EVH154" s="31"/>
      <c r="EVI154" s="31"/>
      <c r="EVJ154" s="31"/>
      <c r="EVK154" s="31"/>
      <c r="EVL154" s="31"/>
      <c r="EVM154" s="31"/>
      <c r="EVN154" s="31"/>
      <c r="EVO154" s="31"/>
      <c r="EVP154" s="31"/>
      <c r="EVQ154" s="31"/>
      <c r="EVR154" s="31"/>
      <c r="EVS154" s="31"/>
      <c r="EVT154" s="31"/>
      <c r="EVU154" s="31"/>
      <c r="EVV154" s="31"/>
      <c r="EVW154" s="31"/>
      <c r="EVX154" s="31"/>
      <c r="EVY154" s="31"/>
      <c r="EVZ154" s="31"/>
      <c r="EWA154" s="31"/>
      <c r="EWB154" s="31"/>
      <c r="EWC154" s="31"/>
      <c r="EWD154" s="31"/>
      <c r="EWE154" s="31"/>
      <c r="EWF154" s="31"/>
      <c r="EWG154" s="31"/>
      <c r="EWH154" s="31"/>
      <c r="EWI154" s="31"/>
      <c r="EWJ154" s="31"/>
      <c r="EWK154" s="31"/>
      <c r="EWL154" s="31"/>
      <c r="EWM154" s="31"/>
      <c r="EWN154" s="31"/>
      <c r="EWO154" s="31"/>
      <c r="EWP154" s="31"/>
      <c r="EWQ154" s="31"/>
      <c r="EWR154" s="31"/>
      <c r="EWS154" s="31"/>
      <c r="EWT154" s="31"/>
      <c r="EWU154" s="31"/>
      <c r="EWV154" s="31"/>
      <c r="EWW154" s="31"/>
      <c r="EWX154" s="31"/>
      <c r="EWY154" s="31"/>
      <c r="EWZ154" s="31"/>
      <c r="EXA154" s="31"/>
      <c r="EXB154" s="31"/>
      <c r="EXC154" s="31"/>
      <c r="EXD154" s="31"/>
      <c r="EXE154" s="31"/>
      <c r="EXF154" s="31"/>
      <c r="EXG154" s="31"/>
      <c r="EXH154" s="31"/>
      <c r="EXI154" s="31"/>
      <c r="EXJ154" s="31"/>
      <c r="EXK154" s="31"/>
      <c r="EXL154" s="31"/>
      <c r="EXM154" s="31"/>
      <c r="EXN154" s="31"/>
      <c r="EXO154" s="31"/>
      <c r="EXP154" s="31"/>
      <c r="EXQ154" s="31"/>
      <c r="EXR154" s="31"/>
      <c r="EXS154" s="31"/>
      <c r="EXT154" s="31"/>
      <c r="EXU154" s="31"/>
      <c r="EXV154" s="31"/>
      <c r="EXW154" s="31"/>
      <c r="EXX154" s="31"/>
      <c r="EXY154" s="31"/>
      <c r="EXZ154" s="31"/>
      <c r="EYA154" s="31"/>
      <c r="EYB154" s="31"/>
      <c r="EYC154" s="31"/>
      <c r="EYD154" s="31"/>
      <c r="EYE154" s="31"/>
      <c r="EYF154" s="31"/>
      <c r="EYG154" s="31"/>
      <c r="EYH154" s="31"/>
      <c r="EYI154" s="31"/>
      <c r="EYJ154" s="31"/>
      <c r="EYK154" s="31"/>
      <c r="EYL154" s="31"/>
      <c r="EYM154" s="31"/>
      <c r="EYN154" s="31"/>
      <c r="EYO154" s="31"/>
      <c r="EYP154" s="31"/>
      <c r="EYQ154" s="31"/>
      <c r="EYR154" s="31"/>
      <c r="EYS154" s="31"/>
      <c r="EYT154" s="31"/>
      <c r="EYU154" s="31"/>
      <c r="EYV154" s="31"/>
      <c r="EYW154" s="31"/>
      <c r="EYX154" s="31"/>
      <c r="EYY154" s="31"/>
      <c r="EYZ154" s="31"/>
      <c r="EZA154" s="31"/>
      <c r="EZB154" s="31"/>
      <c r="EZC154" s="31"/>
      <c r="EZD154" s="31"/>
      <c r="EZE154" s="31"/>
      <c r="EZF154" s="31"/>
      <c r="EZG154" s="31"/>
      <c r="EZH154" s="31"/>
      <c r="EZI154" s="31"/>
      <c r="EZJ154" s="31"/>
      <c r="EZK154" s="31"/>
      <c r="EZL154" s="31"/>
      <c r="EZM154" s="31"/>
      <c r="EZN154" s="31"/>
      <c r="EZO154" s="31"/>
      <c r="EZP154" s="31"/>
      <c r="EZQ154" s="31"/>
      <c r="EZR154" s="31"/>
      <c r="EZS154" s="31"/>
      <c r="EZT154" s="31"/>
      <c r="EZU154" s="31"/>
      <c r="EZV154" s="31"/>
      <c r="EZW154" s="31"/>
      <c r="EZX154" s="31"/>
      <c r="EZY154" s="31"/>
      <c r="EZZ154" s="31"/>
      <c r="FAA154" s="31"/>
      <c r="FAB154" s="31"/>
      <c r="FAC154" s="31"/>
      <c r="FAD154" s="31"/>
      <c r="FAE154" s="31"/>
      <c r="FAF154" s="31"/>
      <c r="FAG154" s="31"/>
      <c r="FAH154" s="31"/>
      <c r="FAI154" s="31"/>
      <c r="FAJ154" s="31"/>
      <c r="FAK154" s="31"/>
      <c r="FAL154" s="31"/>
      <c r="FAM154" s="31"/>
      <c r="FAN154" s="31"/>
      <c r="FAO154" s="31"/>
      <c r="FAP154" s="31"/>
      <c r="FAQ154" s="31"/>
      <c r="FAR154" s="31"/>
      <c r="FAS154" s="31"/>
      <c r="FAT154" s="31"/>
      <c r="FAU154" s="31"/>
      <c r="FAV154" s="31"/>
      <c r="FAW154" s="31"/>
      <c r="FAX154" s="31"/>
      <c r="FAY154" s="31"/>
      <c r="FAZ154" s="31"/>
      <c r="FBA154" s="31"/>
      <c r="FBB154" s="31"/>
      <c r="FBC154" s="31"/>
      <c r="FBD154" s="31"/>
      <c r="FBE154" s="31"/>
      <c r="FBF154" s="31"/>
      <c r="FBG154" s="31"/>
      <c r="FBH154" s="31"/>
      <c r="FBI154" s="31"/>
      <c r="FBJ154" s="31"/>
      <c r="FBK154" s="31"/>
      <c r="FBL154" s="31"/>
      <c r="FBM154" s="31"/>
      <c r="FBN154" s="31"/>
      <c r="FBO154" s="31"/>
      <c r="FBP154" s="31"/>
      <c r="FBQ154" s="31"/>
      <c r="FBR154" s="31"/>
      <c r="FBS154" s="31"/>
      <c r="FBT154" s="31"/>
      <c r="FBU154" s="31"/>
      <c r="FBV154" s="31"/>
      <c r="FBW154" s="31"/>
      <c r="FBX154" s="31"/>
      <c r="FBY154" s="31"/>
      <c r="FBZ154" s="31"/>
      <c r="FCA154" s="31"/>
      <c r="FCB154" s="31"/>
      <c r="FCC154" s="31"/>
      <c r="FCD154" s="31"/>
      <c r="FCE154" s="31"/>
      <c r="FCF154" s="31"/>
      <c r="FCG154" s="31"/>
      <c r="FCH154" s="31"/>
      <c r="FCI154" s="31"/>
      <c r="FCJ154" s="31"/>
      <c r="FCK154" s="31"/>
      <c r="FCL154" s="31"/>
      <c r="FCM154" s="31"/>
      <c r="FCN154" s="31"/>
      <c r="FCO154" s="31"/>
      <c r="FCP154" s="31"/>
      <c r="FCQ154" s="31"/>
      <c r="FCR154" s="31"/>
      <c r="FCS154" s="31"/>
      <c r="FCT154" s="31"/>
      <c r="FCU154" s="31"/>
      <c r="FCV154" s="31"/>
      <c r="FCW154" s="31"/>
      <c r="FCX154" s="31"/>
      <c r="FCY154" s="31"/>
      <c r="FCZ154" s="31"/>
      <c r="FDA154" s="31"/>
      <c r="FDB154" s="31"/>
      <c r="FDC154" s="31"/>
      <c r="FDD154" s="31"/>
      <c r="FDE154" s="31"/>
      <c r="FDF154" s="31"/>
      <c r="FDG154" s="31"/>
      <c r="FDH154" s="31"/>
      <c r="FDI154" s="31"/>
      <c r="FDJ154" s="31"/>
      <c r="FDK154" s="31"/>
      <c r="FDL154" s="31"/>
      <c r="FDM154" s="31"/>
      <c r="FDN154" s="31"/>
      <c r="FDO154" s="31"/>
      <c r="FDP154" s="31"/>
      <c r="FDQ154" s="31"/>
      <c r="FDR154" s="31"/>
      <c r="FDS154" s="31"/>
      <c r="FDT154" s="31"/>
      <c r="FDU154" s="31"/>
      <c r="FDV154" s="31"/>
      <c r="FDW154" s="31"/>
      <c r="FDX154" s="31"/>
      <c r="FDY154" s="31"/>
      <c r="FDZ154" s="31"/>
      <c r="FEA154" s="31"/>
      <c r="FEB154" s="31"/>
      <c r="FEC154" s="31"/>
      <c r="FED154" s="31"/>
      <c r="FEE154" s="31"/>
      <c r="FEF154" s="31"/>
      <c r="FEG154" s="31"/>
      <c r="FEH154" s="31"/>
      <c r="FEI154" s="31"/>
      <c r="FEJ154" s="31"/>
      <c r="FEK154" s="31"/>
      <c r="FEL154" s="31"/>
      <c r="FEM154" s="31"/>
      <c r="FEN154" s="31"/>
      <c r="FEO154" s="31"/>
      <c r="FEP154" s="31"/>
      <c r="FEQ154" s="31"/>
      <c r="FER154" s="31"/>
      <c r="FES154" s="31"/>
      <c r="FET154" s="31"/>
      <c r="FEU154" s="31"/>
      <c r="FEV154" s="31"/>
      <c r="FEW154" s="31"/>
      <c r="FEX154" s="31"/>
      <c r="FEY154" s="31"/>
      <c r="FEZ154" s="31"/>
      <c r="FFA154" s="31"/>
      <c r="FFB154" s="31"/>
      <c r="FFC154" s="31"/>
      <c r="FFD154" s="31"/>
      <c r="FFE154" s="31"/>
      <c r="FFF154" s="31"/>
      <c r="FFG154" s="31"/>
      <c r="FFH154" s="31"/>
      <c r="FFI154" s="31"/>
      <c r="FFJ154" s="31"/>
      <c r="FFK154" s="31"/>
      <c r="FFL154" s="31"/>
      <c r="FFM154" s="31"/>
      <c r="FFN154" s="31"/>
      <c r="FFO154" s="31"/>
      <c r="FFP154" s="31"/>
      <c r="FFQ154" s="31"/>
      <c r="FFR154" s="31"/>
      <c r="FFS154" s="31"/>
      <c r="FFT154" s="31"/>
      <c r="FFU154" s="31"/>
      <c r="FFV154" s="31"/>
      <c r="FFW154" s="31"/>
      <c r="FFX154" s="31"/>
      <c r="FFY154" s="31"/>
      <c r="FFZ154" s="31"/>
      <c r="FGA154" s="31"/>
      <c r="FGB154" s="31"/>
      <c r="FGC154" s="31"/>
      <c r="FGD154" s="31"/>
      <c r="FGE154" s="31"/>
      <c r="FGF154" s="31"/>
      <c r="FGG154" s="31"/>
      <c r="FGH154" s="31"/>
      <c r="FGI154" s="31"/>
      <c r="FGJ154" s="31"/>
      <c r="FGK154" s="31"/>
      <c r="FGL154" s="31"/>
      <c r="FGM154" s="31"/>
      <c r="FGN154" s="31"/>
      <c r="FGO154" s="31"/>
      <c r="FGP154" s="31"/>
      <c r="FGQ154" s="31"/>
      <c r="FGR154" s="31"/>
      <c r="FGS154" s="31"/>
      <c r="FGT154" s="31"/>
      <c r="FGU154" s="31"/>
      <c r="FGV154" s="31"/>
      <c r="FGW154" s="31"/>
      <c r="FGX154" s="31"/>
      <c r="FGY154" s="31"/>
      <c r="FGZ154" s="31"/>
      <c r="FHA154" s="31"/>
      <c r="FHB154" s="31"/>
      <c r="FHC154" s="31"/>
      <c r="FHD154" s="31"/>
      <c r="FHE154" s="31"/>
      <c r="FHF154" s="31"/>
      <c r="FHG154" s="31"/>
      <c r="FHH154" s="31"/>
      <c r="FHI154" s="31"/>
      <c r="FHJ154" s="31"/>
      <c r="FHK154" s="31"/>
      <c r="FHL154" s="31"/>
      <c r="FHM154" s="31"/>
      <c r="FHN154" s="31"/>
      <c r="FHO154" s="31"/>
      <c r="FHP154" s="31"/>
      <c r="FHQ154" s="31"/>
      <c r="FHR154" s="31"/>
      <c r="FHS154" s="31"/>
      <c r="FHT154" s="31"/>
      <c r="FHU154" s="31"/>
      <c r="FHV154" s="31"/>
      <c r="FHW154" s="31"/>
      <c r="FHX154" s="31"/>
      <c r="FHY154" s="31"/>
      <c r="FHZ154" s="31"/>
      <c r="FIA154" s="31"/>
      <c r="FIB154" s="31"/>
      <c r="FIC154" s="31"/>
      <c r="FID154" s="31"/>
      <c r="FIE154" s="31"/>
      <c r="FIF154" s="31"/>
      <c r="FIG154" s="31"/>
      <c r="FIH154" s="31"/>
      <c r="FII154" s="31"/>
      <c r="FIJ154" s="31"/>
      <c r="FIK154" s="31"/>
      <c r="FIL154" s="31"/>
      <c r="FIM154" s="31"/>
      <c r="FIN154" s="31"/>
      <c r="FIO154" s="31"/>
      <c r="FIP154" s="31"/>
      <c r="FIQ154" s="31"/>
      <c r="FIR154" s="31"/>
      <c r="FIS154" s="31"/>
      <c r="FIT154" s="31"/>
      <c r="FIU154" s="31"/>
      <c r="FIV154" s="31"/>
      <c r="FIW154" s="31"/>
      <c r="FIX154" s="31"/>
      <c r="FIY154" s="31"/>
      <c r="FIZ154" s="31"/>
      <c r="FJA154" s="31"/>
      <c r="FJB154" s="31"/>
      <c r="FJC154" s="31"/>
      <c r="FJD154" s="31"/>
      <c r="FJE154" s="31"/>
      <c r="FJF154" s="31"/>
      <c r="FJG154" s="31"/>
      <c r="FJH154" s="31"/>
      <c r="FJI154" s="31"/>
      <c r="FJJ154" s="31"/>
      <c r="FJK154" s="31"/>
      <c r="FJL154" s="31"/>
      <c r="FJM154" s="31"/>
      <c r="FJN154" s="31"/>
      <c r="FJO154" s="31"/>
      <c r="FJP154" s="31"/>
      <c r="FJQ154" s="31"/>
      <c r="FJR154" s="31"/>
      <c r="FJS154" s="31"/>
      <c r="FJT154" s="31"/>
      <c r="FJU154" s="31"/>
      <c r="FJV154" s="31"/>
      <c r="FJW154" s="31"/>
      <c r="FJX154" s="31"/>
      <c r="FJY154" s="31"/>
      <c r="FJZ154" s="31"/>
      <c r="FKA154" s="31"/>
      <c r="FKB154" s="31"/>
      <c r="FKC154" s="31"/>
      <c r="FKD154" s="31"/>
      <c r="FKE154" s="31"/>
      <c r="FKF154" s="31"/>
      <c r="FKG154" s="31"/>
      <c r="FKH154" s="31"/>
      <c r="FKI154" s="31"/>
      <c r="FKJ154" s="31"/>
      <c r="FKK154" s="31"/>
      <c r="FKL154" s="31"/>
      <c r="FKM154" s="31"/>
      <c r="FKN154" s="31"/>
      <c r="FKO154" s="31"/>
      <c r="FKP154" s="31"/>
      <c r="FKQ154" s="31"/>
      <c r="FKR154" s="31"/>
      <c r="FKS154" s="31"/>
      <c r="FKT154" s="31"/>
      <c r="FKU154" s="31"/>
      <c r="FKV154" s="31"/>
      <c r="FKW154" s="31"/>
      <c r="FKX154" s="31"/>
      <c r="FKY154" s="31"/>
      <c r="FKZ154" s="31"/>
      <c r="FLA154" s="31"/>
      <c r="FLB154" s="31"/>
      <c r="FLC154" s="31"/>
      <c r="FLD154" s="31"/>
      <c r="FLE154" s="31"/>
      <c r="FLF154" s="31"/>
      <c r="FLG154" s="31"/>
      <c r="FLH154" s="31"/>
      <c r="FLI154" s="31"/>
      <c r="FLJ154" s="31"/>
      <c r="FLK154" s="31"/>
      <c r="FLL154" s="31"/>
      <c r="FLM154" s="31"/>
      <c r="FLN154" s="31"/>
      <c r="FLO154" s="31"/>
      <c r="FLP154" s="31"/>
      <c r="FLQ154" s="31"/>
      <c r="FLR154" s="31"/>
      <c r="FLS154" s="31"/>
      <c r="FLT154" s="31"/>
      <c r="FLU154" s="31"/>
      <c r="FLV154" s="31"/>
      <c r="FLW154" s="31"/>
      <c r="FLX154" s="31"/>
      <c r="FLY154" s="31"/>
      <c r="FLZ154" s="31"/>
      <c r="FMA154" s="31"/>
      <c r="FMB154" s="31"/>
      <c r="FMC154" s="31"/>
      <c r="FMD154" s="31"/>
      <c r="FME154" s="31"/>
      <c r="FMF154" s="31"/>
      <c r="FMG154" s="31"/>
      <c r="FMH154" s="31"/>
      <c r="FMI154" s="31"/>
      <c r="FMJ154" s="31"/>
      <c r="FMK154" s="31"/>
      <c r="FML154" s="31"/>
      <c r="FMM154" s="31"/>
      <c r="FMN154" s="31"/>
      <c r="FMO154" s="31"/>
      <c r="FMP154" s="31"/>
      <c r="FMQ154" s="31"/>
      <c r="FMR154" s="31"/>
      <c r="FMS154" s="31"/>
      <c r="FMT154" s="31"/>
      <c r="FMU154" s="31"/>
      <c r="FMV154" s="31"/>
      <c r="FMW154" s="31"/>
      <c r="FMX154" s="31"/>
      <c r="FMY154" s="31"/>
      <c r="FMZ154" s="31"/>
      <c r="FNA154" s="31"/>
      <c r="FNB154" s="31"/>
      <c r="FNC154" s="31"/>
      <c r="FND154" s="31"/>
      <c r="FNE154" s="31"/>
      <c r="FNF154" s="31"/>
      <c r="FNG154" s="31"/>
      <c r="FNH154" s="31"/>
      <c r="FNI154" s="31"/>
      <c r="FNJ154" s="31"/>
      <c r="FNK154" s="31"/>
      <c r="FNL154" s="31"/>
      <c r="FNM154" s="31"/>
      <c r="FNN154" s="31"/>
      <c r="FNO154" s="31"/>
      <c r="FNP154" s="31"/>
      <c r="FNQ154" s="31"/>
      <c r="FNR154" s="31"/>
      <c r="FNS154" s="31"/>
      <c r="FNT154" s="31"/>
      <c r="FNU154" s="31"/>
      <c r="FNV154" s="31"/>
      <c r="FNW154" s="31"/>
      <c r="FNX154" s="31"/>
      <c r="FNY154" s="31"/>
      <c r="FNZ154" s="31"/>
      <c r="FOA154" s="31"/>
      <c r="FOB154" s="31"/>
      <c r="FOC154" s="31"/>
      <c r="FOD154" s="31"/>
      <c r="FOE154" s="31"/>
      <c r="FOF154" s="31"/>
      <c r="FOG154" s="31"/>
      <c r="FOH154" s="31"/>
      <c r="FOI154" s="31"/>
      <c r="FOJ154" s="31"/>
      <c r="FOK154" s="31"/>
      <c r="FOL154" s="31"/>
      <c r="FOM154" s="31"/>
      <c r="FON154" s="31"/>
      <c r="FOO154" s="31"/>
      <c r="FOP154" s="31"/>
      <c r="FOQ154" s="31"/>
      <c r="FOR154" s="31"/>
      <c r="FOS154" s="31"/>
      <c r="FOT154" s="31"/>
      <c r="FOU154" s="31"/>
      <c r="FOV154" s="31"/>
      <c r="FOW154" s="31"/>
      <c r="FOX154" s="31"/>
      <c r="FOY154" s="31"/>
      <c r="FOZ154" s="31"/>
      <c r="FPA154" s="31"/>
      <c r="FPB154" s="31"/>
      <c r="FPC154" s="31"/>
      <c r="FPD154" s="31"/>
      <c r="FPE154" s="31"/>
      <c r="FPF154" s="31"/>
      <c r="FPG154" s="31"/>
      <c r="FPH154" s="31"/>
      <c r="FPI154" s="31"/>
      <c r="FPJ154" s="31"/>
      <c r="FPK154" s="31"/>
      <c r="FPL154" s="31"/>
      <c r="FPM154" s="31"/>
      <c r="FPN154" s="31"/>
      <c r="FPO154" s="31"/>
      <c r="FPP154" s="31"/>
      <c r="FPQ154" s="31"/>
      <c r="FPR154" s="31"/>
      <c r="FPS154" s="31"/>
      <c r="FPT154" s="31"/>
      <c r="FPU154" s="31"/>
      <c r="FPV154" s="31"/>
      <c r="FPW154" s="31"/>
      <c r="FPX154" s="31"/>
      <c r="FPY154" s="31"/>
      <c r="FPZ154" s="31"/>
      <c r="FQA154" s="31"/>
      <c r="FQB154" s="31"/>
      <c r="FQC154" s="31"/>
      <c r="FQD154" s="31"/>
      <c r="FQE154" s="31"/>
      <c r="FQF154" s="31"/>
      <c r="FQG154" s="31"/>
      <c r="FQH154" s="31"/>
      <c r="FQI154" s="31"/>
      <c r="FQJ154" s="31"/>
      <c r="FQK154" s="31"/>
      <c r="FQL154" s="31"/>
      <c r="FQM154" s="31"/>
      <c r="FQN154" s="31"/>
      <c r="FQO154" s="31"/>
      <c r="FQP154" s="31"/>
      <c r="FQQ154" s="31"/>
      <c r="FQR154" s="31"/>
      <c r="FQS154" s="31"/>
      <c r="FQT154" s="31"/>
      <c r="FQU154" s="31"/>
      <c r="FQV154" s="31"/>
      <c r="FQW154" s="31"/>
      <c r="FQX154" s="31"/>
      <c r="FQY154" s="31"/>
      <c r="FQZ154" s="31"/>
      <c r="FRA154" s="31"/>
      <c r="FRB154" s="31"/>
      <c r="FRC154" s="31"/>
      <c r="FRD154" s="31"/>
      <c r="FRE154" s="31"/>
      <c r="FRF154" s="31"/>
      <c r="FRG154" s="31"/>
      <c r="FRH154" s="31"/>
      <c r="FRI154" s="31"/>
      <c r="FRJ154" s="31"/>
      <c r="FRK154" s="31"/>
      <c r="FRL154" s="31"/>
      <c r="FRM154" s="31"/>
      <c r="FRN154" s="31"/>
      <c r="FRO154" s="31"/>
      <c r="FRP154" s="31"/>
      <c r="FRQ154" s="31"/>
      <c r="FRR154" s="31"/>
      <c r="FRS154" s="31"/>
      <c r="FRT154" s="31"/>
      <c r="FRU154" s="31"/>
      <c r="FRV154" s="31"/>
      <c r="FRW154" s="31"/>
      <c r="FRX154" s="31"/>
      <c r="FRY154" s="31"/>
      <c r="FRZ154" s="31"/>
      <c r="FSA154" s="31"/>
      <c r="FSB154" s="31"/>
      <c r="FSC154" s="31"/>
      <c r="FSD154" s="31"/>
      <c r="FSE154" s="31"/>
      <c r="FSF154" s="31"/>
      <c r="FSG154" s="31"/>
      <c r="FSH154" s="31"/>
      <c r="FSI154" s="31"/>
      <c r="FSJ154" s="31"/>
      <c r="FSK154" s="31"/>
      <c r="FSL154" s="31"/>
      <c r="FSM154" s="31"/>
      <c r="FSN154" s="31"/>
      <c r="FSO154" s="31"/>
      <c r="FSP154" s="31"/>
      <c r="FSQ154" s="31"/>
      <c r="FSR154" s="31"/>
      <c r="FSS154" s="31"/>
      <c r="FST154" s="31"/>
      <c r="FSU154" s="31"/>
      <c r="FSV154" s="31"/>
      <c r="FSW154" s="31"/>
      <c r="FSX154" s="31"/>
      <c r="FSY154" s="31"/>
      <c r="FSZ154" s="31"/>
      <c r="FTA154" s="31"/>
      <c r="FTB154" s="31"/>
      <c r="FTC154" s="31"/>
      <c r="FTD154" s="31"/>
      <c r="FTE154" s="31"/>
      <c r="FTF154" s="31"/>
      <c r="FTG154" s="31"/>
      <c r="FTH154" s="31"/>
      <c r="FTI154" s="31"/>
      <c r="FTJ154" s="31"/>
      <c r="FTK154" s="31"/>
      <c r="FTL154" s="31"/>
      <c r="FTM154" s="31"/>
      <c r="FTN154" s="31"/>
      <c r="FTO154" s="31"/>
      <c r="FTP154" s="31"/>
      <c r="FTQ154" s="31"/>
      <c r="FTR154" s="31"/>
      <c r="FTS154" s="31"/>
      <c r="FTT154" s="31"/>
      <c r="FTU154" s="31"/>
      <c r="FTV154" s="31"/>
      <c r="FTW154" s="31"/>
      <c r="FTX154" s="31"/>
      <c r="FTY154" s="31"/>
      <c r="FTZ154" s="31"/>
      <c r="FUA154" s="31"/>
      <c r="FUB154" s="31"/>
      <c r="FUC154" s="31"/>
      <c r="FUD154" s="31"/>
      <c r="FUE154" s="31"/>
      <c r="FUF154" s="31"/>
      <c r="FUG154" s="31"/>
      <c r="FUH154" s="31"/>
      <c r="FUI154" s="31"/>
      <c r="FUJ154" s="31"/>
      <c r="FUK154" s="31"/>
      <c r="FUL154" s="31"/>
      <c r="FUM154" s="31"/>
      <c r="FUN154" s="31"/>
      <c r="FUO154" s="31"/>
      <c r="FUP154" s="31"/>
      <c r="FUQ154" s="31"/>
      <c r="FUR154" s="31"/>
      <c r="FUS154" s="31"/>
      <c r="FUT154" s="31"/>
      <c r="FUU154" s="31"/>
      <c r="FUV154" s="31"/>
      <c r="FUW154" s="31"/>
      <c r="FUX154" s="31"/>
      <c r="FUY154" s="31"/>
      <c r="FUZ154" s="31"/>
      <c r="FVA154" s="31"/>
      <c r="FVB154" s="31"/>
      <c r="FVC154" s="31"/>
      <c r="FVD154" s="31"/>
      <c r="FVE154" s="31"/>
      <c r="FVF154" s="31"/>
      <c r="FVG154" s="31"/>
      <c r="FVH154" s="31"/>
      <c r="FVI154" s="31"/>
      <c r="FVJ154" s="31"/>
      <c r="FVK154" s="31"/>
      <c r="FVL154" s="31"/>
      <c r="FVM154" s="31"/>
      <c r="FVN154" s="31"/>
      <c r="FVO154" s="31"/>
      <c r="FVP154" s="31"/>
      <c r="FVQ154" s="31"/>
      <c r="FVR154" s="31"/>
      <c r="FVS154" s="31"/>
      <c r="FVT154" s="31"/>
      <c r="FVU154" s="31"/>
      <c r="FVV154" s="31"/>
      <c r="FVW154" s="31"/>
      <c r="FVX154" s="31"/>
      <c r="FVY154" s="31"/>
      <c r="FVZ154" s="31"/>
      <c r="FWA154" s="31"/>
      <c r="FWB154" s="31"/>
      <c r="FWC154" s="31"/>
      <c r="FWD154" s="31"/>
      <c r="FWE154" s="31"/>
      <c r="FWF154" s="31"/>
      <c r="FWG154" s="31"/>
      <c r="FWH154" s="31"/>
      <c r="FWI154" s="31"/>
      <c r="FWJ154" s="31"/>
      <c r="FWK154" s="31"/>
      <c r="FWL154" s="31"/>
      <c r="FWM154" s="31"/>
      <c r="FWN154" s="31"/>
      <c r="FWO154" s="31"/>
      <c r="FWP154" s="31"/>
      <c r="FWQ154" s="31"/>
      <c r="FWR154" s="31"/>
      <c r="FWS154" s="31"/>
      <c r="FWT154" s="31"/>
      <c r="FWU154" s="31"/>
      <c r="FWV154" s="31"/>
      <c r="FWW154" s="31"/>
      <c r="FWX154" s="31"/>
      <c r="FWY154" s="31"/>
      <c r="FWZ154" s="31"/>
      <c r="FXA154" s="31"/>
      <c r="FXB154" s="31"/>
      <c r="FXC154" s="31"/>
      <c r="FXD154" s="31"/>
      <c r="FXE154" s="31"/>
      <c r="FXF154" s="31"/>
      <c r="FXG154" s="31"/>
      <c r="FXH154" s="31"/>
      <c r="FXI154" s="31"/>
      <c r="FXJ154" s="31"/>
      <c r="FXK154" s="31"/>
      <c r="FXL154" s="31"/>
      <c r="FXM154" s="31"/>
      <c r="FXN154" s="31"/>
      <c r="FXO154" s="31"/>
      <c r="FXP154" s="31"/>
      <c r="FXQ154" s="31"/>
      <c r="FXR154" s="31"/>
      <c r="FXS154" s="31"/>
      <c r="FXT154" s="31"/>
      <c r="FXU154" s="31"/>
      <c r="FXV154" s="31"/>
      <c r="FXW154" s="31"/>
      <c r="FXX154" s="31"/>
      <c r="FXY154" s="31"/>
      <c r="FXZ154" s="31"/>
      <c r="FYA154" s="31"/>
      <c r="FYB154" s="31"/>
      <c r="FYC154" s="31"/>
      <c r="FYD154" s="31"/>
      <c r="FYE154" s="31"/>
      <c r="FYF154" s="31"/>
      <c r="FYG154" s="31"/>
      <c r="FYH154" s="31"/>
      <c r="FYI154" s="31"/>
      <c r="FYJ154" s="31"/>
      <c r="FYK154" s="31"/>
      <c r="FYL154" s="31"/>
      <c r="FYM154" s="31"/>
      <c r="FYN154" s="31"/>
      <c r="FYO154" s="31"/>
      <c r="FYP154" s="31"/>
      <c r="FYQ154" s="31"/>
      <c r="FYR154" s="31"/>
      <c r="FYS154" s="31"/>
      <c r="FYT154" s="31"/>
      <c r="FYU154" s="31"/>
      <c r="FYV154" s="31"/>
      <c r="FYW154" s="31"/>
      <c r="FYX154" s="31"/>
      <c r="FYY154" s="31"/>
      <c r="FYZ154" s="31"/>
      <c r="FZA154" s="31"/>
      <c r="FZB154" s="31"/>
      <c r="FZC154" s="31"/>
      <c r="FZD154" s="31"/>
      <c r="FZE154" s="31"/>
      <c r="FZF154" s="31"/>
      <c r="FZG154" s="31"/>
      <c r="FZH154" s="31"/>
      <c r="FZI154" s="31"/>
      <c r="FZJ154" s="31"/>
      <c r="FZK154" s="31"/>
      <c r="FZL154" s="31"/>
      <c r="FZM154" s="31"/>
      <c r="FZN154" s="31"/>
      <c r="FZO154" s="31"/>
      <c r="FZP154" s="31"/>
      <c r="FZQ154" s="31"/>
      <c r="FZR154" s="31"/>
      <c r="FZS154" s="31"/>
      <c r="FZT154" s="31"/>
      <c r="FZU154" s="31"/>
      <c r="FZV154" s="31"/>
      <c r="FZW154" s="31"/>
      <c r="FZX154" s="31"/>
      <c r="FZY154" s="31"/>
      <c r="FZZ154" s="31"/>
      <c r="GAA154" s="31"/>
      <c r="GAB154" s="31"/>
      <c r="GAC154" s="31"/>
      <c r="GAD154" s="31"/>
      <c r="GAE154" s="31"/>
      <c r="GAF154" s="31"/>
      <c r="GAG154" s="31"/>
      <c r="GAH154" s="31"/>
      <c r="GAI154" s="31"/>
      <c r="GAJ154" s="31"/>
      <c r="GAK154" s="31"/>
      <c r="GAL154" s="31"/>
      <c r="GAM154" s="31"/>
      <c r="GAN154" s="31"/>
      <c r="GAO154" s="31"/>
      <c r="GAP154" s="31"/>
      <c r="GAQ154" s="31"/>
      <c r="GAR154" s="31"/>
      <c r="GAS154" s="31"/>
      <c r="GAT154" s="31"/>
      <c r="GAU154" s="31"/>
      <c r="GAV154" s="31"/>
      <c r="GAW154" s="31"/>
      <c r="GAX154" s="31"/>
      <c r="GAY154" s="31"/>
      <c r="GAZ154" s="31"/>
      <c r="GBA154" s="31"/>
      <c r="GBB154" s="31"/>
      <c r="GBC154" s="31"/>
      <c r="GBD154" s="31"/>
      <c r="GBE154" s="31"/>
      <c r="GBF154" s="31"/>
      <c r="GBG154" s="31"/>
      <c r="GBH154" s="31"/>
      <c r="GBI154" s="31"/>
      <c r="GBJ154" s="31"/>
      <c r="GBK154" s="31"/>
      <c r="GBL154" s="31"/>
      <c r="GBM154" s="31"/>
      <c r="GBN154" s="31"/>
      <c r="GBO154" s="31"/>
      <c r="GBP154" s="31"/>
      <c r="GBQ154" s="31"/>
      <c r="GBR154" s="31"/>
      <c r="GBS154" s="31"/>
      <c r="GBT154" s="31"/>
      <c r="GBU154" s="31"/>
      <c r="GBV154" s="31"/>
      <c r="GBW154" s="31"/>
      <c r="GBX154" s="31"/>
      <c r="GBY154" s="31"/>
      <c r="GBZ154" s="31"/>
      <c r="GCA154" s="31"/>
      <c r="GCB154" s="31"/>
      <c r="GCC154" s="31"/>
      <c r="GCD154" s="31"/>
      <c r="GCE154" s="31"/>
      <c r="GCF154" s="31"/>
      <c r="GCG154" s="31"/>
      <c r="GCH154" s="31"/>
      <c r="GCI154" s="31"/>
      <c r="GCJ154" s="31"/>
      <c r="GCK154" s="31"/>
      <c r="GCL154" s="31"/>
      <c r="GCM154" s="31"/>
      <c r="GCN154" s="31"/>
      <c r="GCO154" s="31"/>
      <c r="GCP154" s="31"/>
      <c r="GCQ154" s="31"/>
      <c r="GCR154" s="31"/>
      <c r="GCS154" s="31"/>
      <c r="GCT154" s="31"/>
      <c r="GCU154" s="31"/>
      <c r="GCV154" s="31"/>
      <c r="GCW154" s="31"/>
      <c r="GCX154" s="31"/>
      <c r="GCY154" s="31"/>
      <c r="GCZ154" s="31"/>
      <c r="GDA154" s="31"/>
      <c r="GDB154" s="31"/>
      <c r="GDC154" s="31"/>
      <c r="GDD154" s="31"/>
      <c r="GDE154" s="31"/>
      <c r="GDF154" s="31"/>
      <c r="GDG154" s="31"/>
      <c r="GDH154" s="31"/>
      <c r="GDI154" s="31"/>
      <c r="GDJ154" s="31"/>
      <c r="GDK154" s="31"/>
      <c r="GDL154" s="31"/>
      <c r="GDM154" s="31"/>
      <c r="GDN154" s="31"/>
      <c r="GDO154" s="31"/>
      <c r="GDP154" s="31"/>
      <c r="GDQ154" s="31"/>
      <c r="GDR154" s="31"/>
      <c r="GDS154" s="31"/>
      <c r="GDT154" s="31"/>
      <c r="GDU154" s="31"/>
      <c r="GDV154" s="31"/>
      <c r="GDW154" s="31"/>
      <c r="GDX154" s="31"/>
      <c r="GDY154" s="31"/>
      <c r="GDZ154" s="31"/>
      <c r="GEA154" s="31"/>
      <c r="GEB154" s="31"/>
      <c r="GEC154" s="31"/>
      <c r="GED154" s="31"/>
      <c r="GEE154" s="31"/>
      <c r="GEF154" s="31"/>
      <c r="GEG154" s="31"/>
      <c r="GEH154" s="31"/>
      <c r="GEI154" s="31"/>
      <c r="GEJ154" s="31"/>
      <c r="GEK154" s="31"/>
      <c r="GEL154" s="31"/>
      <c r="GEM154" s="31"/>
      <c r="GEN154" s="31"/>
      <c r="GEO154" s="31"/>
      <c r="GEP154" s="31"/>
      <c r="GEQ154" s="31"/>
      <c r="GER154" s="31"/>
      <c r="GES154" s="31"/>
      <c r="GET154" s="31"/>
      <c r="GEU154" s="31"/>
      <c r="GEV154" s="31"/>
      <c r="GEW154" s="31"/>
      <c r="GEX154" s="31"/>
      <c r="GEY154" s="31"/>
      <c r="GEZ154" s="31"/>
      <c r="GFA154" s="31"/>
      <c r="GFB154" s="31"/>
      <c r="GFC154" s="31"/>
      <c r="GFD154" s="31"/>
      <c r="GFE154" s="31"/>
      <c r="GFF154" s="31"/>
      <c r="GFG154" s="31"/>
      <c r="GFH154" s="31"/>
      <c r="GFI154" s="31"/>
      <c r="GFJ154" s="31"/>
      <c r="GFK154" s="31"/>
      <c r="GFL154" s="31"/>
      <c r="GFM154" s="31"/>
      <c r="GFN154" s="31"/>
      <c r="GFO154" s="31"/>
      <c r="GFP154" s="31"/>
      <c r="GFQ154" s="31"/>
      <c r="GFR154" s="31"/>
      <c r="GFS154" s="31"/>
      <c r="GFT154" s="31"/>
      <c r="GFU154" s="31"/>
      <c r="GFV154" s="31"/>
      <c r="GFW154" s="31"/>
      <c r="GFX154" s="31"/>
      <c r="GFY154" s="31"/>
      <c r="GFZ154" s="31"/>
      <c r="GGA154" s="31"/>
      <c r="GGB154" s="31"/>
      <c r="GGC154" s="31"/>
      <c r="GGD154" s="31"/>
      <c r="GGE154" s="31"/>
      <c r="GGF154" s="31"/>
      <c r="GGG154" s="31"/>
      <c r="GGH154" s="31"/>
      <c r="GGI154" s="31"/>
      <c r="GGJ154" s="31"/>
      <c r="GGK154" s="31"/>
      <c r="GGL154" s="31"/>
      <c r="GGM154" s="31"/>
      <c r="GGN154" s="31"/>
      <c r="GGO154" s="31"/>
      <c r="GGP154" s="31"/>
      <c r="GGQ154" s="31"/>
      <c r="GGR154" s="31"/>
      <c r="GGS154" s="31"/>
      <c r="GGT154" s="31"/>
      <c r="GGU154" s="31"/>
      <c r="GGV154" s="31"/>
      <c r="GGW154" s="31"/>
      <c r="GGX154" s="31"/>
      <c r="GGY154" s="31"/>
      <c r="GGZ154" s="31"/>
      <c r="GHA154" s="31"/>
      <c r="GHB154" s="31"/>
      <c r="GHC154" s="31"/>
      <c r="GHD154" s="31"/>
      <c r="GHE154" s="31"/>
      <c r="GHF154" s="31"/>
      <c r="GHG154" s="31"/>
      <c r="GHH154" s="31"/>
      <c r="GHI154" s="31"/>
      <c r="GHJ154" s="31"/>
      <c r="GHK154" s="31"/>
      <c r="GHL154" s="31"/>
      <c r="GHM154" s="31"/>
      <c r="GHN154" s="31"/>
      <c r="GHO154" s="31"/>
      <c r="GHP154" s="31"/>
      <c r="GHQ154" s="31"/>
      <c r="GHR154" s="31"/>
      <c r="GHS154" s="31"/>
      <c r="GHT154" s="31"/>
      <c r="GHU154" s="31"/>
      <c r="GHV154" s="31"/>
      <c r="GHW154" s="31"/>
      <c r="GHX154" s="31"/>
      <c r="GHY154" s="31"/>
      <c r="GHZ154" s="31"/>
      <c r="GIA154" s="31"/>
      <c r="GIB154" s="31"/>
      <c r="GIC154" s="31"/>
      <c r="GID154" s="31"/>
      <c r="GIE154" s="31"/>
      <c r="GIF154" s="31"/>
      <c r="GIG154" s="31"/>
      <c r="GIH154" s="31"/>
      <c r="GII154" s="31"/>
      <c r="GIJ154" s="31"/>
      <c r="GIK154" s="31"/>
      <c r="GIL154" s="31"/>
      <c r="GIM154" s="31"/>
      <c r="GIN154" s="31"/>
      <c r="GIO154" s="31"/>
      <c r="GIP154" s="31"/>
      <c r="GIQ154" s="31"/>
      <c r="GIR154" s="31"/>
      <c r="GIS154" s="31"/>
      <c r="GIT154" s="31"/>
      <c r="GIU154" s="31"/>
      <c r="GIV154" s="31"/>
      <c r="GIW154" s="31"/>
      <c r="GIX154" s="31"/>
      <c r="GIY154" s="31"/>
      <c r="GIZ154" s="31"/>
      <c r="GJA154" s="31"/>
      <c r="GJB154" s="31"/>
      <c r="GJC154" s="31"/>
      <c r="GJD154" s="31"/>
      <c r="GJE154" s="31"/>
      <c r="GJF154" s="31"/>
      <c r="GJG154" s="31"/>
      <c r="GJH154" s="31"/>
      <c r="GJI154" s="31"/>
      <c r="GJJ154" s="31"/>
      <c r="GJK154" s="31"/>
      <c r="GJL154" s="31"/>
      <c r="GJM154" s="31"/>
      <c r="GJN154" s="31"/>
      <c r="GJO154" s="31"/>
      <c r="GJP154" s="31"/>
      <c r="GJQ154" s="31"/>
      <c r="GJR154" s="31"/>
      <c r="GJS154" s="31"/>
      <c r="GJT154" s="31"/>
      <c r="GJU154" s="31"/>
      <c r="GJV154" s="31"/>
      <c r="GJW154" s="31"/>
      <c r="GJX154" s="31"/>
      <c r="GJY154" s="31"/>
      <c r="GJZ154" s="31"/>
      <c r="GKA154" s="31"/>
      <c r="GKB154" s="31"/>
      <c r="GKC154" s="31"/>
      <c r="GKD154" s="31"/>
      <c r="GKE154" s="31"/>
      <c r="GKF154" s="31"/>
      <c r="GKG154" s="31"/>
      <c r="GKH154" s="31"/>
      <c r="GKI154" s="31"/>
      <c r="GKJ154" s="31"/>
      <c r="GKK154" s="31"/>
      <c r="GKL154" s="31"/>
      <c r="GKM154" s="31"/>
      <c r="GKN154" s="31"/>
      <c r="GKO154" s="31"/>
      <c r="GKP154" s="31"/>
      <c r="GKQ154" s="31"/>
      <c r="GKR154" s="31"/>
      <c r="GKS154" s="31"/>
      <c r="GKT154" s="31"/>
      <c r="GKU154" s="31"/>
      <c r="GKV154" s="31"/>
      <c r="GKW154" s="31"/>
      <c r="GKX154" s="31"/>
      <c r="GKY154" s="31"/>
      <c r="GKZ154" s="31"/>
      <c r="GLA154" s="31"/>
      <c r="GLB154" s="31"/>
      <c r="GLC154" s="31"/>
      <c r="GLD154" s="31"/>
      <c r="GLE154" s="31"/>
      <c r="GLF154" s="31"/>
      <c r="GLG154" s="31"/>
      <c r="GLH154" s="31"/>
      <c r="GLI154" s="31"/>
      <c r="GLJ154" s="31"/>
      <c r="GLK154" s="31"/>
      <c r="GLL154" s="31"/>
      <c r="GLM154" s="31"/>
      <c r="GLN154" s="31"/>
      <c r="GLO154" s="31"/>
      <c r="GLP154" s="31"/>
      <c r="GLQ154" s="31"/>
      <c r="GLR154" s="31"/>
      <c r="GLS154" s="31"/>
      <c r="GLT154" s="31"/>
      <c r="GLU154" s="31"/>
      <c r="GLV154" s="31"/>
      <c r="GLW154" s="31"/>
      <c r="GLX154" s="31"/>
      <c r="GLY154" s="31"/>
      <c r="GLZ154" s="31"/>
      <c r="GMA154" s="31"/>
      <c r="GMB154" s="31"/>
      <c r="GMC154" s="31"/>
      <c r="GMD154" s="31"/>
      <c r="GME154" s="31"/>
      <c r="GMF154" s="31"/>
      <c r="GMG154" s="31"/>
      <c r="GMH154" s="31"/>
      <c r="GMI154" s="31"/>
      <c r="GMJ154" s="31"/>
      <c r="GMK154" s="31"/>
      <c r="GML154" s="31"/>
      <c r="GMM154" s="31"/>
      <c r="GMN154" s="31"/>
      <c r="GMO154" s="31"/>
      <c r="GMP154" s="31"/>
      <c r="GMQ154" s="31"/>
      <c r="GMR154" s="31"/>
      <c r="GMS154" s="31"/>
      <c r="GMT154" s="31"/>
      <c r="GMU154" s="31"/>
      <c r="GMV154" s="31"/>
      <c r="GMW154" s="31"/>
      <c r="GMX154" s="31"/>
      <c r="GMY154" s="31"/>
      <c r="GMZ154" s="31"/>
      <c r="GNA154" s="31"/>
      <c r="GNB154" s="31"/>
      <c r="GNC154" s="31"/>
      <c r="GND154" s="31"/>
      <c r="GNE154" s="31"/>
      <c r="GNF154" s="31"/>
      <c r="GNG154" s="31"/>
      <c r="GNH154" s="31"/>
      <c r="GNI154" s="31"/>
      <c r="GNJ154" s="31"/>
      <c r="GNK154" s="31"/>
      <c r="GNL154" s="31"/>
      <c r="GNM154" s="31"/>
      <c r="GNN154" s="31"/>
      <c r="GNO154" s="31"/>
      <c r="GNP154" s="31"/>
      <c r="GNQ154" s="31"/>
      <c r="GNR154" s="31"/>
      <c r="GNS154" s="31"/>
      <c r="GNT154" s="31"/>
      <c r="GNU154" s="31"/>
      <c r="GNV154" s="31"/>
      <c r="GNW154" s="31"/>
      <c r="GNX154" s="31"/>
      <c r="GNY154" s="31"/>
      <c r="GNZ154" s="31"/>
      <c r="GOA154" s="31"/>
      <c r="GOB154" s="31"/>
      <c r="GOC154" s="31"/>
      <c r="GOD154" s="31"/>
      <c r="GOE154" s="31"/>
      <c r="GOF154" s="31"/>
      <c r="GOG154" s="31"/>
      <c r="GOH154" s="31"/>
      <c r="GOI154" s="31"/>
      <c r="GOJ154" s="31"/>
      <c r="GOK154" s="31"/>
      <c r="GOL154" s="31"/>
      <c r="GOM154" s="31"/>
      <c r="GON154" s="31"/>
      <c r="GOO154" s="31"/>
      <c r="GOP154" s="31"/>
      <c r="GOQ154" s="31"/>
      <c r="GOR154" s="31"/>
      <c r="GOS154" s="31"/>
      <c r="GOT154" s="31"/>
      <c r="GOU154" s="31"/>
      <c r="GOV154" s="31"/>
      <c r="GOW154" s="31"/>
      <c r="GOX154" s="31"/>
      <c r="GOY154" s="31"/>
      <c r="GOZ154" s="31"/>
      <c r="GPA154" s="31"/>
      <c r="GPB154" s="31"/>
      <c r="GPC154" s="31"/>
      <c r="GPD154" s="31"/>
      <c r="GPE154" s="31"/>
      <c r="GPF154" s="31"/>
      <c r="GPG154" s="31"/>
      <c r="GPH154" s="31"/>
      <c r="GPI154" s="31"/>
      <c r="GPJ154" s="31"/>
      <c r="GPK154" s="31"/>
      <c r="GPL154" s="31"/>
      <c r="GPM154" s="31"/>
      <c r="GPN154" s="31"/>
      <c r="GPO154" s="31"/>
      <c r="GPP154" s="31"/>
      <c r="GPQ154" s="31"/>
      <c r="GPR154" s="31"/>
      <c r="GPS154" s="31"/>
      <c r="GPT154" s="31"/>
      <c r="GPU154" s="31"/>
      <c r="GPV154" s="31"/>
      <c r="GPW154" s="31"/>
      <c r="GPX154" s="31"/>
      <c r="GPY154" s="31"/>
      <c r="GPZ154" s="31"/>
      <c r="GQA154" s="31"/>
      <c r="GQB154" s="31"/>
      <c r="GQC154" s="31"/>
      <c r="GQD154" s="31"/>
      <c r="GQE154" s="31"/>
      <c r="GQF154" s="31"/>
      <c r="GQG154" s="31"/>
      <c r="GQH154" s="31"/>
      <c r="GQI154" s="31"/>
      <c r="GQJ154" s="31"/>
      <c r="GQK154" s="31"/>
      <c r="GQL154" s="31"/>
      <c r="GQM154" s="31"/>
      <c r="GQN154" s="31"/>
      <c r="GQO154" s="31"/>
      <c r="GQP154" s="31"/>
      <c r="GQQ154" s="31"/>
      <c r="GQR154" s="31"/>
      <c r="GQS154" s="31"/>
      <c r="GQT154" s="31"/>
      <c r="GQU154" s="31"/>
      <c r="GQV154" s="31"/>
      <c r="GQW154" s="31"/>
      <c r="GQX154" s="31"/>
      <c r="GQY154" s="31"/>
      <c r="GQZ154" s="31"/>
      <c r="GRA154" s="31"/>
      <c r="GRB154" s="31"/>
      <c r="GRC154" s="31"/>
      <c r="GRD154" s="31"/>
      <c r="GRE154" s="31"/>
      <c r="GRF154" s="31"/>
      <c r="GRG154" s="31"/>
      <c r="GRH154" s="31"/>
      <c r="GRI154" s="31"/>
      <c r="GRJ154" s="31"/>
      <c r="GRK154" s="31"/>
      <c r="GRL154" s="31"/>
      <c r="GRM154" s="31"/>
      <c r="GRN154" s="31"/>
      <c r="GRO154" s="31"/>
      <c r="GRP154" s="31"/>
      <c r="GRQ154" s="31"/>
      <c r="GRR154" s="31"/>
      <c r="GRS154" s="31"/>
      <c r="GRT154" s="31"/>
      <c r="GRU154" s="31"/>
      <c r="GRV154" s="31"/>
      <c r="GRW154" s="31"/>
      <c r="GRX154" s="31"/>
      <c r="GRY154" s="31"/>
      <c r="GRZ154" s="31"/>
      <c r="GSA154" s="31"/>
      <c r="GSB154" s="31"/>
      <c r="GSC154" s="31"/>
      <c r="GSD154" s="31"/>
      <c r="GSE154" s="31"/>
      <c r="GSF154" s="31"/>
      <c r="GSG154" s="31"/>
      <c r="GSH154" s="31"/>
      <c r="GSI154" s="31"/>
      <c r="GSJ154" s="31"/>
      <c r="GSK154" s="31"/>
      <c r="GSL154" s="31"/>
      <c r="GSM154" s="31"/>
      <c r="GSN154" s="31"/>
      <c r="GSO154" s="31"/>
      <c r="GSP154" s="31"/>
      <c r="GSQ154" s="31"/>
      <c r="GSR154" s="31"/>
      <c r="GSS154" s="31"/>
      <c r="GST154" s="31"/>
      <c r="GSU154" s="31"/>
      <c r="GSV154" s="31"/>
      <c r="GSW154" s="31"/>
      <c r="GSX154" s="31"/>
      <c r="GSY154" s="31"/>
      <c r="GSZ154" s="31"/>
      <c r="GTA154" s="31"/>
      <c r="GTB154" s="31"/>
      <c r="GTC154" s="31"/>
      <c r="GTD154" s="31"/>
      <c r="GTE154" s="31"/>
      <c r="GTF154" s="31"/>
      <c r="GTG154" s="31"/>
      <c r="GTH154" s="31"/>
      <c r="GTI154" s="31"/>
      <c r="GTJ154" s="31"/>
      <c r="GTK154" s="31"/>
      <c r="GTL154" s="31"/>
      <c r="GTM154" s="31"/>
      <c r="GTN154" s="31"/>
      <c r="GTO154" s="31"/>
      <c r="GTP154" s="31"/>
      <c r="GTQ154" s="31"/>
      <c r="GTR154" s="31"/>
      <c r="GTS154" s="31"/>
      <c r="GTT154" s="31"/>
      <c r="GTU154" s="31"/>
      <c r="GTV154" s="31"/>
      <c r="GTW154" s="31"/>
      <c r="GTX154" s="31"/>
      <c r="GTY154" s="31"/>
      <c r="GTZ154" s="31"/>
      <c r="GUA154" s="31"/>
      <c r="GUB154" s="31"/>
      <c r="GUC154" s="31"/>
      <c r="GUD154" s="31"/>
      <c r="GUE154" s="31"/>
      <c r="GUF154" s="31"/>
      <c r="GUG154" s="31"/>
      <c r="GUH154" s="31"/>
      <c r="GUI154" s="31"/>
      <c r="GUJ154" s="31"/>
      <c r="GUK154" s="31"/>
      <c r="GUL154" s="31"/>
      <c r="GUM154" s="31"/>
      <c r="GUN154" s="31"/>
      <c r="GUO154" s="31"/>
      <c r="GUP154" s="31"/>
      <c r="GUQ154" s="31"/>
      <c r="GUR154" s="31"/>
      <c r="GUS154" s="31"/>
      <c r="GUT154" s="31"/>
      <c r="GUU154" s="31"/>
      <c r="GUV154" s="31"/>
      <c r="GUW154" s="31"/>
      <c r="GUX154" s="31"/>
      <c r="GUY154" s="31"/>
      <c r="GUZ154" s="31"/>
      <c r="GVA154" s="31"/>
      <c r="GVB154" s="31"/>
      <c r="GVC154" s="31"/>
      <c r="GVD154" s="31"/>
      <c r="GVE154" s="31"/>
      <c r="GVF154" s="31"/>
      <c r="GVG154" s="31"/>
      <c r="GVH154" s="31"/>
      <c r="GVI154" s="31"/>
      <c r="GVJ154" s="31"/>
      <c r="GVK154" s="31"/>
      <c r="GVL154" s="31"/>
      <c r="GVM154" s="31"/>
      <c r="GVN154" s="31"/>
      <c r="GVO154" s="31"/>
      <c r="GVP154" s="31"/>
      <c r="GVQ154" s="31"/>
      <c r="GVR154" s="31"/>
      <c r="GVS154" s="31"/>
      <c r="GVT154" s="31"/>
      <c r="GVU154" s="31"/>
      <c r="GVV154" s="31"/>
      <c r="GVW154" s="31"/>
      <c r="GVX154" s="31"/>
      <c r="GVY154" s="31"/>
      <c r="GVZ154" s="31"/>
      <c r="GWA154" s="31"/>
      <c r="GWB154" s="31"/>
      <c r="GWC154" s="31"/>
      <c r="GWD154" s="31"/>
      <c r="GWE154" s="31"/>
      <c r="GWF154" s="31"/>
      <c r="GWG154" s="31"/>
      <c r="GWH154" s="31"/>
      <c r="GWI154" s="31"/>
      <c r="GWJ154" s="31"/>
      <c r="GWK154" s="31"/>
      <c r="GWL154" s="31"/>
      <c r="GWM154" s="31"/>
      <c r="GWN154" s="31"/>
      <c r="GWO154" s="31"/>
      <c r="GWP154" s="31"/>
      <c r="GWQ154" s="31"/>
      <c r="GWR154" s="31"/>
      <c r="GWS154" s="31"/>
      <c r="GWT154" s="31"/>
      <c r="GWU154" s="31"/>
      <c r="GWV154" s="31"/>
      <c r="GWW154" s="31"/>
      <c r="GWX154" s="31"/>
      <c r="GWY154" s="31"/>
      <c r="GWZ154" s="31"/>
      <c r="GXA154" s="31"/>
      <c r="GXB154" s="31"/>
      <c r="GXC154" s="31"/>
      <c r="GXD154" s="31"/>
      <c r="GXE154" s="31"/>
      <c r="GXF154" s="31"/>
      <c r="GXG154" s="31"/>
      <c r="GXH154" s="31"/>
      <c r="GXI154" s="31"/>
      <c r="GXJ154" s="31"/>
      <c r="GXK154" s="31"/>
      <c r="GXL154" s="31"/>
      <c r="GXM154" s="31"/>
      <c r="GXN154" s="31"/>
      <c r="GXO154" s="31"/>
      <c r="GXP154" s="31"/>
      <c r="GXQ154" s="31"/>
      <c r="GXR154" s="31"/>
      <c r="GXS154" s="31"/>
      <c r="GXT154" s="31"/>
      <c r="GXU154" s="31"/>
      <c r="GXV154" s="31"/>
      <c r="GXW154" s="31"/>
      <c r="GXX154" s="31"/>
      <c r="GXY154" s="31"/>
      <c r="GXZ154" s="31"/>
      <c r="GYA154" s="31"/>
      <c r="GYB154" s="31"/>
      <c r="GYC154" s="31"/>
      <c r="GYD154" s="31"/>
      <c r="GYE154" s="31"/>
      <c r="GYF154" s="31"/>
      <c r="GYG154" s="31"/>
      <c r="GYH154" s="31"/>
      <c r="GYI154" s="31"/>
      <c r="GYJ154" s="31"/>
      <c r="GYK154" s="31"/>
      <c r="GYL154" s="31"/>
      <c r="GYM154" s="31"/>
      <c r="GYN154" s="31"/>
      <c r="GYO154" s="31"/>
      <c r="GYP154" s="31"/>
      <c r="GYQ154" s="31"/>
      <c r="GYR154" s="31"/>
      <c r="GYS154" s="31"/>
      <c r="GYT154" s="31"/>
      <c r="GYU154" s="31"/>
      <c r="GYV154" s="31"/>
      <c r="GYW154" s="31"/>
      <c r="GYX154" s="31"/>
      <c r="GYY154" s="31"/>
      <c r="GYZ154" s="31"/>
      <c r="GZA154" s="31"/>
      <c r="GZB154" s="31"/>
      <c r="GZC154" s="31"/>
      <c r="GZD154" s="31"/>
      <c r="GZE154" s="31"/>
      <c r="GZF154" s="31"/>
      <c r="GZG154" s="31"/>
      <c r="GZH154" s="31"/>
      <c r="GZI154" s="31"/>
      <c r="GZJ154" s="31"/>
      <c r="GZK154" s="31"/>
      <c r="GZL154" s="31"/>
      <c r="GZM154" s="31"/>
      <c r="GZN154" s="31"/>
      <c r="GZO154" s="31"/>
      <c r="GZP154" s="31"/>
      <c r="GZQ154" s="31"/>
      <c r="GZR154" s="31"/>
      <c r="GZS154" s="31"/>
      <c r="GZT154" s="31"/>
      <c r="GZU154" s="31"/>
      <c r="GZV154" s="31"/>
      <c r="GZW154" s="31"/>
      <c r="GZX154" s="31"/>
      <c r="GZY154" s="31"/>
      <c r="GZZ154" s="31"/>
      <c r="HAA154" s="31"/>
      <c r="HAB154" s="31"/>
      <c r="HAC154" s="31"/>
      <c r="HAD154" s="31"/>
      <c r="HAE154" s="31"/>
      <c r="HAF154" s="31"/>
      <c r="HAG154" s="31"/>
      <c r="HAH154" s="31"/>
      <c r="HAI154" s="31"/>
      <c r="HAJ154" s="31"/>
      <c r="HAK154" s="31"/>
      <c r="HAL154" s="31"/>
      <c r="HAM154" s="31"/>
      <c r="HAN154" s="31"/>
      <c r="HAO154" s="31"/>
      <c r="HAP154" s="31"/>
      <c r="HAQ154" s="31"/>
      <c r="HAR154" s="31"/>
      <c r="HAS154" s="31"/>
      <c r="HAT154" s="31"/>
      <c r="HAU154" s="31"/>
      <c r="HAV154" s="31"/>
      <c r="HAW154" s="31"/>
      <c r="HAX154" s="31"/>
      <c r="HAY154" s="31"/>
      <c r="HAZ154" s="31"/>
      <c r="HBA154" s="31"/>
      <c r="HBB154" s="31"/>
      <c r="HBC154" s="31"/>
      <c r="HBD154" s="31"/>
      <c r="HBE154" s="31"/>
      <c r="HBF154" s="31"/>
      <c r="HBG154" s="31"/>
      <c r="HBH154" s="31"/>
      <c r="HBI154" s="31"/>
      <c r="HBJ154" s="31"/>
      <c r="HBK154" s="31"/>
      <c r="HBL154" s="31"/>
      <c r="HBM154" s="31"/>
      <c r="HBN154" s="31"/>
      <c r="HBO154" s="31"/>
      <c r="HBP154" s="31"/>
      <c r="HBQ154" s="31"/>
      <c r="HBR154" s="31"/>
      <c r="HBS154" s="31"/>
      <c r="HBT154" s="31"/>
      <c r="HBU154" s="31"/>
      <c r="HBV154" s="31"/>
      <c r="HBW154" s="31"/>
      <c r="HBX154" s="31"/>
      <c r="HBY154" s="31"/>
      <c r="HBZ154" s="31"/>
      <c r="HCA154" s="31"/>
      <c r="HCB154" s="31"/>
      <c r="HCC154" s="31"/>
      <c r="HCD154" s="31"/>
      <c r="HCE154" s="31"/>
      <c r="HCF154" s="31"/>
      <c r="HCG154" s="31"/>
      <c r="HCH154" s="31"/>
      <c r="HCI154" s="31"/>
      <c r="HCJ154" s="31"/>
      <c r="HCK154" s="31"/>
      <c r="HCL154" s="31"/>
      <c r="HCM154" s="31"/>
      <c r="HCN154" s="31"/>
      <c r="HCO154" s="31"/>
      <c r="HCP154" s="31"/>
      <c r="HCQ154" s="31"/>
      <c r="HCR154" s="31"/>
      <c r="HCS154" s="31"/>
      <c r="HCT154" s="31"/>
      <c r="HCU154" s="31"/>
      <c r="HCV154" s="31"/>
      <c r="HCW154" s="31"/>
      <c r="HCX154" s="31"/>
      <c r="HCY154" s="31"/>
      <c r="HCZ154" s="31"/>
      <c r="HDA154" s="31"/>
      <c r="HDB154" s="31"/>
      <c r="HDC154" s="31"/>
      <c r="HDD154" s="31"/>
      <c r="HDE154" s="31"/>
      <c r="HDF154" s="31"/>
      <c r="HDG154" s="31"/>
      <c r="HDH154" s="31"/>
      <c r="HDI154" s="31"/>
      <c r="HDJ154" s="31"/>
      <c r="HDK154" s="31"/>
      <c r="HDL154" s="31"/>
      <c r="HDM154" s="31"/>
      <c r="HDN154" s="31"/>
      <c r="HDO154" s="31"/>
      <c r="HDP154" s="31"/>
      <c r="HDQ154" s="31"/>
      <c r="HDR154" s="31"/>
      <c r="HDS154" s="31"/>
      <c r="HDT154" s="31"/>
      <c r="HDU154" s="31"/>
      <c r="HDV154" s="31"/>
      <c r="HDW154" s="31"/>
      <c r="HDX154" s="31"/>
      <c r="HDY154" s="31"/>
      <c r="HDZ154" s="31"/>
      <c r="HEA154" s="31"/>
      <c r="HEB154" s="31"/>
      <c r="HEC154" s="31"/>
      <c r="HED154" s="31"/>
      <c r="HEE154" s="31"/>
      <c r="HEF154" s="31"/>
      <c r="HEG154" s="31"/>
      <c r="HEH154" s="31"/>
      <c r="HEI154" s="31"/>
      <c r="HEJ154" s="31"/>
      <c r="HEK154" s="31"/>
      <c r="HEL154" s="31"/>
      <c r="HEM154" s="31"/>
      <c r="HEN154" s="31"/>
      <c r="HEO154" s="31"/>
      <c r="HEP154" s="31"/>
      <c r="HEQ154" s="31"/>
      <c r="HER154" s="31"/>
      <c r="HES154" s="31"/>
      <c r="HET154" s="31"/>
      <c r="HEU154" s="31"/>
      <c r="HEV154" s="31"/>
      <c r="HEW154" s="31"/>
      <c r="HEX154" s="31"/>
      <c r="HEY154" s="31"/>
      <c r="HEZ154" s="31"/>
      <c r="HFA154" s="31"/>
      <c r="HFB154" s="31"/>
      <c r="HFC154" s="31"/>
      <c r="HFD154" s="31"/>
      <c r="HFE154" s="31"/>
      <c r="HFF154" s="31"/>
      <c r="HFG154" s="31"/>
      <c r="HFH154" s="31"/>
      <c r="HFI154" s="31"/>
      <c r="HFJ154" s="31"/>
      <c r="HFK154" s="31"/>
      <c r="HFL154" s="31"/>
      <c r="HFM154" s="31"/>
      <c r="HFN154" s="31"/>
      <c r="HFO154" s="31"/>
      <c r="HFP154" s="31"/>
      <c r="HFQ154" s="31"/>
      <c r="HFR154" s="31"/>
      <c r="HFS154" s="31"/>
      <c r="HFT154" s="31"/>
      <c r="HFU154" s="31"/>
      <c r="HFV154" s="31"/>
      <c r="HFW154" s="31"/>
      <c r="HFX154" s="31"/>
      <c r="HFY154" s="31"/>
      <c r="HFZ154" s="31"/>
      <c r="HGA154" s="31"/>
      <c r="HGB154" s="31"/>
      <c r="HGC154" s="31"/>
      <c r="HGD154" s="31"/>
      <c r="HGE154" s="31"/>
      <c r="HGF154" s="31"/>
      <c r="HGG154" s="31"/>
      <c r="HGH154" s="31"/>
      <c r="HGI154" s="31"/>
      <c r="HGJ154" s="31"/>
      <c r="HGK154" s="31"/>
      <c r="HGL154" s="31"/>
      <c r="HGM154" s="31"/>
      <c r="HGN154" s="31"/>
      <c r="HGO154" s="31"/>
      <c r="HGP154" s="31"/>
      <c r="HGQ154" s="31"/>
      <c r="HGR154" s="31"/>
      <c r="HGS154" s="31"/>
      <c r="HGT154" s="31"/>
      <c r="HGU154" s="31"/>
      <c r="HGV154" s="31"/>
      <c r="HGW154" s="31"/>
      <c r="HGX154" s="31"/>
      <c r="HGY154" s="31"/>
      <c r="HGZ154" s="31"/>
      <c r="HHA154" s="31"/>
      <c r="HHB154" s="31"/>
      <c r="HHC154" s="31"/>
      <c r="HHD154" s="31"/>
      <c r="HHE154" s="31"/>
      <c r="HHF154" s="31"/>
      <c r="HHG154" s="31"/>
      <c r="HHH154" s="31"/>
      <c r="HHI154" s="31"/>
      <c r="HHJ154" s="31"/>
      <c r="HHK154" s="31"/>
      <c r="HHL154" s="31"/>
      <c r="HHM154" s="31"/>
      <c r="HHN154" s="31"/>
      <c r="HHO154" s="31"/>
      <c r="HHP154" s="31"/>
      <c r="HHQ154" s="31"/>
      <c r="HHR154" s="31"/>
      <c r="HHS154" s="31"/>
      <c r="HHT154" s="31"/>
      <c r="HHU154" s="31"/>
      <c r="HHV154" s="31"/>
      <c r="HHW154" s="31"/>
      <c r="HHX154" s="31"/>
      <c r="HHY154" s="31"/>
      <c r="HHZ154" s="31"/>
      <c r="HIA154" s="31"/>
      <c r="HIB154" s="31"/>
      <c r="HIC154" s="31"/>
      <c r="HID154" s="31"/>
      <c r="HIE154" s="31"/>
      <c r="HIF154" s="31"/>
      <c r="HIG154" s="31"/>
      <c r="HIH154" s="31"/>
      <c r="HII154" s="31"/>
      <c r="HIJ154" s="31"/>
      <c r="HIK154" s="31"/>
      <c r="HIL154" s="31"/>
      <c r="HIM154" s="31"/>
      <c r="HIN154" s="31"/>
      <c r="HIO154" s="31"/>
      <c r="HIP154" s="31"/>
      <c r="HIQ154" s="31"/>
      <c r="HIR154" s="31"/>
      <c r="HIS154" s="31"/>
      <c r="HIT154" s="31"/>
      <c r="HIU154" s="31"/>
      <c r="HIV154" s="31"/>
      <c r="HIW154" s="31"/>
      <c r="HIX154" s="31"/>
      <c r="HIY154" s="31"/>
      <c r="HIZ154" s="31"/>
      <c r="HJA154" s="31"/>
      <c r="HJB154" s="31"/>
      <c r="HJC154" s="31"/>
      <c r="HJD154" s="31"/>
      <c r="HJE154" s="31"/>
      <c r="HJF154" s="31"/>
      <c r="HJG154" s="31"/>
      <c r="HJH154" s="31"/>
      <c r="HJI154" s="31"/>
      <c r="HJJ154" s="31"/>
      <c r="HJK154" s="31"/>
      <c r="HJL154" s="31"/>
      <c r="HJM154" s="31"/>
      <c r="HJN154" s="31"/>
      <c r="HJO154" s="31"/>
      <c r="HJP154" s="31"/>
      <c r="HJQ154" s="31"/>
      <c r="HJR154" s="31"/>
      <c r="HJS154" s="31"/>
      <c r="HJT154" s="31"/>
      <c r="HJU154" s="31"/>
      <c r="HJV154" s="31"/>
      <c r="HJW154" s="31"/>
      <c r="HJX154" s="31"/>
      <c r="HJY154" s="31"/>
      <c r="HJZ154" s="31"/>
      <c r="HKA154" s="31"/>
      <c r="HKB154" s="31"/>
      <c r="HKC154" s="31"/>
      <c r="HKD154" s="31"/>
      <c r="HKE154" s="31"/>
      <c r="HKF154" s="31"/>
      <c r="HKG154" s="31"/>
      <c r="HKH154" s="31"/>
      <c r="HKI154" s="31"/>
      <c r="HKJ154" s="31"/>
      <c r="HKK154" s="31"/>
      <c r="HKL154" s="31"/>
      <c r="HKM154" s="31"/>
      <c r="HKN154" s="31"/>
      <c r="HKO154" s="31"/>
      <c r="HKP154" s="31"/>
      <c r="HKQ154" s="31"/>
      <c r="HKR154" s="31"/>
      <c r="HKS154" s="31"/>
      <c r="HKT154" s="31"/>
      <c r="HKU154" s="31"/>
      <c r="HKV154" s="31"/>
      <c r="HKW154" s="31"/>
      <c r="HKX154" s="31"/>
      <c r="HKY154" s="31"/>
      <c r="HKZ154" s="31"/>
      <c r="HLA154" s="31"/>
      <c r="HLB154" s="31"/>
      <c r="HLC154" s="31"/>
      <c r="HLD154" s="31"/>
      <c r="HLE154" s="31"/>
      <c r="HLF154" s="31"/>
      <c r="HLG154" s="31"/>
      <c r="HLH154" s="31"/>
      <c r="HLI154" s="31"/>
      <c r="HLJ154" s="31"/>
      <c r="HLK154" s="31"/>
      <c r="HLL154" s="31"/>
      <c r="HLM154" s="31"/>
      <c r="HLN154" s="31"/>
      <c r="HLO154" s="31"/>
      <c r="HLP154" s="31"/>
      <c r="HLQ154" s="31"/>
      <c r="HLR154" s="31"/>
      <c r="HLS154" s="31"/>
      <c r="HLT154" s="31"/>
      <c r="HLU154" s="31"/>
      <c r="HLV154" s="31"/>
      <c r="HLW154" s="31"/>
      <c r="HLX154" s="31"/>
      <c r="HLY154" s="31"/>
      <c r="HLZ154" s="31"/>
      <c r="HMA154" s="31"/>
      <c r="HMB154" s="31"/>
      <c r="HMC154" s="31"/>
      <c r="HMD154" s="31"/>
      <c r="HME154" s="31"/>
      <c r="HMF154" s="31"/>
      <c r="HMG154" s="31"/>
      <c r="HMH154" s="31"/>
      <c r="HMI154" s="31"/>
      <c r="HMJ154" s="31"/>
      <c r="HMK154" s="31"/>
      <c r="HML154" s="31"/>
      <c r="HMM154" s="31"/>
      <c r="HMN154" s="31"/>
      <c r="HMO154" s="31"/>
      <c r="HMP154" s="31"/>
      <c r="HMQ154" s="31"/>
      <c r="HMR154" s="31"/>
      <c r="HMS154" s="31"/>
      <c r="HMT154" s="31"/>
      <c r="HMU154" s="31"/>
      <c r="HMV154" s="31"/>
      <c r="HMW154" s="31"/>
      <c r="HMX154" s="31"/>
      <c r="HMY154" s="31"/>
      <c r="HMZ154" s="31"/>
      <c r="HNA154" s="31"/>
      <c r="HNB154" s="31"/>
      <c r="HNC154" s="31"/>
      <c r="HND154" s="31"/>
      <c r="HNE154" s="31"/>
      <c r="HNF154" s="31"/>
      <c r="HNG154" s="31"/>
      <c r="HNH154" s="31"/>
      <c r="HNI154" s="31"/>
      <c r="HNJ154" s="31"/>
      <c r="HNK154" s="31"/>
      <c r="HNL154" s="31"/>
      <c r="HNM154" s="31"/>
      <c r="HNN154" s="31"/>
      <c r="HNO154" s="31"/>
      <c r="HNP154" s="31"/>
      <c r="HNQ154" s="31"/>
      <c r="HNR154" s="31"/>
      <c r="HNS154" s="31"/>
      <c r="HNT154" s="31"/>
      <c r="HNU154" s="31"/>
      <c r="HNV154" s="31"/>
      <c r="HNW154" s="31"/>
      <c r="HNX154" s="31"/>
      <c r="HNY154" s="31"/>
      <c r="HNZ154" s="31"/>
      <c r="HOA154" s="31"/>
      <c r="HOB154" s="31"/>
      <c r="HOC154" s="31"/>
      <c r="HOD154" s="31"/>
      <c r="HOE154" s="31"/>
      <c r="HOF154" s="31"/>
      <c r="HOG154" s="31"/>
      <c r="HOH154" s="31"/>
      <c r="HOI154" s="31"/>
      <c r="HOJ154" s="31"/>
      <c r="HOK154" s="31"/>
      <c r="HOL154" s="31"/>
      <c r="HOM154" s="31"/>
      <c r="HON154" s="31"/>
      <c r="HOO154" s="31"/>
      <c r="HOP154" s="31"/>
      <c r="HOQ154" s="31"/>
      <c r="HOR154" s="31"/>
      <c r="HOS154" s="31"/>
      <c r="HOT154" s="31"/>
      <c r="HOU154" s="31"/>
      <c r="HOV154" s="31"/>
      <c r="HOW154" s="31"/>
      <c r="HOX154" s="31"/>
      <c r="HOY154" s="31"/>
      <c r="HOZ154" s="31"/>
      <c r="HPA154" s="31"/>
      <c r="HPB154" s="31"/>
      <c r="HPC154" s="31"/>
      <c r="HPD154" s="31"/>
      <c r="HPE154" s="31"/>
      <c r="HPF154" s="31"/>
      <c r="HPG154" s="31"/>
      <c r="HPH154" s="31"/>
      <c r="HPI154" s="31"/>
      <c r="HPJ154" s="31"/>
      <c r="HPK154" s="31"/>
      <c r="HPL154" s="31"/>
      <c r="HPM154" s="31"/>
      <c r="HPN154" s="31"/>
      <c r="HPO154" s="31"/>
      <c r="HPP154" s="31"/>
      <c r="HPQ154" s="31"/>
      <c r="HPR154" s="31"/>
      <c r="HPS154" s="31"/>
      <c r="HPT154" s="31"/>
      <c r="HPU154" s="31"/>
      <c r="HPV154" s="31"/>
      <c r="HPW154" s="31"/>
      <c r="HPX154" s="31"/>
      <c r="HPY154" s="31"/>
      <c r="HPZ154" s="31"/>
      <c r="HQA154" s="31"/>
      <c r="HQB154" s="31"/>
      <c r="HQC154" s="31"/>
      <c r="HQD154" s="31"/>
      <c r="HQE154" s="31"/>
      <c r="HQF154" s="31"/>
      <c r="HQG154" s="31"/>
      <c r="HQH154" s="31"/>
      <c r="HQI154" s="31"/>
      <c r="HQJ154" s="31"/>
      <c r="HQK154" s="31"/>
      <c r="HQL154" s="31"/>
      <c r="HQM154" s="31"/>
      <c r="HQN154" s="31"/>
      <c r="HQO154" s="31"/>
      <c r="HQP154" s="31"/>
      <c r="HQQ154" s="31"/>
      <c r="HQR154" s="31"/>
      <c r="HQS154" s="31"/>
      <c r="HQT154" s="31"/>
      <c r="HQU154" s="31"/>
      <c r="HQV154" s="31"/>
      <c r="HQW154" s="31"/>
      <c r="HQX154" s="31"/>
      <c r="HQY154" s="31"/>
      <c r="HQZ154" s="31"/>
      <c r="HRA154" s="31"/>
      <c r="HRB154" s="31"/>
      <c r="HRC154" s="31"/>
      <c r="HRD154" s="31"/>
      <c r="HRE154" s="31"/>
      <c r="HRF154" s="31"/>
      <c r="HRG154" s="31"/>
      <c r="HRH154" s="31"/>
      <c r="HRI154" s="31"/>
      <c r="HRJ154" s="31"/>
      <c r="HRK154" s="31"/>
      <c r="HRL154" s="31"/>
      <c r="HRM154" s="31"/>
      <c r="HRN154" s="31"/>
      <c r="HRO154" s="31"/>
      <c r="HRP154" s="31"/>
      <c r="HRQ154" s="31"/>
      <c r="HRR154" s="31"/>
      <c r="HRS154" s="31"/>
      <c r="HRT154" s="31"/>
      <c r="HRU154" s="31"/>
      <c r="HRV154" s="31"/>
      <c r="HRW154" s="31"/>
      <c r="HRX154" s="31"/>
      <c r="HRY154" s="31"/>
      <c r="HRZ154" s="31"/>
      <c r="HSA154" s="31"/>
      <c r="HSB154" s="31"/>
      <c r="HSC154" s="31"/>
      <c r="HSD154" s="31"/>
      <c r="HSE154" s="31"/>
      <c r="HSF154" s="31"/>
      <c r="HSG154" s="31"/>
      <c r="HSH154" s="31"/>
      <c r="HSI154" s="31"/>
      <c r="HSJ154" s="31"/>
      <c r="HSK154" s="31"/>
      <c r="HSL154" s="31"/>
      <c r="HSM154" s="31"/>
      <c r="HSN154" s="31"/>
      <c r="HSO154" s="31"/>
      <c r="HSP154" s="31"/>
      <c r="HSQ154" s="31"/>
      <c r="HSR154" s="31"/>
      <c r="HSS154" s="31"/>
      <c r="HST154" s="31"/>
      <c r="HSU154" s="31"/>
      <c r="HSV154" s="31"/>
      <c r="HSW154" s="31"/>
      <c r="HSX154" s="31"/>
      <c r="HSY154" s="31"/>
      <c r="HSZ154" s="31"/>
      <c r="HTA154" s="31"/>
      <c r="HTB154" s="31"/>
      <c r="HTC154" s="31"/>
      <c r="HTD154" s="31"/>
      <c r="HTE154" s="31"/>
      <c r="HTF154" s="31"/>
      <c r="HTG154" s="31"/>
      <c r="HTH154" s="31"/>
      <c r="HTI154" s="31"/>
      <c r="HTJ154" s="31"/>
      <c r="HTK154" s="31"/>
      <c r="HTL154" s="31"/>
      <c r="HTM154" s="31"/>
      <c r="HTN154" s="31"/>
      <c r="HTO154" s="31"/>
      <c r="HTP154" s="31"/>
      <c r="HTQ154" s="31"/>
      <c r="HTR154" s="31"/>
      <c r="HTS154" s="31"/>
      <c r="HTT154" s="31"/>
      <c r="HTU154" s="31"/>
      <c r="HTV154" s="31"/>
      <c r="HTW154" s="31"/>
      <c r="HTX154" s="31"/>
      <c r="HTY154" s="31"/>
      <c r="HTZ154" s="31"/>
      <c r="HUA154" s="31"/>
      <c r="HUB154" s="31"/>
      <c r="HUC154" s="31"/>
      <c r="HUD154" s="31"/>
      <c r="HUE154" s="31"/>
      <c r="HUF154" s="31"/>
      <c r="HUG154" s="31"/>
      <c r="HUH154" s="31"/>
      <c r="HUI154" s="31"/>
      <c r="HUJ154" s="31"/>
      <c r="HUK154" s="31"/>
      <c r="HUL154" s="31"/>
      <c r="HUM154" s="31"/>
      <c r="HUN154" s="31"/>
      <c r="HUO154" s="31"/>
      <c r="HUP154" s="31"/>
      <c r="HUQ154" s="31"/>
      <c r="HUR154" s="31"/>
      <c r="HUS154" s="31"/>
      <c r="HUT154" s="31"/>
      <c r="HUU154" s="31"/>
      <c r="HUV154" s="31"/>
      <c r="HUW154" s="31"/>
      <c r="HUX154" s="31"/>
      <c r="HUY154" s="31"/>
      <c r="HUZ154" s="31"/>
      <c r="HVA154" s="31"/>
      <c r="HVB154" s="31"/>
      <c r="HVC154" s="31"/>
      <c r="HVD154" s="31"/>
      <c r="HVE154" s="31"/>
      <c r="HVF154" s="31"/>
      <c r="HVG154" s="31"/>
      <c r="HVH154" s="31"/>
      <c r="HVI154" s="31"/>
      <c r="HVJ154" s="31"/>
      <c r="HVK154" s="31"/>
      <c r="HVL154" s="31"/>
      <c r="HVM154" s="31"/>
      <c r="HVN154" s="31"/>
      <c r="HVO154" s="31"/>
      <c r="HVP154" s="31"/>
      <c r="HVQ154" s="31"/>
      <c r="HVR154" s="31"/>
      <c r="HVS154" s="31"/>
      <c r="HVT154" s="31"/>
      <c r="HVU154" s="31"/>
      <c r="HVV154" s="31"/>
      <c r="HVW154" s="31"/>
      <c r="HVX154" s="31"/>
      <c r="HVY154" s="31"/>
      <c r="HVZ154" s="31"/>
      <c r="HWA154" s="31"/>
      <c r="HWB154" s="31"/>
      <c r="HWC154" s="31"/>
      <c r="HWD154" s="31"/>
      <c r="HWE154" s="31"/>
      <c r="HWF154" s="31"/>
      <c r="HWG154" s="31"/>
      <c r="HWH154" s="31"/>
      <c r="HWI154" s="31"/>
      <c r="HWJ154" s="31"/>
      <c r="HWK154" s="31"/>
      <c r="HWL154" s="31"/>
      <c r="HWM154" s="31"/>
      <c r="HWN154" s="31"/>
      <c r="HWO154" s="31"/>
      <c r="HWP154" s="31"/>
      <c r="HWQ154" s="31"/>
      <c r="HWR154" s="31"/>
      <c r="HWS154" s="31"/>
      <c r="HWT154" s="31"/>
      <c r="HWU154" s="31"/>
      <c r="HWV154" s="31"/>
      <c r="HWW154" s="31"/>
      <c r="HWX154" s="31"/>
      <c r="HWY154" s="31"/>
      <c r="HWZ154" s="31"/>
      <c r="HXA154" s="31"/>
      <c r="HXB154" s="31"/>
      <c r="HXC154" s="31"/>
      <c r="HXD154" s="31"/>
      <c r="HXE154" s="31"/>
      <c r="HXF154" s="31"/>
      <c r="HXG154" s="31"/>
      <c r="HXH154" s="31"/>
      <c r="HXI154" s="31"/>
      <c r="HXJ154" s="31"/>
      <c r="HXK154" s="31"/>
      <c r="HXL154" s="31"/>
      <c r="HXM154" s="31"/>
      <c r="HXN154" s="31"/>
      <c r="HXO154" s="31"/>
      <c r="HXP154" s="31"/>
      <c r="HXQ154" s="31"/>
      <c r="HXR154" s="31"/>
      <c r="HXS154" s="31"/>
      <c r="HXT154" s="31"/>
      <c r="HXU154" s="31"/>
      <c r="HXV154" s="31"/>
      <c r="HXW154" s="31"/>
      <c r="HXX154" s="31"/>
      <c r="HXY154" s="31"/>
      <c r="HXZ154" s="31"/>
      <c r="HYA154" s="31"/>
      <c r="HYB154" s="31"/>
      <c r="HYC154" s="31"/>
      <c r="HYD154" s="31"/>
      <c r="HYE154" s="31"/>
      <c r="HYF154" s="31"/>
      <c r="HYG154" s="31"/>
      <c r="HYH154" s="31"/>
      <c r="HYI154" s="31"/>
      <c r="HYJ154" s="31"/>
      <c r="HYK154" s="31"/>
      <c r="HYL154" s="31"/>
      <c r="HYM154" s="31"/>
      <c r="HYN154" s="31"/>
      <c r="HYO154" s="31"/>
      <c r="HYP154" s="31"/>
      <c r="HYQ154" s="31"/>
      <c r="HYR154" s="31"/>
      <c r="HYS154" s="31"/>
      <c r="HYT154" s="31"/>
      <c r="HYU154" s="31"/>
      <c r="HYV154" s="31"/>
      <c r="HYW154" s="31"/>
      <c r="HYX154" s="31"/>
      <c r="HYY154" s="31"/>
      <c r="HYZ154" s="31"/>
      <c r="HZA154" s="31"/>
      <c r="HZB154" s="31"/>
      <c r="HZC154" s="31"/>
      <c r="HZD154" s="31"/>
      <c r="HZE154" s="31"/>
      <c r="HZF154" s="31"/>
      <c r="HZG154" s="31"/>
      <c r="HZH154" s="31"/>
      <c r="HZI154" s="31"/>
      <c r="HZJ154" s="31"/>
      <c r="HZK154" s="31"/>
      <c r="HZL154" s="31"/>
      <c r="HZM154" s="31"/>
      <c r="HZN154" s="31"/>
      <c r="HZO154" s="31"/>
      <c r="HZP154" s="31"/>
      <c r="HZQ154" s="31"/>
      <c r="HZR154" s="31"/>
      <c r="HZS154" s="31"/>
      <c r="HZT154" s="31"/>
      <c r="HZU154" s="31"/>
      <c r="HZV154" s="31"/>
      <c r="HZW154" s="31"/>
      <c r="HZX154" s="31"/>
      <c r="HZY154" s="31"/>
      <c r="HZZ154" s="31"/>
      <c r="IAA154" s="31"/>
      <c r="IAB154" s="31"/>
      <c r="IAC154" s="31"/>
      <c r="IAD154" s="31"/>
      <c r="IAE154" s="31"/>
      <c r="IAF154" s="31"/>
      <c r="IAG154" s="31"/>
      <c r="IAH154" s="31"/>
      <c r="IAI154" s="31"/>
      <c r="IAJ154" s="31"/>
      <c r="IAK154" s="31"/>
      <c r="IAL154" s="31"/>
      <c r="IAM154" s="31"/>
      <c r="IAN154" s="31"/>
      <c r="IAO154" s="31"/>
      <c r="IAP154" s="31"/>
      <c r="IAQ154" s="31"/>
      <c r="IAR154" s="31"/>
      <c r="IAS154" s="31"/>
      <c r="IAT154" s="31"/>
      <c r="IAU154" s="31"/>
      <c r="IAV154" s="31"/>
      <c r="IAW154" s="31"/>
      <c r="IAX154" s="31"/>
      <c r="IAY154" s="31"/>
      <c r="IAZ154" s="31"/>
      <c r="IBA154" s="31"/>
      <c r="IBB154" s="31"/>
      <c r="IBC154" s="31"/>
      <c r="IBD154" s="31"/>
      <c r="IBE154" s="31"/>
      <c r="IBF154" s="31"/>
      <c r="IBG154" s="31"/>
      <c r="IBH154" s="31"/>
      <c r="IBI154" s="31"/>
      <c r="IBJ154" s="31"/>
      <c r="IBK154" s="31"/>
      <c r="IBL154" s="31"/>
      <c r="IBM154" s="31"/>
      <c r="IBN154" s="31"/>
      <c r="IBO154" s="31"/>
      <c r="IBP154" s="31"/>
      <c r="IBQ154" s="31"/>
      <c r="IBR154" s="31"/>
      <c r="IBS154" s="31"/>
      <c r="IBT154" s="31"/>
      <c r="IBU154" s="31"/>
      <c r="IBV154" s="31"/>
      <c r="IBW154" s="31"/>
      <c r="IBX154" s="31"/>
      <c r="IBY154" s="31"/>
      <c r="IBZ154" s="31"/>
      <c r="ICA154" s="31"/>
      <c r="ICB154" s="31"/>
      <c r="ICC154" s="31"/>
      <c r="ICD154" s="31"/>
      <c r="ICE154" s="31"/>
      <c r="ICF154" s="31"/>
      <c r="ICG154" s="31"/>
      <c r="ICH154" s="31"/>
      <c r="ICI154" s="31"/>
      <c r="ICJ154" s="31"/>
      <c r="ICK154" s="31"/>
      <c r="ICL154" s="31"/>
      <c r="ICM154" s="31"/>
      <c r="ICN154" s="31"/>
      <c r="ICO154" s="31"/>
      <c r="ICP154" s="31"/>
      <c r="ICQ154" s="31"/>
      <c r="ICR154" s="31"/>
      <c r="ICS154" s="31"/>
      <c r="ICT154" s="31"/>
      <c r="ICU154" s="31"/>
      <c r="ICV154" s="31"/>
      <c r="ICW154" s="31"/>
      <c r="ICX154" s="31"/>
      <c r="ICY154" s="31"/>
      <c r="ICZ154" s="31"/>
      <c r="IDA154" s="31"/>
      <c r="IDB154" s="31"/>
      <c r="IDC154" s="31"/>
      <c r="IDD154" s="31"/>
      <c r="IDE154" s="31"/>
      <c r="IDF154" s="31"/>
      <c r="IDG154" s="31"/>
      <c r="IDH154" s="31"/>
      <c r="IDI154" s="31"/>
      <c r="IDJ154" s="31"/>
      <c r="IDK154" s="31"/>
      <c r="IDL154" s="31"/>
      <c r="IDM154" s="31"/>
      <c r="IDN154" s="31"/>
      <c r="IDO154" s="31"/>
      <c r="IDP154" s="31"/>
      <c r="IDQ154" s="31"/>
      <c r="IDR154" s="31"/>
      <c r="IDS154" s="31"/>
      <c r="IDT154" s="31"/>
      <c r="IDU154" s="31"/>
      <c r="IDV154" s="31"/>
      <c r="IDW154" s="31"/>
      <c r="IDX154" s="31"/>
      <c r="IDY154" s="31"/>
      <c r="IDZ154" s="31"/>
      <c r="IEA154" s="31"/>
      <c r="IEB154" s="31"/>
      <c r="IEC154" s="31"/>
      <c r="IED154" s="31"/>
      <c r="IEE154" s="31"/>
      <c r="IEF154" s="31"/>
      <c r="IEG154" s="31"/>
      <c r="IEH154" s="31"/>
      <c r="IEI154" s="31"/>
      <c r="IEJ154" s="31"/>
      <c r="IEK154" s="31"/>
      <c r="IEL154" s="31"/>
      <c r="IEM154" s="31"/>
      <c r="IEN154" s="31"/>
      <c r="IEO154" s="31"/>
      <c r="IEP154" s="31"/>
      <c r="IEQ154" s="31"/>
      <c r="IER154" s="31"/>
      <c r="IES154" s="31"/>
      <c r="IET154" s="31"/>
      <c r="IEU154" s="31"/>
      <c r="IEV154" s="31"/>
      <c r="IEW154" s="31"/>
      <c r="IEX154" s="31"/>
      <c r="IEY154" s="31"/>
      <c r="IEZ154" s="31"/>
      <c r="IFA154" s="31"/>
      <c r="IFB154" s="31"/>
      <c r="IFC154" s="31"/>
      <c r="IFD154" s="31"/>
      <c r="IFE154" s="31"/>
      <c r="IFF154" s="31"/>
      <c r="IFG154" s="31"/>
      <c r="IFH154" s="31"/>
      <c r="IFI154" s="31"/>
      <c r="IFJ154" s="31"/>
      <c r="IFK154" s="31"/>
      <c r="IFL154" s="31"/>
      <c r="IFM154" s="31"/>
      <c r="IFN154" s="31"/>
      <c r="IFO154" s="31"/>
      <c r="IFP154" s="31"/>
      <c r="IFQ154" s="31"/>
      <c r="IFR154" s="31"/>
      <c r="IFS154" s="31"/>
      <c r="IFT154" s="31"/>
      <c r="IFU154" s="31"/>
      <c r="IFV154" s="31"/>
      <c r="IFW154" s="31"/>
      <c r="IFX154" s="31"/>
      <c r="IFY154" s="31"/>
      <c r="IFZ154" s="31"/>
      <c r="IGA154" s="31"/>
      <c r="IGB154" s="31"/>
      <c r="IGC154" s="31"/>
      <c r="IGD154" s="31"/>
      <c r="IGE154" s="31"/>
      <c r="IGF154" s="31"/>
      <c r="IGG154" s="31"/>
      <c r="IGH154" s="31"/>
      <c r="IGI154" s="31"/>
      <c r="IGJ154" s="31"/>
      <c r="IGK154" s="31"/>
      <c r="IGL154" s="31"/>
      <c r="IGM154" s="31"/>
      <c r="IGN154" s="31"/>
      <c r="IGO154" s="31"/>
      <c r="IGP154" s="31"/>
      <c r="IGQ154" s="31"/>
      <c r="IGR154" s="31"/>
      <c r="IGS154" s="31"/>
      <c r="IGT154" s="31"/>
      <c r="IGU154" s="31"/>
      <c r="IGV154" s="31"/>
      <c r="IGW154" s="31"/>
      <c r="IGX154" s="31"/>
      <c r="IGY154" s="31"/>
      <c r="IGZ154" s="31"/>
      <c r="IHA154" s="31"/>
      <c r="IHB154" s="31"/>
      <c r="IHC154" s="31"/>
      <c r="IHD154" s="31"/>
      <c r="IHE154" s="31"/>
      <c r="IHF154" s="31"/>
      <c r="IHG154" s="31"/>
      <c r="IHH154" s="31"/>
      <c r="IHI154" s="31"/>
      <c r="IHJ154" s="31"/>
      <c r="IHK154" s="31"/>
      <c r="IHL154" s="31"/>
      <c r="IHM154" s="31"/>
      <c r="IHN154" s="31"/>
      <c r="IHO154" s="31"/>
      <c r="IHP154" s="31"/>
      <c r="IHQ154" s="31"/>
      <c r="IHR154" s="31"/>
      <c r="IHS154" s="31"/>
      <c r="IHT154" s="31"/>
      <c r="IHU154" s="31"/>
      <c r="IHV154" s="31"/>
      <c r="IHW154" s="31"/>
      <c r="IHX154" s="31"/>
      <c r="IHY154" s="31"/>
      <c r="IHZ154" s="31"/>
      <c r="IIA154" s="31"/>
      <c r="IIB154" s="31"/>
      <c r="IIC154" s="31"/>
      <c r="IID154" s="31"/>
      <c r="IIE154" s="31"/>
      <c r="IIF154" s="31"/>
      <c r="IIG154" s="31"/>
      <c r="IIH154" s="31"/>
      <c r="III154" s="31"/>
      <c r="IIJ154" s="31"/>
      <c r="IIK154" s="31"/>
      <c r="IIL154" s="31"/>
      <c r="IIM154" s="31"/>
      <c r="IIN154" s="31"/>
      <c r="IIO154" s="31"/>
      <c r="IIP154" s="31"/>
      <c r="IIQ154" s="31"/>
      <c r="IIR154" s="31"/>
      <c r="IIS154" s="31"/>
      <c r="IIT154" s="31"/>
      <c r="IIU154" s="31"/>
      <c r="IIV154" s="31"/>
      <c r="IIW154" s="31"/>
      <c r="IIX154" s="31"/>
      <c r="IIY154" s="31"/>
      <c r="IIZ154" s="31"/>
      <c r="IJA154" s="31"/>
      <c r="IJB154" s="31"/>
      <c r="IJC154" s="31"/>
      <c r="IJD154" s="31"/>
      <c r="IJE154" s="31"/>
      <c r="IJF154" s="31"/>
      <c r="IJG154" s="31"/>
      <c r="IJH154" s="31"/>
      <c r="IJI154" s="31"/>
      <c r="IJJ154" s="31"/>
      <c r="IJK154" s="31"/>
      <c r="IJL154" s="31"/>
      <c r="IJM154" s="31"/>
      <c r="IJN154" s="31"/>
      <c r="IJO154" s="31"/>
      <c r="IJP154" s="31"/>
      <c r="IJQ154" s="31"/>
      <c r="IJR154" s="31"/>
      <c r="IJS154" s="31"/>
      <c r="IJT154" s="31"/>
      <c r="IJU154" s="31"/>
      <c r="IJV154" s="31"/>
      <c r="IJW154" s="31"/>
      <c r="IJX154" s="31"/>
      <c r="IJY154" s="31"/>
      <c r="IJZ154" s="31"/>
      <c r="IKA154" s="31"/>
      <c r="IKB154" s="31"/>
      <c r="IKC154" s="31"/>
      <c r="IKD154" s="31"/>
      <c r="IKE154" s="31"/>
      <c r="IKF154" s="31"/>
      <c r="IKG154" s="31"/>
      <c r="IKH154" s="31"/>
      <c r="IKI154" s="31"/>
      <c r="IKJ154" s="31"/>
      <c r="IKK154" s="31"/>
      <c r="IKL154" s="31"/>
      <c r="IKM154" s="31"/>
      <c r="IKN154" s="31"/>
      <c r="IKO154" s="31"/>
      <c r="IKP154" s="31"/>
      <c r="IKQ154" s="31"/>
      <c r="IKR154" s="31"/>
      <c r="IKS154" s="31"/>
      <c r="IKT154" s="31"/>
      <c r="IKU154" s="31"/>
      <c r="IKV154" s="31"/>
      <c r="IKW154" s="31"/>
      <c r="IKX154" s="31"/>
      <c r="IKY154" s="31"/>
      <c r="IKZ154" s="31"/>
      <c r="ILA154" s="31"/>
      <c r="ILB154" s="31"/>
      <c r="ILC154" s="31"/>
      <c r="ILD154" s="31"/>
      <c r="ILE154" s="31"/>
      <c r="ILF154" s="31"/>
      <c r="ILG154" s="31"/>
      <c r="ILH154" s="31"/>
      <c r="ILI154" s="31"/>
      <c r="ILJ154" s="31"/>
      <c r="ILK154" s="31"/>
      <c r="ILL154" s="31"/>
      <c r="ILM154" s="31"/>
      <c r="ILN154" s="31"/>
      <c r="ILO154" s="31"/>
      <c r="ILP154" s="31"/>
      <c r="ILQ154" s="31"/>
      <c r="ILR154" s="31"/>
      <c r="ILS154" s="31"/>
      <c r="ILT154" s="31"/>
      <c r="ILU154" s="31"/>
      <c r="ILV154" s="31"/>
      <c r="ILW154" s="31"/>
      <c r="ILX154" s="31"/>
      <c r="ILY154" s="31"/>
      <c r="ILZ154" s="31"/>
      <c r="IMA154" s="31"/>
      <c r="IMB154" s="31"/>
      <c r="IMC154" s="31"/>
      <c r="IMD154" s="31"/>
      <c r="IME154" s="31"/>
      <c r="IMF154" s="31"/>
      <c r="IMG154" s="31"/>
      <c r="IMH154" s="31"/>
      <c r="IMI154" s="31"/>
      <c r="IMJ154" s="31"/>
      <c r="IMK154" s="31"/>
      <c r="IML154" s="31"/>
      <c r="IMM154" s="31"/>
      <c r="IMN154" s="31"/>
      <c r="IMO154" s="31"/>
      <c r="IMP154" s="31"/>
      <c r="IMQ154" s="31"/>
      <c r="IMR154" s="31"/>
      <c r="IMS154" s="31"/>
      <c r="IMT154" s="31"/>
      <c r="IMU154" s="31"/>
      <c r="IMV154" s="31"/>
      <c r="IMW154" s="31"/>
      <c r="IMX154" s="31"/>
      <c r="IMY154" s="31"/>
      <c r="IMZ154" s="31"/>
      <c r="INA154" s="31"/>
      <c r="INB154" s="31"/>
      <c r="INC154" s="31"/>
      <c r="IND154" s="31"/>
      <c r="INE154" s="31"/>
      <c r="INF154" s="31"/>
      <c r="ING154" s="31"/>
      <c r="INH154" s="31"/>
      <c r="INI154" s="31"/>
      <c r="INJ154" s="31"/>
      <c r="INK154" s="31"/>
      <c r="INL154" s="31"/>
      <c r="INM154" s="31"/>
      <c r="INN154" s="31"/>
      <c r="INO154" s="31"/>
      <c r="INP154" s="31"/>
      <c r="INQ154" s="31"/>
      <c r="INR154" s="31"/>
      <c r="INS154" s="31"/>
      <c r="INT154" s="31"/>
      <c r="INU154" s="31"/>
      <c r="INV154" s="31"/>
      <c r="INW154" s="31"/>
      <c r="INX154" s="31"/>
      <c r="INY154" s="31"/>
      <c r="INZ154" s="31"/>
      <c r="IOA154" s="31"/>
      <c r="IOB154" s="31"/>
      <c r="IOC154" s="31"/>
      <c r="IOD154" s="31"/>
      <c r="IOE154" s="31"/>
      <c r="IOF154" s="31"/>
      <c r="IOG154" s="31"/>
      <c r="IOH154" s="31"/>
      <c r="IOI154" s="31"/>
      <c r="IOJ154" s="31"/>
      <c r="IOK154" s="31"/>
      <c r="IOL154" s="31"/>
      <c r="IOM154" s="31"/>
      <c r="ION154" s="31"/>
      <c r="IOO154" s="31"/>
      <c r="IOP154" s="31"/>
      <c r="IOQ154" s="31"/>
      <c r="IOR154" s="31"/>
      <c r="IOS154" s="31"/>
      <c r="IOT154" s="31"/>
      <c r="IOU154" s="31"/>
      <c r="IOV154" s="31"/>
      <c r="IOW154" s="31"/>
      <c r="IOX154" s="31"/>
      <c r="IOY154" s="31"/>
      <c r="IOZ154" s="31"/>
      <c r="IPA154" s="31"/>
      <c r="IPB154" s="31"/>
      <c r="IPC154" s="31"/>
      <c r="IPD154" s="31"/>
      <c r="IPE154" s="31"/>
      <c r="IPF154" s="31"/>
      <c r="IPG154" s="31"/>
      <c r="IPH154" s="31"/>
      <c r="IPI154" s="31"/>
      <c r="IPJ154" s="31"/>
      <c r="IPK154" s="31"/>
      <c r="IPL154" s="31"/>
      <c r="IPM154" s="31"/>
      <c r="IPN154" s="31"/>
      <c r="IPO154" s="31"/>
      <c r="IPP154" s="31"/>
      <c r="IPQ154" s="31"/>
      <c r="IPR154" s="31"/>
      <c r="IPS154" s="31"/>
      <c r="IPT154" s="31"/>
      <c r="IPU154" s="31"/>
      <c r="IPV154" s="31"/>
      <c r="IPW154" s="31"/>
      <c r="IPX154" s="31"/>
      <c r="IPY154" s="31"/>
      <c r="IPZ154" s="31"/>
      <c r="IQA154" s="31"/>
      <c r="IQB154" s="31"/>
      <c r="IQC154" s="31"/>
      <c r="IQD154" s="31"/>
      <c r="IQE154" s="31"/>
      <c r="IQF154" s="31"/>
      <c r="IQG154" s="31"/>
      <c r="IQH154" s="31"/>
      <c r="IQI154" s="31"/>
      <c r="IQJ154" s="31"/>
      <c r="IQK154" s="31"/>
      <c r="IQL154" s="31"/>
      <c r="IQM154" s="31"/>
      <c r="IQN154" s="31"/>
      <c r="IQO154" s="31"/>
      <c r="IQP154" s="31"/>
      <c r="IQQ154" s="31"/>
      <c r="IQR154" s="31"/>
      <c r="IQS154" s="31"/>
      <c r="IQT154" s="31"/>
      <c r="IQU154" s="31"/>
      <c r="IQV154" s="31"/>
      <c r="IQW154" s="31"/>
      <c r="IQX154" s="31"/>
      <c r="IQY154" s="31"/>
      <c r="IQZ154" s="31"/>
      <c r="IRA154" s="31"/>
      <c r="IRB154" s="31"/>
      <c r="IRC154" s="31"/>
      <c r="IRD154" s="31"/>
      <c r="IRE154" s="31"/>
      <c r="IRF154" s="31"/>
      <c r="IRG154" s="31"/>
      <c r="IRH154" s="31"/>
      <c r="IRI154" s="31"/>
      <c r="IRJ154" s="31"/>
      <c r="IRK154" s="31"/>
      <c r="IRL154" s="31"/>
      <c r="IRM154" s="31"/>
      <c r="IRN154" s="31"/>
      <c r="IRO154" s="31"/>
      <c r="IRP154" s="31"/>
      <c r="IRQ154" s="31"/>
      <c r="IRR154" s="31"/>
      <c r="IRS154" s="31"/>
      <c r="IRT154" s="31"/>
      <c r="IRU154" s="31"/>
      <c r="IRV154" s="31"/>
      <c r="IRW154" s="31"/>
      <c r="IRX154" s="31"/>
      <c r="IRY154" s="31"/>
      <c r="IRZ154" s="31"/>
      <c r="ISA154" s="31"/>
      <c r="ISB154" s="31"/>
      <c r="ISC154" s="31"/>
      <c r="ISD154" s="31"/>
      <c r="ISE154" s="31"/>
      <c r="ISF154" s="31"/>
      <c r="ISG154" s="31"/>
      <c r="ISH154" s="31"/>
      <c r="ISI154" s="31"/>
      <c r="ISJ154" s="31"/>
      <c r="ISK154" s="31"/>
      <c r="ISL154" s="31"/>
      <c r="ISM154" s="31"/>
      <c r="ISN154" s="31"/>
      <c r="ISO154" s="31"/>
      <c r="ISP154" s="31"/>
      <c r="ISQ154" s="31"/>
      <c r="ISR154" s="31"/>
      <c r="ISS154" s="31"/>
      <c r="IST154" s="31"/>
      <c r="ISU154" s="31"/>
      <c r="ISV154" s="31"/>
      <c r="ISW154" s="31"/>
      <c r="ISX154" s="31"/>
      <c r="ISY154" s="31"/>
      <c r="ISZ154" s="31"/>
      <c r="ITA154" s="31"/>
      <c r="ITB154" s="31"/>
      <c r="ITC154" s="31"/>
      <c r="ITD154" s="31"/>
      <c r="ITE154" s="31"/>
      <c r="ITF154" s="31"/>
      <c r="ITG154" s="31"/>
      <c r="ITH154" s="31"/>
      <c r="ITI154" s="31"/>
      <c r="ITJ154" s="31"/>
      <c r="ITK154" s="31"/>
      <c r="ITL154" s="31"/>
      <c r="ITM154" s="31"/>
      <c r="ITN154" s="31"/>
      <c r="ITO154" s="31"/>
      <c r="ITP154" s="31"/>
      <c r="ITQ154" s="31"/>
      <c r="ITR154" s="31"/>
      <c r="ITS154" s="31"/>
      <c r="ITT154" s="31"/>
      <c r="ITU154" s="31"/>
      <c r="ITV154" s="31"/>
      <c r="ITW154" s="31"/>
      <c r="ITX154" s="31"/>
      <c r="ITY154" s="31"/>
      <c r="ITZ154" s="31"/>
      <c r="IUA154" s="31"/>
      <c r="IUB154" s="31"/>
      <c r="IUC154" s="31"/>
      <c r="IUD154" s="31"/>
      <c r="IUE154" s="31"/>
      <c r="IUF154" s="31"/>
      <c r="IUG154" s="31"/>
      <c r="IUH154" s="31"/>
      <c r="IUI154" s="31"/>
      <c r="IUJ154" s="31"/>
      <c r="IUK154" s="31"/>
      <c r="IUL154" s="31"/>
      <c r="IUM154" s="31"/>
      <c r="IUN154" s="31"/>
      <c r="IUO154" s="31"/>
      <c r="IUP154" s="31"/>
      <c r="IUQ154" s="31"/>
      <c r="IUR154" s="31"/>
      <c r="IUS154" s="31"/>
      <c r="IUT154" s="31"/>
      <c r="IUU154" s="31"/>
      <c r="IUV154" s="31"/>
      <c r="IUW154" s="31"/>
      <c r="IUX154" s="31"/>
      <c r="IUY154" s="31"/>
      <c r="IUZ154" s="31"/>
      <c r="IVA154" s="31"/>
      <c r="IVB154" s="31"/>
      <c r="IVC154" s="31"/>
      <c r="IVD154" s="31"/>
      <c r="IVE154" s="31"/>
      <c r="IVF154" s="31"/>
      <c r="IVG154" s="31"/>
      <c r="IVH154" s="31"/>
      <c r="IVI154" s="31"/>
      <c r="IVJ154" s="31"/>
      <c r="IVK154" s="31"/>
      <c r="IVL154" s="31"/>
      <c r="IVM154" s="31"/>
      <c r="IVN154" s="31"/>
      <c r="IVO154" s="31"/>
      <c r="IVP154" s="31"/>
      <c r="IVQ154" s="31"/>
      <c r="IVR154" s="31"/>
      <c r="IVS154" s="31"/>
      <c r="IVT154" s="31"/>
      <c r="IVU154" s="31"/>
      <c r="IVV154" s="31"/>
      <c r="IVW154" s="31"/>
      <c r="IVX154" s="31"/>
      <c r="IVY154" s="31"/>
      <c r="IVZ154" s="31"/>
      <c r="IWA154" s="31"/>
      <c r="IWB154" s="31"/>
      <c r="IWC154" s="31"/>
      <c r="IWD154" s="31"/>
      <c r="IWE154" s="31"/>
      <c r="IWF154" s="31"/>
      <c r="IWG154" s="31"/>
      <c r="IWH154" s="31"/>
      <c r="IWI154" s="31"/>
      <c r="IWJ154" s="31"/>
      <c r="IWK154" s="31"/>
      <c r="IWL154" s="31"/>
      <c r="IWM154" s="31"/>
      <c r="IWN154" s="31"/>
      <c r="IWO154" s="31"/>
      <c r="IWP154" s="31"/>
      <c r="IWQ154" s="31"/>
      <c r="IWR154" s="31"/>
      <c r="IWS154" s="31"/>
      <c r="IWT154" s="31"/>
      <c r="IWU154" s="31"/>
      <c r="IWV154" s="31"/>
      <c r="IWW154" s="31"/>
      <c r="IWX154" s="31"/>
      <c r="IWY154" s="31"/>
      <c r="IWZ154" s="31"/>
      <c r="IXA154" s="31"/>
      <c r="IXB154" s="31"/>
      <c r="IXC154" s="31"/>
      <c r="IXD154" s="31"/>
      <c r="IXE154" s="31"/>
      <c r="IXF154" s="31"/>
      <c r="IXG154" s="31"/>
      <c r="IXH154" s="31"/>
      <c r="IXI154" s="31"/>
      <c r="IXJ154" s="31"/>
      <c r="IXK154" s="31"/>
      <c r="IXL154" s="31"/>
      <c r="IXM154" s="31"/>
      <c r="IXN154" s="31"/>
      <c r="IXO154" s="31"/>
      <c r="IXP154" s="31"/>
      <c r="IXQ154" s="31"/>
      <c r="IXR154" s="31"/>
      <c r="IXS154" s="31"/>
      <c r="IXT154" s="31"/>
      <c r="IXU154" s="31"/>
      <c r="IXV154" s="31"/>
      <c r="IXW154" s="31"/>
      <c r="IXX154" s="31"/>
      <c r="IXY154" s="31"/>
      <c r="IXZ154" s="31"/>
      <c r="IYA154" s="31"/>
      <c r="IYB154" s="31"/>
      <c r="IYC154" s="31"/>
      <c r="IYD154" s="31"/>
      <c r="IYE154" s="31"/>
      <c r="IYF154" s="31"/>
      <c r="IYG154" s="31"/>
      <c r="IYH154" s="31"/>
      <c r="IYI154" s="31"/>
      <c r="IYJ154" s="31"/>
      <c r="IYK154" s="31"/>
      <c r="IYL154" s="31"/>
      <c r="IYM154" s="31"/>
      <c r="IYN154" s="31"/>
      <c r="IYO154" s="31"/>
      <c r="IYP154" s="31"/>
      <c r="IYQ154" s="31"/>
      <c r="IYR154" s="31"/>
      <c r="IYS154" s="31"/>
      <c r="IYT154" s="31"/>
      <c r="IYU154" s="31"/>
      <c r="IYV154" s="31"/>
      <c r="IYW154" s="31"/>
      <c r="IYX154" s="31"/>
      <c r="IYY154" s="31"/>
      <c r="IYZ154" s="31"/>
      <c r="IZA154" s="31"/>
      <c r="IZB154" s="31"/>
      <c r="IZC154" s="31"/>
      <c r="IZD154" s="31"/>
      <c r="IZE154" s="31"/>
      <c r="IZF154" s="31"/>
      <c r="IZG154" s="31"/>
      <c r="IZH154" s="31"/>
      <c r="IZI154" s="31"/>
      <c r="IZJ154" s="31"/>
      <c r="IZK154" s="31"/>
      <c r="IZL154" s="31"/>
      <c r="IZM154" s="31"/>
      <c r="IZN154" s="31"/>
      <c r="IZO154" s="31"/>
      <c r="IZP154" s="31"/>
      <c r="IZQ154" s="31"/>
      <c r="IZR154" s="31"/>
      <c r="IZS154" s="31"/>
      <c r="IZT154" s="31"/>
      <c r="IZU154" s="31"/>
      <c r="IZV154" s="31"/>
      <c r="IZW154" s="31"/>
      <c r="IZX154" s="31"/>
      <c r="IZY154" s="31"/>
      <c r="IZZ154" s="31"/>
      <c r="JAA154" s="31"/>
      <c r="JAB154" s="31"/>
      <c r="JAC154" s="31"/>
      <c r="JAD154" s="31"/>
      <c r="JAE154" s="31"/>
      <c r="JAF154" s="31"/>
      <c r="JAG154" s="31"/>
      <c r="JAH154" s="31"/>
      <c r="JAI154" s="31"/>
      <c r="JAJ154" s="31"/>
      <c r="JAK154" s="31"/>
      <c r="JAL154" s="31"/>
      <c r="JAM154" s="31"/>
      <c r="JAN154" s="31"/>
      <c r="JAO154" s="31"/>
      <c r="JAP154" s="31"/>
      <c r="JAQ154" s="31"/>
      <c r="JAR154" s="31"/>
      <c r="JAS154" s="31"/>
      <c r="JAT154" s="31"/>
      <c r="JAU154" s="31"/>
      <c r="JAV154" s="31"/>
      <c r="JAW154" s="31"/>
      <c r="JAX154" s="31"/>
      <c r="JAY154" s="31"/>
      <c r="JAZ154" s="31"/>
      <c r="JBA154" s="31"/>
      <c r="JBB154" s="31"/>
      <c r="JBC154" s="31"/>
      <c r="JBD154" s="31"/>
      <c r="JBE154" s="31"/>
      <c r="JBF154" s="31"/>
      <c r="JBG154" s="31"/>
      <c r="JBH154" s="31"/>
      <c r="JBI154" s="31"/>
      <c r="JBJ154" s="31"/>
      <c r="JBK154" s="31"/>
      <c r="JBL154" s="31"/>
      <c r="JBM154" s="31"/>
      <c r="JBN154" s="31"/>
      <c r="JBO154" s="31"/>
      <c r="JBP154" s="31"/>
      <c r="JBQ154" s="31"/>
      <c r="JBR154" s="31"/>
      <c r="JBS154" s="31"/>
      <c r="JBT154" s="31"/>
      <c r="JBU154" s="31"/>
      <c r="JBV154" s="31"/>
      <c r="JBW154" s="31"/>
      <c r="JBX154" s="31"/>
      <c r="JBY154" s="31"/>
      <c r="JBZ154" s="31"/>
      <c r="JCA154" s="31"/>
      <c r="JCB154" s="31"/>
      <c r="JCC154" s="31"/>
      <c r="JCD154" s="31"/>
      <c r="JCE154" s="31"/>
      <c r="JCF154" s="31"/>
      <c r="JCG154" s="31"/>
      <c r="JCH154" s="31"/>
      <c r="JCI154" s="31"/>
      <c r="JCJ154" s="31"/>
      <c r="JCK154" s="31"/>
      <c r="JCL154" s="31"/>
      <c r="JCM154" s="31"/>
      <c r="JCN154" s="31"/>
      <c r="JCO154" s="31"/>
      <c r="JCP154" s="31"/>
      <c r="JCQ154" s="31"/>
      <c r="JCR154" s="31"/>
      <c r="JCS154" s="31"/>
      <c r="JCT154" s="31"/>
      <c r="JCU154" s="31"/>
      <c r="JCV154" s="31"/>
      <c r="JCW154" s="31"/>
      <c r="JCX154" s="31"/>
      <c r="JCY154" s="31"/>
      <c r="JCZ154" s="31"/>
      <c r="JDA154" s="31"/>
      <c r="JDB154" s="31"/>
      <c r="JDC154" s="31"/>
      <c r="JDD154" s="31"/>
      <c r="JDE154" s="31"/>
      <c r="JDF154" s="31"/>
      <c r="JDG154" s="31"/>
      <c r="JDH154" s="31"/>
      <c r="JDI154" s="31"/>
      <c r="JDJ154" s="31"/>
      <c r="JDK154" s="31"/>
      <c r="JDL154" s="31"/>
      <c r="JDM154" s="31"/>
      <c r="JDN154" s="31"/>
      <c r="JDO154" s="31"/>
      <c r="JDP154" s="31"/>
      <c r="JDQ154" s="31"/>
      <c r="JDR154" s="31"/>
      <c r="JDS154" s="31"/>
      <c r="JDT154" s="31"/>
      <c r="JDU154" s="31"/>
      <c r="JDV154" s="31"/>
      <c r="JDW154" s="31"/>
      <c r="JDX154" s="31"/>
      <c r="JDY154" s="31"/>
      <c r="JDZ154" s="31"/>
      <c r="JEA154" s="31"/>
      <c r="JEB154" s="31"/>
      <c r="JEC154" s="31"/>
      <c r="JED154" s="31"/>
      <c r="JEE154" s="31"/>
      <c r="JEF154" s="31"/>
      <c r="JEG154" s="31"/>
      <c r="JEH154" s="31"/>
      <c r="JEI154" s="31"/>
      <c r="JEJ154" s="31"/>
      <c r="JEK154" s="31"/>
      <c r="JEL154" s="31"/>
      <c r="JEM154" s="31"/>
      <c r="JEN154" s="31"/>
      <c r="JEO154" s="31"/>
      <c r="JEP154" s="31"/>
      <c r="JEQ154" s="31"/>
      <c r="JER154" s="31"/>
      <c r="JES154" s="31"/>
      <c r="JET154" s="31"/>
      <c r="JEU154" s="31"/>
      <c r="JEV154" s="31"/>
      <c r="JEW154" s="31"/>
      <c r="JEX154" s="31"/>
      <c r="JEY154" s="31"/>
      <c r="JEZ154" s="31"/>
      <c r="JFA154" s="31"/>
      <c r="JFB154" s="31"/>
      <c r="JFC154" s="31"/>
      <c r="JFD154" s="31"/>
      <c r="JFE154" s="31"/>
      <c r="JFF154" s="31"/>
      <c r="JFG154" s="31"/>
      <c r="JFH154" s="31"/>
      <c r="JFI154" s="31"/>
      <c r="JFJ154" s="31"/>
      <c r="JFK154" s="31"/>
      <c r="JFL154" s="31"/>
      <c r="JFM154" s="31"/>
      <c r="JFN154" s="31"/>
      <c r="JFO154" s="31"/>
      <c r="JFP154" s="31"/>
      <c r="JFQ154" s="31"/>
      <c r="JFR154" s="31"/>
      <c r="JFS154" s="31"/>
      <c r="JFT154" s="31"/>
      <c r="JFU154" s="31"/>
      <c r="JFV154" s="31"/>
      <c r="JFW154" s="31"/>
      <c r="JFX154" s="31"/>
      <c r="JFY154" s="31"/>
      <c r="JFZ154" s="31"/>
      <c r="JGA154" s="31"/>
      <c r="JGB154" s="31"/>
      <c r="JGC154" s="31"/>
      <c r="JGD154" s="31"/>
      <c r="JGE154" s="31"/>
      <c r="JGF154" s="31"/>
      <c r="JGG154" s="31"/>
      <c r="JGH154" s="31"/>
      <c r="JGI154" s="31"/>
      <c r="JGJ154" s="31"/>
      <c r="JGK154" s="31"/>
      <c r="JGL154" s="31"/>
      <c r="JGM154" s="31"/>
      <c r="JGN154" s="31"/>
      <c r="JGO154" s="31"/>
      <c r="JGP154" s="31"/>
      <c r="JGQ154" s="31"/>
      <c r="JGR154" s="31"/>
      <c r="JGS154" s="31"/>
      <c r="JGT154" s="31"/>
      <c r="JGU154" s="31"/>
      <c r="JGV154" s="31"/>
      <c r="JGW154" s="31"/>
      <c r="JGX154" s="31"/>
      <c r="JGY154" s="31"/>
      <c r="JGZ154" s="31"/>
      <c r="JHA154" s="31"/>
      <c r="JHB154" s="31"/>
      <c r="JHC154" s="31"/>
      <c r="JHD154" s="31"/>
      <c r="JHE154" s="31"/>
      <c r="JHF154" s="31"/>
      <c r="JHG154" s="31"/>
      <c r="JHH154" s="31"/>
      <c r="JHI154" s="31"/>
      <c r="JHJ154" s="31"/>
      <c r="JHK154" s="31"/>
      <c r="JHL154" s="31"/>
      <c r="JHM154" s="31"/>
      <c r="JHN154" s="31"/>
      <c r="JHO154" s="31"/>
      <c r="JHP154" s="31"/>
      <c r="JHQ154" s="31"/>
      <c r="JHR154" s="31"/>
      <c r="JHS154" s="31"/>
      <c r="JHT154" s="31"/>
      <c r="JHU154" s="31"/>
      <c r="JHV154" s="31"/>
      <c r="JHW154" s="31"/>
      <c r="JHX154" s="31"/>
      <c r="JHY154" s="31"/>
      <c r="JHZ154" s="31"/>
      <c r="JIA154" s="31"/>
      <c r="JIB154" s="31"/>
      <c r="JIC154" s="31"/>
      <c r="JID154" s="31"/>
      <c r="JIE154" s="31"/>
      <c r="JIF154" s="31"/>
      <c r="JIG154" s="31"/>
      <c r="JIH154" s="31"/>
      <c r="JII154" s="31"/>
      <c r="JIJ154" s="31"/>
      <c r="JIK154" s="31"/>
      <c r="JIL154" s="31"/>
      <c r="JIM154" s="31"/>
      <c r="JIN154" s="31"/>
      <c r="JIO154" s="31"/>
      <c r="JIP154" s="31"/>
      <c r="JIQ154" s="31"/>
      <c r="JIR154" s="31"/>
      <c r="JIS154" s="31"/>
      <c r="JIT154" s="31"/>
      <c r="JIU154" s="31"/>
      <c r="JIV154" s="31"/>
      <c r="JIW154" s="31"/>
      <c r="JIX154" s="31"/>
      <c r="JIY154" s="31"/>
      <c r="JIZ154" s="31"/>
      <c r="JJA154" s="31"/>
      <c r="JJB154" s="31"/>
      <c r="JJC154" s="31"/>
      <c r="JJD154" s="31"/>
      <c r="JJE154" s="31"/>
      <c r="JJF154" s="31"/>
      <c r="JJG154" s="31"/>
      <c r="JJH154" s="31"/>
      <c r="JJI154" s="31"/>
      <c r="JJJ154" s="31"/>
      <c r="JJK154" s="31"/>
      <c r="JJL154" s="31"/>
      <c r="JJM154" s="31"/>
      <c r="JJN154" s="31"/>
      <c r="JJO154" s="31"/>
      <c r="JJP154" s="31"/>
      <c r="JJQ154" s="31"/>
      <c r="JJR154" s="31"/>
      <c r="JJS154" s="31"/>
      <c r="JJT154" s="31"/>
      <c r="JJU154" s="31"/>
      <c r="JJV154" s="31"/>
      <c r="JJW154" s="31"/>
      <c r="JJX154" s="31"/>
      <c r="JJY154" s="31"/>
      <c r="JJZ154" s="31"/>
      <c r="JKA154" s="31"/>
      <c r="JKB154" s="31"/>
      <c r="JKC154" s="31"/>
      <c r="JKD154" s="31"/>
      <c r="JKE154" s="31"/>
      <c r="JKF154" s="31"/>
      <c r="JKG154" s="31"/>
      <c r="JKH154" s="31"/>
      <c r="JKI154" s="31"/>
      <c r="JKJ154" s="31"/>
      <c r="JKK154" s="31"/>
      <c r="JKL154" s="31"/>
      <c r="JKM154" s="31"/>
      <c r="JKN154" s="31"/>
      <c r="JKO154" s="31"/>
      <c r="JKP154" s="31"/>
      <c r="JKQ154" s="31"/>
      <c r="JKR154" s="31"/>
      <c r="JKS154" s="31"/>
      <c r="JKT154" s="31"/>
      <c r="JKU154" s="31"/>
      <c r="JKV154" s="31"/>
      <c r="JKW154" s="31"/>
      <c r="JKX154" s="31"/>
      <c r="JKY154" s="31"/>
      <c r="JKZ154" s="31"/>
      <c r="JLA154" s="31"/>
      <c r="JLB154" s="31"/>
      <c r="JLC154" s="31"/>
      <c r="JLD154" s="31"/>
      <c r="JLE154" s="31"/>
      <c r="JLF154" s="31"/>
      <c r="JLG154" s="31"/>
      <c r="JLH154" s="31"/>
      <c r="JLI154" s="31"/>
      <c r="JLJ154" s="31"/>
      <c r="JLK154" s="31"/>
      <c r="JLL154" s="31"/>
      <c r="JLM154" s="31"/>
      <c r="JLN154" s="31"/>
      <c r="JLO154" s="31"/>
      <c r="JLP154" s="31"/>
      <c r="JLQ154" s="31"/>
      <c r="JLR154" s="31"/>
      <c r="JLS154" s="31"/>
      <c r="JLT154" s="31"/>
      <c r="JLU154" s="31"/>
      <c r="JLV154" s="31"/>
      <c r="JLW154" s="31"/>
      <c r="JLX154" s="31"/>
      <c r="JLY154" s="31"/>
      <c r="JLZ154" s="31"/>
      <c r="JMA154" s="31"/>
      <c r="JMB154" s="31"/>
      <c r="JMC154" s="31"/>
      <c r="JMD154" s="31"/>
      <c r="JME154" s="31"/>
      <c r="JMF154" s="31"/>
      <c r="JMG154" s="31"/>
      <c r="JMH154" s="31"/>
      <c r="JMI154" s="31"/>
      <c r="JMJ154" s="31"/>
      <c r="JMK154" s="31"/>
      <c r="JML154" s="31"/>
      <c r="JMM154" s="31"/>
      <c r="JMN154" s="31"/>
      <c r="JMO154" s="31"/>
      <c r="JMP154" s="31"/>
      <c r="JMQ154" s="31"/>
      <c r="JMR154" s="31"/>
      <c r="JMS154" s="31"/>
      <c r="JMT154" s="31"/>
      <c r="JMU154" s="31"/>
      <c r="JMV154" s="31"/>
      <c r="JMW154" s="31"/>
      <c r="JMX154" s="31"/>
      <c r="JMY154" s="31"/>
      <c r="JMZ154" s="31"/>
      <c r="JNA154" s="31"/>
      <c r="JNB154" s="31"/>
      <c r="JNC154" s="31"/>
      <c r="JND154" s="31"/>
      <c r="JNE154" s="31"/>
      <c r="JNF154" s="31"/>
      <c r="JNG154" s="31"/>
      <c r="JNH154" s="31"/>
      <c r="JNI154" s="31"/>
      <c r="JNJ154" s="31"/>
      <c r="JNK154" s="31"/>
      <c r="JNL154" s="31"/>
      <c r="JNM154" s="31"/>
      <c r="JNN154" s="31"/>
      <c r="JNO154" s="31"/>
      <c r="JNP154" s="31"/>
      <c r="JNQ154" s="31"/>
      <c r="JNR154" s="31"/>
      <c r="JNS154" s="31"/>
      <c r="JNT154" s="31"/>
      <c r="JNU154" s="31"/>
      <c r="JNV154" s="31"/>
      <c r="JNW154" s="31"/>
      <c r="JNX154" s="31"/>
      <c r="JNY154" s="31"/>
      <c r="JNZ154" s="31"/>
      <c r="JOA154" s="31"/>
      <c r="JOB154" s="31"/>
      <c r="JOC154" s="31"/>
      <c r="JOD154" s="31"/>
      <c r="JOE154" s="31"/>
      <c r="JOF154" s="31"/>
      <c r="JOG154" s="31"/>
      <c r="JOH154" s="31"/>
      <c r="JOI154" s="31"/>
      <c r="JOJ154" s="31"/>
      <c r="JOK154" s="31"/>
      <c r="JOL154" s="31"/>
      <c r="JOM154" s="31"/>
      <c r="JON154" s="31"/>
      <c r="JOO154" s="31"/>
      <c r="JOP154" s="31"/>
      <c r="JOQ154" s="31"/>
      <c r="JOR154" s="31"/>
      <c r="JOS154" s="31"/>
      <c r="JOT154" s="31"/>
      <c r="JOU154" s="31"/>
      <c r="JOV154" s="31"/>
      <c r="JOW154" s="31"/>
      <c r="JOX154" s="31"/>
      <c r="JOY154" s="31"/>
      <c r="JOZ154" s="31"/>
      <c r="JPA154" s="31"/>
      <c r="JPB154" s="31"/>
      <c r="JPC154" s="31"/>
      <c r="JPD154" s="31"/>
      <c r="JPE154" s="31"/>
      <c r="JPF154" s="31"/>
      <c r="JPG154" s="31"/>
      <c r="JPH154" s="31"/>
      <c r="JPI154" s="31"/>
      <c r="JPJ154" s="31"/>
      <c r="JPK154" s="31"/>
      <c r="JPL154" s="31"/>
      <c r="JPM154" s="31"/>
      <c r="JPN154" s="31"/>
      <c r="JPO154" s="31"/>
      <c r="JPP154" s="31"/>
      <c r="JPQ154" s="31"/>
      <c r="JPR154" s="31"/>
      <c r="JPS154" s="31"/>
      <c r="JPT154" s="31"/>
      <c r="JPU154" s="31"/>
      <c r="JPV154" s="31"/>
      <c r="JPW154" s="31"/>
      <c r="JPX154" s="31"/>
      <c r="JPY154" s="31"/>
      <c r="JPZ154" s="31"/>
      <c r="JQA154" s="31"/>
      <c r="JQB154" s="31"/>
      <c r="JQC154" s="31"/>
      <c r="JQD154" s="31"/>
      <c r="JQE154" s="31"/>
      <c r="JQF154" s="31"/>
      <c r="JQG154" s="31"/>
      <c r="JQH154" s="31"/>
      <c r="JQI154" s="31"/>
      <c r="JQJ154" s="31"/>
      <c r="JQK154" s="31"/>
      <c r="JQL154" s="31"/>
      <c r="JQM154" s="31"/>
      <c r="JQN154" s="31"/>
      <c r="JQO154" s="31"/>
      <c r="JQP154" s="31"/>
      <c r="JQQ154" s="31"/>
      <c r="JQR154" s="31"/>
      <c r="JQS154" s="31"/>
      <c r="JQT154" s="31"/>
      <c r="JQU154" s="31"/>
      <c r="JQV154" s="31"/>
      <c r="JQW154" s="31"/>
      <c r="JQX154" s="31"/>
      <c r="JQY154" s="31"/>
      <c r="JQZ154" s="31"/>
      <c r="JRA154" s="31"/>
      <c r="JRB154" s="31"/>
      <c r="JRC154" s="31"/>
      <c r="JRD154" s="31"/>
      <c r="JRE154" s="31"/>
      <c r="JRF154" s="31"/>
      <c r="JRG154" s="31"/>
      <c r="JRH154" s="31"/>
      <c r="JRI154" s="31"/>
      <c r="JRJ154" s="31"/>
      <c r="JRK154" s="31"/>
      <c r="JRL154" s="31"/>
      <c r="JRM154" s="31"/>
      <c r="JRN154" s="31"/>
      <c r="JRO154" s="31"/>
      <c r="JRP154" s="31"/>
      <c r="JRQ154" s="31"/>
      <c r="JRR154" s="31"/>
      <c r="JRS154" s="31"/>
      <c r="JRT154" s="31"/>
      <c r="JRU154" s="31"/>
      <c r="JRV154" s="31"/>
      <c r="JRW154" s="31"/>
      <c r="JRX154" s="31"/>
      <c r="JRY154" s="31"/>
      <c r="JRZ154" s="31"/>
      <c r="JSA154" s="31"/>
      <c r="JSB154" s="31"/>
      <c r="JSC154" s="31"/>
      <c r="JSD154" s="31"/>
      <c r="JSE154" s="31"/>
      <c r="JSF154" s="31"/>
      <c r="JSG154" s="31"/>
      <c r="JSH154" s="31"/>
      <c r="JSI154" s="31"/>
      <c r="JSJ154" s="31"/>
      <c r="JSK154" s="31"/>
      <c r="JSL154" s="31"/>
      <c r="JSM154" s="31"/>
      <c r="JSN154" s="31"/>
      <c r="JSO154" s="31"/>
      <c r="JSP154" s="31"/>
      <c r="JSQ154" s="31"/>
      <c r="JSR154" s="31"/>
      <c r="JSS154" s="31"/>
      <c r="JST154" s="31"/>
      <c r="JSU154" s="31"/>
      <c r="JSV154" s="31"/>
      <c r="JSW154" s="31"/>
      <c r="JSX154" s="31"/>
      <c r="JSY154" s="31"/>
      <c r="JSZ154" s="31"/>
      <c r="JTA154" s="31"/>
      <c r="JTB154" s="31"/>
      <c r="JTC154" s="31"/>
      <c r="JTD154" s="31"/>
      <c r="JTE154" s="31"/>
      <c r="JTF154" s="31"/>
      <c r="JTG154" s="31"/>
      <c r="JTH154" s="31"/>
      <c r="JTI154" s="31"/>
      <c r="JTJ154" s="31"/>
      <c r="JTK154" s="31"/>
      <c r="JTL154" s="31"/>
      <c r="JTM154" s="31"/>
      <c r="JTN154" s="31"/>
      <c r="JTO154" s="31"/>
      <c r="JTP154" s="31"/>
      <c r="JTQ154" s="31"/>
      <c r="JTR154" s="31"/>
      <c r="JTS154" s="31"/>
      <c r="JTT154" s="31"/>
      <c r="JTU154" s="31"/>
      <c r="JTV154" s="31"/>
      <c r="JTW154" s="31"/>
      <c r="JTX154" s="31"/>
      <c r="JTY154" s="31"/>
      <c r="JTZ154" s="31"/>
      <c r="JUA154" s="31"/>
      <c r="JUB154" s="31"/>
      <c r="JUC154" s="31"/>
      <c r="JUD154" s="31"/>
      <c r="JUE154" s="31"/>
      <c r="JUF154" s="31"/>
      <c r="JUG154" s="31"/>
      <c r="JUH154" s="31"/>
      <c r="JUI154" s="31"/>
      <c r="JUJ154" s="31"/>
      <c r="JUK154" s="31"/>
      <c r="JUL154" s="31"/>
      <c r="JUM154" s="31"/>
      <c r="JUN154" s="31"/>
      <c r="JUO154" s="31"/>
      <c r="JUP154" s="31"/>
      <c r="JUQ154" s="31"/>
      <c r="JUR154" s="31"/>
      <c r="JUS154" s="31"/>
      <c r="JUT154" s="31"/>
      <c r="JUU154" s="31"/>
      <c r="JUV154" s="31"/>
      <c r="JUW154" s="31"/>
      <c r="JUX154" s="31"/>
      <c r="JUY154" s="31"/>
      <c r="JUZ154" s="31"/>
      <c r="JVA154" s="31"/>
      <c r="JVB154" s="31"/>
      <c r="JVC154" s="31"/>
      <c r="JVD154" s="31"/>
      <c r="JVE154" s="31"/>
      <c r="JVF154" s="31"/>
      <c r="JVG154" s="31"/>
      <c r="JVH154" s="31"/>
      <c r="JVI154" s="31"/>
      <c r="JVJ154" s="31"/>
      <c r="JVK154" s="31"/>
      <c r="JVL154" s="31"/>
      <c r="JVM154" s="31"/>
      <c r="JVN154" s="31"/>
      <c r="JVO154" s="31"/>
      <c r="JVP154" s="31"/>
      <c r="JVQ154" s="31"/>
      <c r="JVR154" s="31"/>
      <c r="JVS154" s="31"/>
      <c r="JVT154" s="31"/>
      <c r="JVU154" s="31"/>
      <c r="JVV154" s="31"/>
      <c r="JVW154" s="31"/>
      <c r="JVX154" s="31"/>
      <c r="JVY154" s="31"/>
      <c r="JVZ154" s="31"/>
      <c r="JWA154" s="31"/>
      <c r="JWB154" s="31"/>
      <c r="JWC154" s="31"/>
      <c r="JWD154" s="31"/>
      <c r="JWE154" s="31"/>
      <c r="JWF154" s="31"/>
      <c r="JWG154" s="31"/>
      <c r="JWH154" s="31"/>
      <c r="JWI154" s="31"/>
      <c r="JWJ154" s="31"/>
      <c r="JWK154" s="31"/>
      <c r="JWL154" s="31"/>
      <c r="JWM154" s="31"/>
      <c r="JWN154" s="31"/>
      <c r="JWO154" s="31"/>
      <c r="JWP154" s="31"/>
      <c r="JWQ154" s="31"/>
      <c r="JWR154" s="31"/>
      <c r="JWS154" s="31"/>
      <c r="JWT154" s="31"/>
      <c r="JWU154" s="31"/>
      <c r="JWV154" s="31"/>
      <c r="JWW154" s="31"/>
      <c r="JWX154" s="31"/>
      <c r="JWY154" s="31"/>
      <c r="JWZ154" s="31"/>
      <c r="JXA154" s="31"/>
      <c r="JXB154" s="31"/>
      <c r="JXC154" s="31"/>
      <c r="JXD154" s="31"/>
      <c r="JXE154" s="31"/>
      <c r="JXF154" s="31"/>
      <c r="JXG154" s="31"/>
      <c r="JXH154" s="31"/>
      <c r="JXI154" s="31"/>
      <c r="JXJ154" s="31"/>
      <c r="JXK154" s="31"/>
      <c r="JXL154" s="31"/>
      <c r="JXM154" s="31"/>
      <c r="JXN154" s="31"/>
      <c r="JXO154" s="31"/>
      <c r="JXP154" s="31"/>
      <c r="JXQ154" s="31"/>
      <c r="JXR154" s="31"/>
      <c r="JXS154" s="31"/>
      <c r="JXT154" s="31"/>
      <c r="JXU154" s="31"/>
      <c r="JXV154" s="31"/>
      <c r="JXW154" s="31"/>
      <c r="JXX154" s="31"/>
      <c r="JXY154" s="31"/>
      <c r="JXZ154" s="31"/>
      <c r="JYA154" s="31"/>
      <c r="JYB154" s="31"/>
      <c r="JYC154" s="31"/>
      <c r="JYD154" s="31"/>
      <c r="JYE154" s="31"/>
      <c r="JYF154" s="31"/>
      <c r="JYG154" s="31"/>
      <c r="JYH154" s="31"/>
      <c r="JYI154" s="31"/>
      <c r="JYJ154" s="31"/>
      <c r="JYK154" s="31"/>
      <c r="JYL154" s="31"/>
      <c r="JYM154" s="31"/>
      <c r="JYN154" s="31"/>
      <c r="JYO154" s="31"/>
      <c r="JYP154" s="31"/>
      <c r="JYQ154" s="31"/>
      <c r="JYR154" s="31"/>
      <c r="JYS154" s="31"/>
      <c r="JYT154" s="31"/>
      <c r="JYU154" s="31"/>
      <c r="JYV154" s="31"/>
      <c r="JYW154" s="31"/>
      <c r="JYX154" s="31"/>
      <c r="JYY154" s="31"/>
      <c r="JYZ154" s="31"/>
      <c r="JZA154" s="31"/>
      <c r="JZB154" s="31"/>
      <c r="JZC154" s="31"/>
      <c r="JZD154" s="31"/>
      <c r="JZE154" s="31"/>
      <c r="JZF154" s="31"/>
      <c r="JZG154" s="31"/>
      <c r="JZH154" s="31"/>
      <c r="JZI154" s="31"/>
      <c r="JZJ154" s="31"/>
      <c r="JZK154" s="31"/>
      <c r="JZL154" s="31"/>
      <c r="JZM154" s="31"/>
      <c r="JZN154" s="31"/>
      <c r="JZO154" s="31"/>
      <c r="JZP154" s="31"/>
      <c r="JZQ154" s="31"/>
      <c r="JZR154" s="31"/>
      <c r="JZS154" s="31"/>
      <c r="JZT154" s="31"/>
      <c r="JZU154" s="31"/>
      <c r="JZV154" s="31"/>
      <c r="JZW154" s="31"/>
      <c r="JZX154" s="31"/>
      <c r="JZY154" s="31"/>
      <c r="JZZ154" s="31"/>
      <c r="KAA154" s="31"/>
      <c r="KAB154" s="31"/>
      <c r="KAC154" s="31"/>
      <c r="KAD154" s="31"/>
      <c r="KAE154" s="31"/>
      <c r="KAF154" s="31"/>
      <c r="KAG154" s="31"/>
      <c r="KAH154" s="31"/>
      <c r="KAI154" s="31"/>
      <c r="KAJ154" s="31"/>
      <c r="KAK154" s="31"/>
      <c r="KAL154" s="31"/>
      <c r="KAM154" s="31"/>
      <c r="KAN154" s="31"/>
      <c r="KAO154" s="31"/>
      <c r="KAP154" s="31"/>
      <c r="KAQ154" s="31"/>
      <c r="KAR154" s="31"/>
      <c r="KAS154" s="31"/>
      <c r="KAT154" s="31"/>
      <c r="KAU154" s="31"/>
      <c r="KAV154" s="31"/>
      <c r="KAW154" s="31"/>
      <c r="KAX154" s="31"/>
      <c r="KAY154" s="31"/>
      <c r="KAZ154" s="31"/>
      <c r="KBA154" s="31"/>
      <c r="KBB154" s="31"/>
      <c r="KBC154" s="31"/>
      <c r="KBD154" s="31"/>
      <c r="KBE154" s="31"/>
      <c r="KBF154" s="31"/>
      <c r="KBG154" s="31"/>
      <c r="KBH154" s="31"/>
      <c r="KBI154" s="31"/>
      <c r="KBJ154" s="31"/>
      <c r="KBK154" s="31"/>
      <c r="KBL154" s="31"/>
      <c r="KBM154" s="31"/>
      <c r="KBN154" s="31"/>
      <c r="KBO154" s="31"/>
      <c r="KBP154" s="31"/>
      <c r="KBQ154" s="31"/>
      <c r="KBR154" s="31"/>
      <c r="KBS154" s="31"/>
      <c r="KBT154" s="31"/>
      <c r="KBU154" s="31"/>
      <c r="KBV154" s="31"/>
      <c r="KBW154" s="31"/>
      <c r="KBX154" s="31"/>
      <c r="KBY154" s="31"/>
      <c r="KBZ154" s="31"/>
      <c r="KCA154" s="31"/>
      <c r="KCB154" s="31"/>
      <c r="KCC154" s="31"/>
      <c r="KCD154" s="31"/>
      <c r="KCE154" s="31"/>
      <c r="KCF154" s="31"/>
      <c r="KCG154" s="31"/>
      <c r="KCH154" s="31"/>
      <c r="KCI154" s="31"/>
      <c r="KCJ154" s="31"/>
      <c r="KCK154" s="31"/>
      <c r="KCL154" s="31"/>
      <c r="KCM154" s="31"/>
      <c r="KCN154" s="31"/>
      <c r="KCO154" s="31"/>
      <c r="KCP154" s="31"/>
      <c r="KCQ154" s="31"/>
      <c r="KCR154" s="31"/>
      <c r="KCS154" s="31"/>
      <c r="KCT154" s="31"/>
      <c r="KCU154" s="31"/>
      <c r="KCV154" s="31"/>
      <c r="KCW154" s="31"/>
      <c r="KCX154" s="31"/>
      <c r="KCY154" s="31"/>
      <c r="KCZ154" s="31"/>
      <c r="KDA154" s="31"/>
      <c r="KDB154" s="31"/>
      <c r="KDC154" s="31"/>
      <c r="KDD154" s="31"/>
      <c r="KDE154" s="31"/>
      <c r="KDF154" s="31"/>
      <c r="KDG154" s="31"/>
      <c r="KDH154" s="31"/>
      <c r="KDI154" s="31"/>
      <c r="KDJ154" s="31"/>
      <c r="KDK154" s="31"/>
      <c r="KDL154" s="31"/>
      <c r="KDM154" s="31"/>
      <c r="KDN154" s="31"/>
      <c r="KDO154" s="31"/>
      <c r="KDP154" s="31"/>
      <c r="KDQ154" s="31"/>
      <c r="KDR154" s="31"/>
      <c r="KDS154" s="31"/>
      <c r="KDT154" s="31"/>
      <c r="KDU154" s="31"/>
      <c r="KDV154" s="31"/>
      <c r="KDW154" s="31"/>
      <c r="KDX154" s="31"/>
      <c r="KDY154" s="31"/>
      <c r="KDZ154" s="31"/>
      <c r="KEA154" s="31"/>
      <c r="KEB154" s="31"/>
      <c r="KEC154" s="31"/>
      <c r="KED154" s="31"/>
      <c r="KEE154" s="31"/>
      <c r="KEF154" s="31"/>
      <c r="KEG154" s="31"/>
      <c r="KEH154" s="31"/>
      <c r="KEI154" s="31"/>
      <c r="KEJ154" s="31"/>
      <c r="KEK154" s="31"/>
      <c r="KEL154" s="31"/>
      <c r="KEM154" s="31"/>
      <c r="KEN154" s="31"/>
      <c r="KEO154" s="31"/>
      <c r="KEP154" s="31"/>
      <c r="KEQ154" s="31"/>
      <c r="KER154" s="31"/>
      <c r="KES154" s="31"/>
      <c r="KET154" s="31"/>
      <c r="KEU154" s="31"/>
      <c r="KEV154" s="31"/>
      <c r="KEW154" s="31"/>
      <c r="KEX154" s="31"/>
      <c r="KEY154" s="31"/>
      <c r="KEZ154" s="31"/>
      <c r="KFA154" s="31"/>
      <c r="KFB154" s="31"/>
      <c r="KFC154" s="31"/>
      <c r="KFD154" s="31"/>
      <c r="KFE154" s="31"/>
      <c r="KFF154" s="31"/>
      <c r="KFG154" s="31"/>
      <c r="KFH154" s="31"/>
      <c r="KFI154" s="31"/>
      <c r="KFJ154" s="31"/>
      <c r="KFK154" s="31"/>
      <c r="KFL154" s="31"/>
      <c r="KFM154" s="31"/>
      <c r="KFN154" s="31"/>
      <c r="KFO154" s="31"/>
      <c r="KFP154" s="31"/>
      <c r="KFQ154" s="31"/>
      <c r="KFR154" s="31"/>
      <c r="KFS154" s="31"/>
      <c r="KFT154" s="31"/>
      <c r="KFU154" s="31"/>
      <c r="KFV154" s="31"/>
      <c r="KFW154" s="31"/>
      <c r="KFX154" s="31"/>
      <c r="KFY154" s="31"/>
      <c r="KFZ154" s="31"/>
      <c r="KGA154" s="31"/>
      <c r="KGB154" s="31"/>
      <c r="KGC154" s="31"/>
      <c r="KGD154" s="31"/>
      <c r="KGE154" s="31"/>
      <c r="KGF154" s="31"/>
      <c r="KGG154" s="31"/>
      <c r="KGH154" s="31"/>
      <c r="KGI154" s="31"/>
      <c r="KGJ154" s="31"/>
      <c r="KGK154" s="31"/>
      <c r="KGL154" s="31"/>
      <c r="KGM154" s="31"/>
      <c r="KGN154" s="31"/>
      <c r="KGO154" s="31"/>
      <c r="KGP154" s="31"/>
      <c r="KGQ154" s="31"/>
      <c r="KGR154" s="31"/>
      <c r="KGS154" s="31"/>
      <c r="KGT154" s="31"/>
      <c r="KGU154" s="31"/>
      <c r="KGV154" s="31"/>
      <c r="KGW154" s="31"/>
      <c r="KGX154" s="31"/>
      <c r="KGY154" s="31"/>
      <c r="KGZ154" s="31"/>
      <c r="KHA154" s="31"/>
      <c r="KHB154" s="31"/>
      <c r="KHC154" s="31"/>
      <c r="KHD154" s="31"/>
      <c r="KHE154" s="31"/>
      <c r="KHF154" s="31"/>
      <c r="KHG154" s="31"/>
      <c r="KHH154" s="31"/>
      <c r="KHI154" s="31"/>
      <c r="KHJ154" s="31"/>
      <c r="KHK154" s="31"/>
      <c r="KHL154" s="31"/>
      <c r="KHM154" s="31"/>
      <c r="KHN154" s="31"/>
      <c r="KHO154" s="31"/>
      <c r="KHP154" s="31"/>
      <c r="KHQ154" s="31"/>
      <c r="KHR154" s="31"/>
      <c r="KHS154" s="31"/>
      <c r="KHT154" s="31"/>
      <c r="KHU154" s="31"/>
      <c r="KHV154" s="31"/>
      <c r="KHW154" s="31"/>
      <c r="KHX154" s="31"/>
      <c r="KHY154" s="31"/>
      <c r="KHZ154" s="31"/>
      <c r="KIA154" s="31"/>
      <c r="KIB154" s="31"/>
      <c r="KIC154" s="31"/>
      <c r="KID154" s="31"/>
      <c r="KIE154" s="31"/>
      <c r="KIF154" s="31"/>
      <c r="KIG154" s="31"/>
      <c r="KIH154" s="31"/>
      <c r="KII154" s="31"/>
      <c r="KIJ154" s="31"/>
      <c r="KIK154" s="31"/>
      <c r="KIL154" s="31"/>
      <c r="KIM154" s="31"/>
      <c r="KIN154" s="31"/>
      <c r="KIO154" s="31"/>
      <c r="KIP154" s="31"/>
      <c r="KIQ154" s="31"/>
      <c r="KIR154" s="31"/>
      <c r="KIS154" s="31"/>
      <c r="KIT154" s="31"/>
      <c r="KIU154" s="31"/>
      <c r="KIV154" s="31"/>
      <c r="KIW154" s="31"/>
      <c r="KIX154" s="31"/>
      <c r="KIY154" s="31"/>
      <c r="KIZ154" s="31"/>
      <c r="KJA154" s="31"/>
      <c r="KJB154" s="31"/>
      <c r="KJC154" s="31"/>
      <c r="KJD154" s="31"/>
      <c r="KJE154" s="31"/>
      <c r="KJF154" s="31"/>
      <c r="KJG154" s="31"/>
      <c r="KJH154" s="31"/>
      <c r="KJI154" s="31"/>
      <c r="KJJ154" s="31"/>
      <c r="KJK154" s="31"/>
      <c r="KJL154" s="31"/>
      <c r="KJM154" s="31"/>
      <c r="KJN154" s="31"/>
      <c r="KJO154" s="31"/>
      <c r="KJP154" s="31"/>
      <c r="KJQ154" s="31"/>
      <c r="KJR154" s="31"/>
      <c r="KJS154" s="31"/>
      <c r="KJT154" s="31"/>
      <c r="KJU154" s="31"/>
      <c r="KJV154" s="31"/>
      <c r="KJW154" s="31"/>
      <c r="KJX154" s="31"/>
      <c r="KJY154" s="31"/>
      <c r="KJZ154" s="31"/>
      <c r="KKA154" s="31"/>
      <c r="KKB154" s="31"/>
      <c r="KKC154" s="31"/>
      <c r="KKD154" s="31"/>
      <c r="KKE154" s="31"/>
      <c r="KKF154" s="31"/>
      <c r="KKG154" s="31"/>
      <c r="KKH154" s="31"/>
      <c r="KKI154" s="31"/>
      <c r="KKJ154" s="31"/>
      <c r="KKK154" s="31"/>
      <c r="KKL154" s="31"/>
      <c r="KKM154" s="31"/>
      <c r="KKN154" s="31"/>
      <c r="KKO154" s="31"/>
      <c r="KKP154" s="31"/>
      <c r="KKQ154" s="31"/>
      <c r="KKR154" s="31"/>
      <c r="KKS154" s="31"/>
      <c r="KKT154" s="31"/>
      <c r="KKU154" s="31"/>
      <c r="KKV154" s="31"/>
      <c r="KKW154" s="31"/>
      <c r="KKX154" s="31"/>
      <c r="KKY154" s="31"/>
      <c r="KKZ154" s="31"/>
      <c r="KLA154" s="31"/>
      <c r="KLB154" s="31"/>
      <c r="KLC154" s="31"/>
      <c r="KLD154" s="31"/>
      <c r="KLE154" s="31"/>
      <c r="KLF154" s="31"/>
      <c r="KLG154" s="31"/>
      <c r="KLH154" s="31"/>
      <c r="KLI154" s="31"/>
      <c r="KLJ154" s="31"/>
      <c r="KLK154" s="31"/>
      <c r="KLL154" s="31"/>
      <c r="KLM154" s="31"/>
      <c r="KLN154" s="31"/>
      <c r="KLO154" s="31"/>
      <c r="KLP154" s="31"/>
      <c r="KLQ154" s="31"/>
      <c r="KLR154" s="31"/>
      <c r="KLS154" s="31"/>
      <c r="KLT154" s="31"/>
      <c r="KLU154" s="31"/>
      <c r="KLV154" s="31"/>
      <c r="KLW154" s="31"/>
      <c r="KLX154" s="31"/>
      <c r="KLY154" s="31"/>
      <c r="KLZ154" s="31"/>
      <c r="KMA154" s="31"/>
      <c r="KMB154" s="31"/>
      <c r="KMC154" s="31"/>
      <c r="KMD154" s="31"/>
      <c r="KME154" s="31"/>
      <c r="KMF154" s="31"/>
      <c r="KMG154" s="31"/>
      <c r="KMH154" s="31"/>
      <c r="KMI154" s="31"/>
      <c r="KMJ154" s="31"/>
      <c r="KMK154" s="31"/>
      <c r="KML154" s="31"/>
      <c r="KMM154" s="31"/>
      <c r="KMN154" s="31"/>
      <c r="KMO154" s="31"/>
      <c r="KMP154" s="31"/>
      <c r="KMQ154" s="31"/>
      <c r="KMR154" s="31"/>
      <c r="KMS154" s="31"/>
      <c r="KMT154" s="31"/>
      <c r="KMU154" s="31"/>
      <c r="KMV154" s="31"/>
      <c r="KMW154" s="31"/>
      <c r="KMX154" s="31"/>
      <c r="KMY154" s="31"/>
      <c r="KMZ154" s="31"/>
      <c r="KNA154" s="31"/>
      <c r="KNB154" s="31"/>
      <c r="KNC154" s="31"/>
      <c r="KND154" s="31"/>
      <c r="KNE154" s="31"/>
      <c r="KNF154" s="31"/>
      <c r="KNG154" s="31"/>
      <c r="KNH154" s="31"/>
      <c r="KNI154" s="31"/>
      <c r="KNJ154" s="31"/>
      <c r="KNK154" s="31"/>
      <c r="KNL154" s="31"/>
      <c r="KNM154" s="31"/>
      <c r="KNN154" s="31"/>
      <c r="KNO154" s="31"/>
      <c r="KNP154" s="31"/>
      <c r="KNQ154" s="31"/>
      <c r="KNR154" s="31"/>
      <c r="KNS154" s="31"/>
      <c r="KNT154" s="31"/>
      <c r="KNU154" s="31"/>
      <c r="KNV154" s="31"/>
      <c r="KNW154" s="31"/>
      <c r="KNX154" s="31"/>
      <c r="KNY154" s="31"/>
      <c r="KNZ154" s="31"/>
      <c r="KOA154" s="31"/>
      <c r="KOB154" s="31"/>
      <c r="KOC154" s="31"/>
      <c r="KOD154" s="31"/>
      <c r="KOE154" s="31"/>
      <c r="KOF154" s="31"/>
      <c r="KOG154" s="31"/>
      <c r="KOH154" s="31"/>
      <c r="KOI154" s="31"/>
      <c r="KOJ154" s="31"/>
      <c r="KOK154" s="31"/>
      <c r="KOL154" s="31"/>
      <c r="KOM154" s="31"/>
      <c r="KON154" s="31"/>
      <c r="KOO154" s="31"/>
      <c r="KOP154" s="31"/>
      <c r="KOQ154" s="31"/>
      <c r="KOR154" s="31"/>
      <c r="KOS154" s="31"/>
      <c r="KOT154" s="31"/>
      <c r="KOU154" s="31"/>
      <c r="KOV154" s="31"/>
      <c r="KOW154" s="31"/>
      <c r="KOX154" s="31"/>
      <c r="KOY154" s="31"/>
      <c r="KOZ154" s="31"/>
      <c r="KPA154" s="31"/>
      <c r="KPB154" s="31"/>
      <c r="KPC154" s="31"/>
      <c r="KPD154" s="31"/>
      <c r="KPE154" s="31"/>
      <c r="KPF154" s="31"/>
      <c r="KPG154" s="31"/>
      <c r="KPH154" s="31"/>
      <c r="KPI154" s="31"/>
      <c r="KPJ154" s="31"/>
      <c r="KPK154" s="31"/>
      <c r="KPL154" s="31"/>
      <c r="KPM154" s="31"/>
      <c r="KPN154" s="31"/>
      <c r="KPO154" s="31"/>
      <c r="KPP154" s="31"/>
      <c r="KPQ154" s="31"/>
      <c r="KPR154" s="31"/>
      <c r="KPS154" s="31"/>
      <c r="KPT154" s="31"/>
      <c r="KPU154" s="31"/>
      <c r="KPV154" s="31"/>
      <c r="KPW154" s="31"/>
      <c r="KPX154" s="31"/>
      <c r="KPY154" s="31"/>
      <c r="KPZ154" s="31"/>
      <c r="KQA154" s="31"/>
      <c r="KQB154" s="31"/>
      <c r="KQC154" s="31"/>
      <c r="KQD154" s="31"/>
      <c r="KQE154" s="31"/>
      <c r="KQF154" s="31"/>
      <c r="KQG154" s="31"/>
      <c r="KQH154" s="31"/>
      <c r="KQI154" s="31"/>
      <c r="KQJ154" s="31"/>
      <c r="KQK154" s="31"/>
      <c r="KQL154" s="31"/>
      <c r="KQM154" s="31"/>
      <c r="KQN154" s="31"/>
      <c r="KQO154" s="31"/>
      <c r="KQP154" s="31"/>
      <c r="KQQ154" s="31"/>
      <c r="KQR154" s="31"/>
      <c r="KQS154" s="31"/>
      <c r="KQT154" s="31"/>
      <c r="KQU154" s="31"/>
      <c r="KQV154" s="31"/>
      <c r="KQW154" s="31"/>
      <c r="KQX154" s="31"/>
      <c r="KQY154" s="31"/>
      <c r="KQZ154" s="31"/>
      <c r="KRA154" s="31"/>
      <c r="KRB154" s="31"/>
      <c r="KRC154" s="31"/>
      <c r="KRD154" s="31"/>
      <c r="KRE154" s="31"/>
      <c r="KRF154" s="31"/>
      <c r="KRG154" s="31"/>
      <c r="KRH154" s="31"/>
      <c r="KRI154" s="31"/>
      <c r="KRJ154" s="31"/>
      <c r="KRK154" s="31"/>
      <c r="KRL154" s="31"/>
      <c r="KRM154" s="31"/>
      <c r="KRN154" s="31"/>
      <c r="KRO154" s="31"/>
      <c r="KRP154" s="31"/>
      <c r="KRQ154" s="31"/>
      <c r="KRR154" s="31"/>
      <c r="KRS154" s="31"/>
      <c r="KRT154" s="31"/>
      <c r="KRU154" s="31"/>
      <c r="KRV154" s="31"/>
      <c r="KRW154" s="31"/>
      <c r="KRX154" s="31"/>
      <c r="KRY154" s="31"/>
      <c r="KRZ154" s="31"/>
      <c r="KSA154" s="31"/>
      <c r="KSB154" s="31"/>
      <c r="KSC154" s="31"/>
      <c r="KSD154" s="31"/>
      <c r="KSE154" s="31"/>
      <c r="KSF154" s="31"/>
      <c r="KSG154" s="31"/>
      <c r="KSH154" s="31"/>
      <c r="KSI154" s="31"/>
      <c r="KSJ154" s="31"/>
      <c r="KSK154" s="31"/>
      <c r="KSL154" s="31"/>
      <c r="KSM154" s="31"/>
      <c r="KSN154" s="31"/>
      <c r="KSO154" s="31"/>
      <c r="KSP154" s="31"/>
      <c r="KSQ154" s="31"/>
      <c r="KSR154" s="31"/>
      <c r="KSS154" s="31"/>
      <c r="KST154" s="31"/>
      <c r="KSU154" s="31"/>
      <c r="KSV154" s="31"/>
      <c r="KSW154" s="31"/>
      <c r="KSX154" s="31"/>
      <c r="KSY154" s="31"/>
      <c r="KSZ154" s="31"/>
      <c r="KTA154" s="31"/>
      <c r="KTB154" s="31"/>
      <c r="KTC154" s="31"/>
      <c r="KTD154" s="31"/>
      <c r="KTE154" s="31"/>
      <c r="KTF154" s="31"/>
      <c r="KTG154" s="31"/>
      <c r="KTH154" s="31"/>
      <c r="KTI154" s="31"/>
      <c r="KTJ154" s="31"/>
      <c r="KTK154" s="31"/>
      <c r="KTL154" s="31"/>
      <c r="KTM154" s="31"/>
      <c r="KTN154" s="31"/>
      <c r="KTO154" s="31"/>
      <c r="KTP154" s="31"/>
      <c r="KTQ154" s="31"/>
      <c r="KTR154" s="31"/>
      <c r="KTS154" s="31"/>
      <c r="KTT154" s="31"/>
      <c r="KTU154" s="31"/>
      <c r="KTV154" s="31"/>
      <c r="KTW154" s="31"/>
      <c r="KTX154" s="31"/>
      <c r="KTY154" s="31"/>
      <c r="KTZ154" s="31"/>
      <c r="KUA154" s="31"/>
      <c r="KUB154" s="31"/>
      <c r="KUC154" s="31"/>
      <c r="KUD154" s="31"/>
      <c r="KUE154" s="31"/>
      <c r="KUF154" s="31"/>
      <c r="KUG154" s="31"/>
      <c r="KUH154" s="31"/>
      <c r="KUI154" s="31"/>
      <c r="KUJ154" s="31"/>
      <c r="KUK154" s="31"/>
      <c r="KUL154" s="31"/>
      <c r="KUM154" s="31"/>
      <c r="KUN154" s="31"/>
      <c r="KUO154" s="31"/>
      <c r="KUP154" s="31"/>
      <c r="KUQ154" s="31"/>
      <c r="KUR154" s="31"/>
      <c r="KUS154" s="31"/>
      <c r="KUT154" s="31"/>
      <c r="KUU154" s="31"/>
      <c r="KUV154" s="31"/>
      <c r="KUW154" s="31"/>
      <c r="KUX154" s="31"/>
      <c r="KUY154" s="31"/>
      <c r="KUZ154" s="31"/>
      <c r="KVA154" s="31"/>
      <c r="KVB154" s="31"/>
      <c r="KVC154" s="31"/>
      <c r="KVD154" s="31"/>
      <c r="KVE154" s="31"/>
      <c r="KVF154" s="31"/>
      <c r="KVG154" s="31"/>
      <c r="KVH154" s="31"/>
      <c r="KVI154" s="31"/>
      <c r="KVJ154" s="31"/>
      <c r="KVK154" s="31"/>
      <c r="KVL154" s="31"/>
      <c r="KVM154" s="31"/>
      <c r="KVN154" s="31"/>
      <c r="KVO154" s="31"/>
      <c r="KVP154" s="31"/>
      <c r="KVQ154" s="31"/>
      <c r="KVR154" s="31"/>
      <c r="KVS154" s="31"/>
      <c r="KVT154" s="31"/>
      <c r="KVU154" s="31"/>
      <c r="KVV154" s="31"/>
      <c r="KVW154" s="31"/>
      <c r="KVX154" s="31"/>
      <c r="KVY154" s="31"/>
      <c r="KVZ154" s="31"/>
      <c r="KWA154" s="31"/>
      <c r="KWB154" s="31"/>
      <c r="KWC154" s="31"/>
      <c r="KWD154" s="31"/>
      <c r="KWE154" s="31"/>
      <c r="KWF154" s="31"/>
      <c r="KWG154" s="31"/>
      <c r="KWH154" s="31"/>
      <c r="KWI154" s="31"/>
      <c r="KWJ154" s="31"/>
      <c r="KWK154" s="31"/>
      <c r="KWL154" s="31"/>
      <c r="KWM154" s="31"/>
      <c r="KWN154" s="31"/>
      <c r="KWO154" s="31"/>
      <c r="KWP154" s="31"/>
      <c r="KWQ154" s="31"/>
      <c r="KWR154" s="31"/>
      <c r="KWS154" s="31"/>
      <c r="KWT154" s="31"/>
      <c r="KWU154" s="31"/>
      <c r="KWV154" s="31"/>
      <c r="KWW154" s="31"/>
      <c r="KWX154" s="31"/>
      <c r="KWY154" s="31"/>
      <c r="KWZ154" s="31"/>
      <c r="KXA154" s="31"/>
      <c r="KXB154" s="31"/>
      <c r="KXC154" s="31"/>
      <c r="KXD154" s="31"/>
      <c r="KXE154" s="31"/>
      <c r="KXF154" s="31"/>
      <c r="KXG154" s="31"/>
      <c r="KXH154" s="31"/>
      <c r="KXI154" s="31"/>
      <c r="KXJ154" s="31"/>
      <c r="KXK154" s="31"/>
      <c r="KXL154" s="31"/>
      <c r="KXM154" s="31"/>
      <c r="KXN154" s="31"/>
      <c r="KXO154" s="31"/>
      <c r="KXP154" s="31"/>
      <c r="KXQ154" s="31"/>
      <c r="KXR154" s="31"/>
      <c r="KXS154" s="31"/>
      <c r="KXT154" s="31"/>
      <c r="KXU154" s="31"/>
      <c r="KXV154" s="31"/>
      <c r="KXW154" s="31"/>
      <c r="KXX154" s="31"/>
      <c r="KXY154" s="31"/>
      <c r="KXZ154" s="31"/>
      <c r="KYA154" s="31"/>
      <c r="KYB154" s="31"/>
      <c r="KYC154" s="31"/>
      <c r="KYD154" s="31"/>
      <c r="KYE154" s="31"/>
      <c r="KYF154" s="31"/>
      <c r="KYG154" s="31"/>
      <c r="KYH154" s="31"/>
      <c r="KYI154" s="31"/>
      <c r="KYJ154" s="31"/>
      <c r="KYK154" s="31"/>
      <c r="KYL154" s="31"/>
      <c r="KYM154" s="31"/>
      <c r="KYN154" s="31"/>
      <c r="KYO154" s="31"/>
      <c r="KYP154" s="31"/>
      <c r="KYQ154" s="31"/>
      <c r="KYR154" s="31"/>
      <c r="KYS154" s="31"/>
      <c r="KYT154" s="31"/>
      <c r="KYU154" s="31"/>
      <c r="KYV154" s="31"/>
      <c r="KYW154" s="31"/>
      <c r="KYX154" s="31"/>
      <c r="KYY154" s="31"/>
      <c r="KYZ154" s="31"/>
      <c r="KZA154" s="31"/>
      <c r="KZB154" s="31"/>
      <c r="KZC154" s="31"/>
      <c r="KZD154" s="31"/>
      <c r="KZE154" s="31"/>
      <c r="KZF154" s="31"/>
      <c r="KZG154" s="31"/>
      <c r="KZH154" s="31"/>
      <c r="KZI154" s="31"/>
      <c r="KZJ154" s="31"/>
      <c r="KZK154" s="31"/>
      <c r="KZL154" s="31"/>
      <c r="KZM154" s="31"/>
      <c r="KZN154" s="31"/>
      <c r="KZO154" s="31"/>
      <c r="KZP154" s="31"/>
      <c r="KZQ154" s="31"/>
      <c r="KZR154" s="31"/>
      <c r="KZS154" s="31"/>
      <c r="KZT154" s="31"/>
      <c r="KZU154" s="31"/>
      <c r="KZV154" s="31"/>
      <c r="KZW154" s="31"/>
      <c r="KZX154" s="31"/>
      <c r="KZY154" s="31"/>
      <c r="KZZ154" s="31"/>
      <c r="LAA154" s="31"/>
      <c r="LAB154" s="31"/>
      <c r="LAC154" s="31"/>
      <c r="LAD154" s="31"/>
      <c r="LAE154" s="31"/>
      <c r="LAF154" s="31"/>
      <c r="LAG154" s="31"/>
      <c r="LAH154" s="31"/>
      <c r="LAI154" s="31"/>
      <c r="LAJ154" s="31"/>
      <c r="LAK154" s="31"/>
      <c r="LAL154" s="31"/>
      <c r="LAM154" s="31"/>
      <c r="LAN154" s="31"/>
      <c r="LAO154" s="31"/>
      <c r="LAP154" s="31"/>
      <c r="LAQ154" s="31"/>
      <c r="LAR154" s="31"/>
      <c r="LAS154" s="31"/>
      <c r="LAT154" s="31"/>
      <c r="LAU154" s="31"/>
      <c r="LAV154" s="31"/>
      <c r="LAW154" s="31"/>
      <c r="LAX154" s="31"/>
      <c r="LAY154" s="31"/>
      <c r="LAZ154" s="31"/>
      <c r="LBA154" s="31"/>
      <c r="LBB154" s="31"/>
      <c r="LBC154" s="31"/>
      <c r="LBD154" s="31"/>
      <c r="LBE154" s="31"/>
      <c r="LBF154" s="31"/>
      <c r="LBG154" s="31"/>
      <c r="LBH154" s="31"/>
      <c r="LBI154" s="31"/>
      <c r="LBJ154" s="31"/>
      <c r="LBK154" s="31"/>
      <c r="LBL154" s="31"/>
      <c r="LBM154" s="31"/>
      <c r="LBN154" s="31"/>
      <c r="LBO154" s="31"/>
      <c r="LBP154" s="31"/>
      <c r="LBQ154" s="31"/>
      <c r="LBR154" s="31"/>
      <c r="LBS154" s="31"/>
      <c r="LBT154" s="31"/>
      <c r="LBU154" s="31"/>
      <c r="LBV154" s="31"/>
      <c r="LBW154" s="31"/>
      <c r="LBX154" s="31"/>
      <c r="LBY154" s="31"/>
      <c r="LBZ154" s="31"/>
      <c r="LCA154" s="31"/>
      <c r="LCB154" s="31"/>
      <c r="LCC154" s="31"/>
      <c r="LCD154" s="31"/>
      <c r="LCE154" s="31"/>
      <c r="LCF154" s="31"/>
      <c r="LCG154" s="31"/>
      <c r="LCH154" s="31"/>
      <c r="LCI154" s="31"/>
      <c r="LCJ154" s="31"/>
      <c r="LCK154" s="31"/>
      <c r="LCL154" s="31"/>
      <c r="LCM154" s="31"/>
      <c r="LCN154" s="31"/>
      <c r="LCO154" s="31"/>
      <c r="LCP154" s="31"/>
      <c r="LCQ154" s="31"/>
      <c r="LCR154" s="31"/>
      <c r="LCS154" s="31"/>
      <c r="LCT154" s="31"/>
      <c r="LCU154" s="31"/>
      <c r="LCV154" s="31"/>
      <c r="LCW154" s="31"/>
      <c r="LCX154" s="31"/>
      <c r="LCY154" s="31"/>
      <c r="LCZ154" s="31"/>
      <c r="LDA154" s="31"/>
      <c r="LDB154" s="31"/>
      <c r="LDC154" s="31"/>
      <c r="LDD154" s="31"/>
      <c r="LDE154" s="31"/>
      <c r="LDF154" s="31"/>
      <c r="LDG154" s="31"/>
      <c r="LDH154" s="31"/>
      <c r="LDI154" s="31"/>
      <c r="LDJ154" s="31"/>
      <c r="LDK154" s="31"/>
      <c r="LDL154" s="31"/>
      <c r="LDM154" s="31"/>
      <c r="LDN154" s="31"/>
      <c r="LDO154" s="31"/>
      <c r="LDP154" s="31"/>
      <c r="LDQ154" s="31"/>
      <c r="LDR154" s="31"/>
      <c r="LDS154" s="31"/>
      <c r="LDT154" s="31"/>
      <c r="LDU154" s="31"/>
      <c r="LDV154" s="31"/>
      <c r="LDW154" s="31"/>
      <c r="LDX154" s="31"/>
      <c r="LDY154" s="31"/>
      <c r="LDZ154" s="31"/>
      <c r="LEA154" s="31"/>
      <c r="LEB154" s="31"/>
      <c r="LEC154" s="31"/>
      <c r="LED154" s="31"/>
      <c r="LEE154" s="31"/>
      <c r="LEF154" s="31"/>
      <c r="LEG154" s="31"/>
      <c r="LEH154" s="31"/>
      <c r="LEI154" s="31"/>
      <c r="LEJ154" s="31"/>
      <c r="LEK154" s="31"/>
      <c r="LEL154" s="31"/>
      <c r="LEM154" s="31"/>
      <c r="LEN154" s="31"/>
      <c r="LEO154" s="31"/>
      <c r="LEP154" s="31"/>
      <c r="LEQ154" s="31"/>
      <c r="LER154" s="31"/>
      <c r="LES154" s="31"/>
      <c r="LET154" s="31"/>
      <c r="LEU154" s="31"/>
      <c r="LEV154" s="31"/>
      <c r="LEW154" s="31"/>
      <c r="LEX154" s="31"/>
      <c r="LEY154" s="31"/>
      <c r="LEZ154" s="31"/>
      <c r="LFA154" s="31"/>
      <c r="LFB154" s="31"/>
      <c r="LFC154" s="31"/>
      <c r="LFD154" s="31"/>
      <c r="LFE154" s="31"/>
      <c r="LFF154" s="31"/>
      <c r="LFG154" s="31"/>
      <c r="LFH154" s="31"/>
      <c r="LFI154" s="31"/>
      <c r="LFJ154" s="31"/>
      <c r="LFK154" s="31"/>
      <c r="LFL154" s="31"/>
      <c r="LFM154" s="31"/>
      <c r="LFN154" s="31"/>
      <c r="LFO154" s="31"/>
      <c r="LFP154" s="31"/>
      <c r="LFQ154" s="31"/>
      <c r="LFR154" s="31"/>
      <c r="LFS154" s="31"/>
      <c r="LFT154" s="31"/>
      <c r="LFU154" s="31"/>
      <c r="LFV154" s="31"/>
      <c r="LFW154" s="31"/>
      <c r="LFX154" s="31"/>
      <c r="LFY154" s="31"/>
      <c r="LFZ154" s="31"/>
      <c r="LGA154" s="31"/>
      <c r="LGB154" s="31"/>
      <c r="LGC154" s="31"/>
      <c r="LGD154" s="31"/>
      <c r="LGE154" s="31"/>
      <c r="LGF154" s="31"/>
      <c r="LGG154" s="31"/>
      <c r="LGH154" s="31"/>
      <c r="LGI154" s="31"/>
      <c r="LGJ154" s="31"/>
      <c r="LGK154" s="31"/>
      <c r="LGL154" s="31"/>
      <c r="LGM154" s="31"/>
      <c r="LGN154" s="31"/>
      <c r="LGO154" s="31"/>
      <c r="LGP154" s="31"/>
      <c r="LGQ154" s="31"/>
      <c r="LGR154" s="31"/>
      <c r="LGS154" s="31"/>
      <c r="LGT154" s="31"/>
      <c r="LGU154" s="31"/>
      <c r="LGV154" s="31"/>
      <c r="LGW154" s="31"/>
      <c r="LGX154" s="31"/>
      <c r="LGY154" s="31"/>
      <c r="LGZ154" s="31"/>
      <c r="LHA154" s="31"/>
      <c r="LHB154" s="31"/>
      <c r="LHC154" s="31"/>
      <c r="LHD154" s="31"/>
      <c r="LHE154" s="31"/>
      <c r="LHF154" s="31"/>
      <c r="LHG154" s="31"/>
      <c r="LHH154" s="31"/>
      <c r="LHI154" s="31"/>
      <c r="LHJ154" s="31"/>
      <c r="LHK154" s="31"/>
      <c r="LHL154" s="31"/>
      <c r="LHM154" s="31"/>
      <c r="LHN154" s="31"/>
      <c r="LHO154" s="31"/>
      <c r="LHP154" s="31"/>
      <c r="LHQ154" s="31"/>
      <c r="LHR154" s="31"/>
      <c r="LHS154" s="31"/>
      <c r="LHT154" s="31"/>
      <c r="LHU154" s="31"/>
      <c r="LHV154" s="31"/>
      <c r="LHW154" s="31"/>
      <c r="LHX154" s="31"/>
      <c r="LHY154" s="31"/>
      <c r="LHZ154" s="31"/>
      <c r="LIA154" s="31"/>
      <c r="LIB154" s="31"/>
      <c r="LIC154" s="31"/>
      <c r="LID154" s="31"/>
      <c r="LIE154" s="31"/>
      <c r="LIF154" s="31"/>
      <c r="LIG154" s="31"/>
      <c r="LIH154" s="31"/>
      <c r="LII154" s="31"/>
      <c r="LIJ154" s="31"/>
      <c r="LIK154" s="31"/>
      <c r="LIL154" s="31"/>
      <c r="LIM154" s="31"/>
      <c r="LIN154" s="31"/>
      <c r="LIO154" s="31"/>
      <c r="LIP154" s="31"/>
      <c r="LIQ154" s="31"/>
      <c r="LIR154" s="31"/>
      <c r="LIS154" s="31"/>
      <c r="LIT154" s="31"/>
      <c r="LIU154" s="31"/>
      <c r="LIV154" s="31"/>
      <c r="LIW154" s="31"/>
      <c r="LIX154" s="31"/>
      <c r="LIY154" s="31"/>
      <c r="LIZ154" s="31"/>
      <c r="LJA154" s="31"/>
      <c r="LJB154" s="31"/>
      <c r="LJC154" s="31"/>
      <c r="LJD154" s="31"/>
      <c r="LJE154" s="31"/>
      <c r="LJF154" s="31"/>
      <c r="LJG154" s="31"/>
      <c r="LJH154" s="31"/>
      <c r="LJI154" s="31"/>
      <c r="LJJ154" s="31"/>
      <c r="LJK154" s="31"/>
      <c r="LJL154" s="31"/>
      <c r="LJM154" s="31"/>
      <c r="LJN154" s="31"/>
      <c r="LJO154" s="31"/>
      <c r="LJP154" s="31"/>
      <c r="LJQ154" s="31"/>
      <c r="LJR154" s="31"/>
      <c r="LJS154" s="31"/>
      <c r="LJT154" s="31"/>
      <c r="LJU154" s="31"/>
      <c r="LJV154" s="31"/>
      <c r="LJW154" s="31"/>
      <c r="LJX154" s="31"/>
      <c r="LJY154" s="31"/>
      <c r="LJZ154" s="31"/>
      <c r="LKA154" s="31"/>
      <c r="LKB154" s="31"/>
      <c r="LKC154" s="31"/>
      <c r="LKD154" s="31"/>
      <c r="LKE154" s="31"/>
      <c r="LKF154" s="31"/>
      <c r="LKG154" s="31"/>
      <c r="LKH154" s="31"/>
      <c r="LKI154" s="31"/>
      <c r="LKJ154" s="31"/>
      <c r="LKK154" s="31"/>
      <c r="LKL154" s="31"/>
      <c r="LKM154" s="31"/>
      <c r="LKN154" s="31"/>
      <c r="LKO154" s="31"/>
      <c r="LKP154" s="31"/>
      <c r="LKQ154" s="31"/>
      <c r="LKR154" s="31"/>
      <c r="LKS154" s="31"/>
      <c r="LKT154" s="31"/>
      <c r="LKU154" s="31"/>
      <c r="LKV154" s="31"/>
      <c r="LKW154" s="31"/>
      <c r="LKX154" s="31"/>
      <c r="LKY154" s="31"/>
      <c r="LKZ154" s="31"/>
      <c r="LLA154" s="31"/>
      <c r="LLB154" s="31"/>
      <c r="LLC154" s="31"/>
      <c r="LLD154" s="31"/>
      <c r="LLE154" s="31"/>
      <c r="LLF154" s="31"/>
      <c r="LLG154" s="31"/>
      <c r="LLH154" s="31"/>
      <c r="LLI154" s="31"/>
      <c r="LLJ154" s="31"/>
      <c r="LLK154" s="31"/>
      <c r="LLL154" s="31"/>
      <c r="LLM154" s="31"/>
      <c r="LLN154" s="31"/>
      <c r="LLO154" s="31"/>
      <c r="LLP154" s="31"/>
      <c r="LLQ154" s="31"/>
      <c r="LLR154" s="31"/>
      <c r="LLS154" s="31"/>
      <c r="LLT154" s="31"/>
      <c r="LLU154" s="31"/>
      <c r="LLV154" s="31"/>
      <c r="LLW154" s="31"/>
      <c r="LLX154" s="31"/>
      <c r="LLY154" s="31"/>
      <c r="LLZ154" s="31"/>
      <c r="LMA154" s="31"/>
      <c r="LMB154" s="31"/>
      <c r="LMC154" s="31"/>
      <c r="LMD154" s="31"/>
      <c r="LME154" s="31"/>
      <c r="LMF154" s="31"/>
      <c r="LMG154" s="31"/>
      <c r="LMH154" s="31"/>
      <c r="LMI154" s="31"/>
      <c r="LMJ154" s="31"/>
      <c r="LMK154" s="31"/>
      <c r="LML154" s="31"/>
      <c r="LMM154" s="31"/>
      <c r="LMN154" s="31"/>
      <c r="LMO154" s="31"/>
      <c r="LMP154" s="31"/>
      <c r="LMQ154" s="31"/>
      <c r="LMR154" s="31"/>
      <c r="LMS154" s="31"/>
      <c r="LMT154" s="31"/>
      <c r="LMU154" s="31"/>
      <c r="LMV154" s="31"/>
      <c r="LMW154" s="31"/>
      <c r="LMX154" s="31"/>
      <c r="LMY154" s="31"/>
      <c r="LMZ154" s="31"/>
      <c r="LNA154" s="31"/>
      <c r="LNB154" s="31"/>
      <c r="LNC154" s="31"/>
      <c r="LND154" s="31"/>
      <c r="LNE154" s="31"/>
      <c r="LNF154" s="31"/>
      <c r="LNG154" s="31"/>
      <c r="LNH154" s="31"/>
      <c r="LNI154" s="31"/>
      <c r="LNJ154" s="31"/>
      <c r="LNK154" s="31"/>
      <c r="LNL154" s="31"/>
      <c r="LNM154" s="31"/>
      <c r="LNN154" s="31"/>
      <c r="LNO154" s="31"/>
      <c r="LNP154" s="31"/>
      <c r="LNQ154" s="31"/>
      <c r="LNR154" s="31"/>
      <c r="LNS154" s="31"/>
      <c r="LNT154" s="31"/>
      <c r="LNU154" s="31"/>
      <c r="LNV154" s="31"/>
      <c r="LNW154" s="31"/>
      <c r="LNX154" s="31"/>
      <c r="LNY154" s="31"/>
      <c r="LNZ154" s="31"/>
      <c r="LOA154" s="31"/>
      <c r="LOB154" s="31"/>
      <c r="LOC154" s="31"/>
      <c r="LOD154" s="31"/>
      <c r="LOE154" s="31"/>
      <c r="LOF154" s="31"/>
      <c r="LOG154" s="31"/>
      <c r="LOH154" s="31"/>
      <c r="LOI154" s="31"/>
      <c r="LOJ154" s="31"/>
      <c r="LOK154" s="31"/>
      <c r="LOL154" s="31"/>
      <c r="LOM154" s="31"/>
      <c r="LON154" s="31"/>
      <c r="LOO154" s="31"/>
      <c r="LOP154" s="31"/>
      <c r="LOQ154" s="31"/>
      <c r="LOR154" s="31"/>
      <c r="LOS154" s="31"/>
      <c r="LOT154" s="31"/>
      <c r="LOU154" s="31"/>
      <c r="LOV154" s="31"/>
      <c r="LOW154" s="31"/>
      <c r="LOX154" s="31"/>
      <c r="LOY154" s="31"/>
      <c r="LOZ154" s="31"/>
      <c r="LPA154" s="31"/>
      <c r="LPB154" s="31"/>
      <c r="LPC154" s="31"/>
      <c r="LPD154" s="31"/>
      <c r="LPE154" s="31"/>
      <c r="LPF154" s="31"/>
      <c r="LPG154" s="31"/>
      <c r="LPH154" s="31"/>
      <c r="LPI154" s="31"/>
      <c r="LPJ154" s="31"/>
      <c r="LPK154" s="31"/>
      <c r="LPL154" s="31"/>
      <c r="LPM154" s="31"/>
      <c r="LPN154" s="31"/>
      <c r="LPO154" s="31"/>
      <c r="LPP154" s="31"/>
      <c r="LPQ154" s="31"/>
      <c r="LPR154" s="31"/>
      <c r="LPS154" s="31"/>
      <c r="LPT154" s="31"/>
      <c r="LPU154" s="31"/>
      <c r="LPV154" s="31"/>
      <c r="LPW154" s="31"/>
      <c r="LPX154" s="31"/>
      <c r="LPY154" s="31"/>
      <c r="LPZ154" s="31"/>
      <c r="LQA154" s="31"/>
      <c r="LQB154" s="31"/>
      <c r="LQC154" s="31"/>
      <c r="LQD154" s="31"/>
      <c r="LQE154" s="31"/>
      <c r="LQF154" s="31"/>
      <c r="LQG154" s="31"/>
      <c r="LQH154" s="31"/>
      <c r="LQI154" s="31"/>
      <c r="LQJ154" s="31"/>
      <c r="LQK154" s="31"/>
      <c r="LQL154" s="31"/>
      <c r="LQM154" s="31"/>
      <c r="LQN154" s="31"/>
      <c r="LQO154" s="31"/>
      <c r="LQP154" s="31"/>
      <c r="LQQ154" s="31"/>
      <c r="LQR154" s="31"/>
      <c r="LQS154" s="31"/>
      <c r="LQT154" s="31"/>
      <c r="LQU154" s="31"/>
      <c r="LQV154" s="31"/>
      <c r="LQW154" s="31"/>
      <c r="LQX154" s="31"/>
      <c r="LQY154" s="31"/>
      <c r="LQZ154" s="31"/>
      <c r="LRA154" s="31"/>
      <c r="LRB154" s="31"/>
      <c r="LRC154" s="31"/>
      <c r="LRD154" s="31"/>
      <c r="LRE154" s="31"/>
      <c r="LRF154" s="31"/>
      <c r="LRG154" s="31"/>
      <c r="LRH154" s="31"/>
      <c r="LRI154" s="31"/>
      <c r="LRJ154" s="31"/>
      <c r="LRK154" s="31"/>
      <c r="LRL154" s="31"/>
      <c r="LRM154" s="31"/>
      <c r="LRN154" s="31"/>
      <c r="LRO154" s="31"/>
      <c r="LRP154" s="31"/>
      <c r="LRQ154" s="31"/>
      <c r="LRR154" s="31"/>
      <c r="LRS154" s="31"/>
      <c r="LRT154" s="31"/>
      <c r="LRU154" s="31"/>
      <c r="LRV154" s="31"/>
      <c r="LRW154" s="31"/>
      <c r="LRX154" s="31"/>
      <c r="LRY154" s="31"/>
      <c r="LRZ154" s="31"/>
      <c r="LSA154" s="31"/>
      <c r="LSB154" s="31"/>
      <c r="LSC154" s="31"/>
      <c r="LSD154" s="31"/>
      <c r="LSE154" s="31"/>
      <c r="LSF154" s="31"/>
      <c r="LSG154" s="31"/>
      <c r="LSH154" s="31"/>
      <c r="LSI154" s="31"/>
      <c r="LSJ154" s="31"/>
      <c r="LSK154" s="31"/>
      <c r="LSL154" s="31"/>
      <c r="LSM154" s="31"/>
      <c r="LSN154" s="31"/>
      <c r="LSO154" s="31"/>
      <c r="LSP154" s="31"/>
      <c r="LSQ154" s="31"/>
      <c r="LSR154" s="31"/>
      <c r="LSS154" s="31"/>
      <c r="LST154" s="31"/>
      <c r="LSU154" s="31"/>
      <c r="LSV154" s="31"/>
      <c r="LSW154" s="31"/>
      <c r="LSX154" s="31"/>
      <c r="LSY154" s="31"/>
      <c r="LSZ154" s="31"/>
      <c r="LTA154" s="31"/>
      <c r="LTB154" s="31"/>
      <c r="LTC154" s="31"/>
      <c r="LTD154" s="31"/>
      <c r="LTE154" s="31"/>
      <c r="LTF154" s="31"/>
      <c r="LTG154" s="31"/>
      <c r="LTH154" s="31"/>
      <c r="LTI154" s="31"/>
      <c r="LTJ154" s="31"/>
      <c r="LTK154" s="31"/>
      <c r="LTL154" s="31"/>
      <c r="LTM154" s="31"/>
      <c r="LTN154" s="31"/>
      <c r="LTO154" s="31"/>
      <c r="LTP154" s="31"/>
      <c r="LTQ154" s="31"/>
      <c r="LTR154" s="31"/>
      <c r="LTS154" s="31"/>
      <c r="LTT154" s="31"/>
      <c r="LTU154" s="31"/>
      <c r="LTV154" s="31"/>
      <c r="LTW154" s="31"/>
      <c r="LTX154" s="31"/>
      <c r="LTY154" s="31"/>
      <c r="LTZ154" s="31"/>
      <c r="LUA154" s="31"/>
      <c r="LUB154" s="31"/>
      <c r="LUC154" s="31"/>
      <c r="LUD154" s="31"/>
      <c r="LUE154" s="31"/>
      <c r="LUF154" s="31"/>
      <c r="LUG154" s="31"/>
      <c r="LUH154" s="31"/>
      <c r="LUI154" s="31"/>
      <c r="LUJ154" s="31"/>
      <c r="LUK154" s="31"/>
      <c r="LUL154" s="31"/>
      <c r="LUM154" s="31"/>
      <c r="LUN154" s="31"/>
      <c r="LUO154" s="31"/>
      <c r="LUP154" s="31"/>
      <c r="LUQ154" s="31"/>
      <c r="LUR154" s="31"/>
      <c r="LUS154" s="31"/>
      <c r="LUT154" s="31"/>
      <c r="LUU154" s="31"/>
      <c r="LUV154" s="31"/>
      <c r="LUW154" s="31"/>
      <c r="LUX154" s="31"/>
      <c r="LUY154" s="31"/>
      <c r="LUZ154" s="31"/>
      <c r="LVA154" s="31"/>
      <c r="LVB154" s="31"/>
      <c r="LVC154" s="31"/>
      <c r="LVD154" s="31"/>
      <c r="LVE154" s="31"/>
      <c r="LVF154" s="31"/>
      <c r="LVG154" s="31"/>
      <c r="LVH154" s="31"/>
      <c r="LVI154" s="31"/>
      <c r="LVJ154" s="31"/>
      <c r="LVK154" s="31"/>
      <c r="LVL154" s="31"/>
      <c r="LVM154" s="31"/>
      <c r="LVN154" s="31"/>
      <c r="LVO154" s="31"/>
      <c r="LVP154" s="31"/>
      <c r="LVQ154" s="31"/>
      <c r="LVR154" s="31"/>
      <c r="LVS154" s="31"/>
      <c r="LVT154" s="31"/>
      <c r="LVU154" s="31"/>
      <c r="LVV154" s="31"/>
      <c r="LVW154" s="31"/>
      <c r="LVX154" s="31"/>
      <c r="LVY154" s="31"/>
      <c r="LVZ154" s="31"/>
      <c r="LWA154" s="31"/>
      <c r="LWB154" s="31"/>
      <c r="LWC154" s="31"/>
      <c r="LWD154" s="31"/>
      <c r="LWE154" s="31"/>
      <c r="LWF154" s="31"/>
      <c r="LWG154" s="31"/>
      <c r="LWH154" s="31"/>
      <c r="LWI154" s="31"/>
      <c r="LWJ154" s="31"/>
      <c r="LWK154" s="31"/>
      <c r="LWL154" s="31"/>
      <c r="LWM154" s="31"/>
      <c r="LWN154" s="31"/>
      <c r="LWO154" s="31"/>
      <c r="LWP154" s="31"/>
      <c r="LWQ154" s="31"/>
      <c r="LWR154" s="31"/>
      <c r="LWS154" s="31"/>
      <c r="LWT154" s="31"/>
      <c r="LWU154" s="31"/>
      <c r="LWV154" s="31"/>
      <c r="LWW154" s="31"/>
      <c r="LWX154" s="31"/>
      <c r="LWY154" s="31"/>
      <c r="LWZ154" s="31"/>
      <c r="LXA154" s="31"/>
      <c r="LXB154" s="31"/>
      <c r="LXC154" s="31"/>
      <c r="LXD154" s="31"/>
      <c r="LXE154" s="31"/>
      <c r="LXF154" s="31"/>
      <c r="LXG154" s="31"/>
      <c r="LXH154" s="31"/>
      <c r="LXI154" s="31"/>
      <c r="LXJ154" s="31"/>
      <c r="LXK154" s="31"/>
      <c r="LXL154" s="31"/>
      <c r="LXM154" s="31"/>
      <c r="LXN154" s="31"/>
      <c r="LXO154" s="31"/>
      <c r="LXP154" s="31"/>
      <c r="LXQ154" s="31"/>
      <c r="LXR154" s="31"/>
      <c r="LXS154" s="31"/>
      <c r="LXT154" s="31"/>
      <c r="LXU154" s="31"/>
      <c r="LXV154" s="31"/>
      <c r="LXW154" s="31"/>
      <c r="LXX154" s="31"/>
      <c r="LXY154" s="31"/>
      <c r="LXZ154" s="31"/>
      <c r="LYA154" s="31"/>
      <c r="LYB154" s="31"/>
      <c r="LYC154" s="31"/>
      <c r="LYD154" s="31"/>
      <c r="LYE154" s="31"/>
      <c r="LYF154" s="31"/>
      <c r="LYG154" s="31"/>
      <c r="LYH154" s="31"/>
      <c r="LYI154" s="31"/>
      <c r="LYJ154" s="31"/>
      <c r="LYK154" s="31"/>
      <c r="LYL154" s="31"/>
      <c r="LYM154" s="31"/>
      <c r="LYN154" s="31"/>
      <c r="LYO154" s="31"/>
      <c r="LYP154" s="31"/>
      <c r="LYQ154" s="31"/>
      <c r="LYR154" s="31"/>
      <c r="LYS154" s="31"/>
      <c r="LYT154" s="31"/>
      <c r="LYU154" s="31"/>
      <c r="LYV154" s="31"/>
      <c r="LYW154" s="31"/>
      <c r="LYX154" s="31"/>
      <c r="LYY154" s="31"/>
      <c r="LYZ154" s="31"/>
      <c r="LZA154" s="31"/>
      <c r="LZB154" s="31"/>
      <c r="LZC154" s="31"/>
      <c r="LZD154" s="31"/>
      <c r="LZE154" s="31"/>
      <c r="LZF154" s="31"/>
      <c r="LZG154" s="31"/>
      <c r="LZH154" s="31"/>
      <c r="LZI154" s="31"/>
      <c r="LZJ154" s="31"/>
      <c r="LZK154" s="31"/>
      <c r="LZL154" s="31"/>
      <c r="LZM154" s="31"/>
      <c r="LZN154" s="31"/>
      <c r="LZO154" s="31"/>
      <c r="LZP154" s="31"/>
      <c r="LZQ154" s="31"/>
      <c r="LZR154" s="31"/>
      <c r="LZS154" s="31"/>
      <c r="LZT154" s="31"/>
      <c r="LZU154" s="31"/>
      <c r="LZV154" s="31"/>
      <c r="LZW154" s="31"/>
      <c r="LZX154" s="31"/>
      <c r="LZY154" s="31"/>
      <c r="LZZ154" s="31"/>
      <c r="MAA154" s="31"/>
      <c r="MAB154" s="31"/>
      <c r="MAC154" s="31"/>
      <c r="MAD154" s="31"/>
      <c r="MAE154" s="31"/>
      <c r="MAF154" s="31"/>
      <c r="MAG154" s="31"/>
      <c r="MAH154" s="31"/>
      <c r="MAI154" s="31"/>
      <c r="MAJ154" s="31"/>
      <c r="MAK154" s="31"/>
      <c r="MAL154" s="31"/>
      <c r="MAM154" s="31"/>
      <c r="MAN154" s="31"/>
      <c r="MAO154" s="31"/>
      <c r="MAP154" s="31"/>
      <c r="MAQ154" s="31"/>
      <c r="MAR154" s="31"/>
      <c r="MAS154" s="31"/>
      <c r="MAT154" s="31"/>
      <c r="MAU154" s="31"/>
      <c r="MAV154" s="31"/>
      <c r="MAW154" s="31"/>
      <c r="MAX154" s="31"/>
      <c r="MAY154" s="31"/>
      <c r="MAZ154" s="31"/>
      <c r="MBA154" s="31"/>
      <c r="MBB154" s="31"/>
      <c r="MBC154" s="31"/>
      <c r="MBD154" s="31"/>
      <c r="MBE154" s="31"/>
      <c r="MBF154" s="31"/>
      <c r="MBG154" s="31"/>
      <c r="MBH154" s="31"/>
      <c r="MBI154" s="31"/>
      <c r="MBJ154" s="31"/>
      <c r="MBK154" s="31"/>
      <c r="MBL154" s="31"/>
      <c r="MBM154" s="31"/>
      <c r="MBN154" s="31"/>
      <c r="MBO154" s="31"/>
      <c r="MBP154" s="31"/>
      <c r="MBQ154" s="31"/>
      <c r="MBR154" s="31"/>
      <c r="MBS154" s="31"/>
      <c r="MBT154" s="31"/>
      <c r="MBU154" s="31"/>
      <c r="MBV154" s="31"/>
      <c r="MBW154" s="31"/>
      <c r="MBX154" s="31"/>
      <c r="MBY154" s="31"/>
      <c r="MBZ154" s="31"/>
      <c r="MCA154" s="31"/>
      <c r="MCB154" s="31"/>
      <c r="MCC154" s="31"/>
      <c r="MCD154" s="31"/>
      <c r="MCE154" s="31"/>
      <c r="MCF154" s="31"/>
      <c r="MCG154" s="31"/>
      <c r="MCH154" s="31"/>
      <c r="MCI154" s="31"/>
      <c r="MCJ154" s="31"/>
      <c r="MCK154" s="31"/>
      <c r="MCL154" s="31"/>
      <c r="MCM154" s="31"/>
      <c r="MCN154" s="31"/>
      <c r="MCO154" s="31"/>
      <c r="MCP154" s="31"/>
      <c r="MCQ154" s="31"/>
      <c r="MCR154" s="31"/>
      <c r="MCS154" s="31"/>
      <c r="MCT154" s="31"/>
      <c r="MCU154" s="31"/>
      <c r="MCV154" s="31"/>
      <c r="MCW154" s="31"/>
      <c r="MCX154" s="31"/>
      <c r="MCY154" s="31"/>
      <c r="MCZ154" s="31"/>
      <c r="MDA154" s="31"/>
      <c r="MDB154" s="31"/>
      <c r="MDC154" s="31"/>
      <c r="MDD154" s="31"/>
      <c r="MDE154" s="31"/>
      <c r="MDF154" s="31"/>
      <c r="MDG154" s="31"/>
      <c r="MDH154" s="31"/>
      <c r="MDI154" s="31"/>
      <c r="MDJ154" s="31"/>
      <c r="MDK154" s="31"/>
      <c r="MDL154" s="31"/>
      <c r="MDM154" s="31"/>
      <c r="MDN154" s="31"/>
      <c r="MDO154" s="31"/>
      <c r="MDP154" s="31"/>
      <c r="MDQ154" s="31"/>
      <c r="MDR154" s="31"/>
      <c r="MDS154" s="31"/>
      <c r="MDT154" s="31"/>
      <c r="MDU154" s="31"/>
      <c r="MDV154" s="31"/>
      <c r="MDW154" s="31"/>
      <c r="MDX154" s="31"/>
      <c r="MDY154" s="31"/>
      <c r="MDZ154" s="31"/>
      <c r="MEA154" s="31"/>
      <c r="MEB154" s="31"/>
      <c r="MEC154" s="31"/>
      <c r="MED154" s="31"/>
      <c r="MEE154" s="31"/>
      <c r="MEF154" s="31"/>
      <c r="MEG154" s="31"/>
      <c r="MEH154" s="31"/>
      <c r="MEI154" s="31"/>
      <c r="MEJ154" s="31"/>
      <c r="MEK154" s="31"/>
      <c r="MEL154" s="31"/>
      <c r="MEM154" s="31"/>
      <c r="MEN154" s="31"/>
      <c r="MEO154" s="31"/>
      <c r="MEP154" s="31"/>
      <c r="MEQ154" s="31"/>
      <c r="MER154" s="31"/>
      <c r="MES154" s="31"/>
      <c r="MET154" s="31"/>
      <c r="MEU154" s="31"/>
      <c r="MEV154" s="31"/>
      <c r="MEW154" s="31"/>
      <c r="MEX154" s="31"/>
      <c r="MEY154" s="31"/>
      <c r="MEZ154" s="31"/>
      <c r="MFA154" s="31"/>
      <c r="MFB154" s="31"/>
      <c r="MFC154" s="31"/>
      <c r="MFD154" s="31"/>
      <c r="MFE154" s="31"/>
      <c r="MFF154" s="31"/>
      <c r="MFG154" s="31"/>
      <c r="MFH154" s="31"/>
      <c r="MFI154" s="31"/>
      <c r="MFJ154" s="31"/>
      <c r="MFK154" s="31"/>
      <c r="MFL154" s="31"/>
      <c r="MFM154" s="31"/>
      <c r="MFN154" s="31"/>
      <c r="MFO154" s="31"/>
      <c r="MFP154" s="31"/>
      <c r="MFQ154" s="31"/>
      <c r="MFR154" s="31"/>
      <c r="MFS154" s="31"/>
      <c r="MFT154" s="31"/>
      <c r="MFU154" s="31"/>
      <c r="MFV154" s="31"/>
      <c r="MFW154" s="31"/>
      <c r="MFX154" s="31"/>
      <c r="MFY154" s="31"/>
      <c r="MFZ154" s="31"/>
      <c r="MGA154" s="31"/>
      <c r="MGB154" s="31"/>
      <c r="MGC154" s="31"/>
      <c r="MGD154" s="31"/>
      <c r="MGE154" s="31"/>
      <c r="MGF154" s="31"/>
      <c r="MGG154" s="31"/>
      <c r="MGH154" s="31"/>
      <c r="MGI154" s="31"/>
      <c r="MGJ154" s="31"/>
      <c r="MGK154" s="31"/>
      <c r="MGL154" s="31"/>
      <c r="MGM154" s="31"/>
      <c r="MGN154" s="31"/>
      <c r="MGO154" s="31"/>
      <c r="MGP154" s="31"/>
      <c r="MGQ154" s="31"/>
      <c r="MGR154" s="31"/>
      <c r="MGS154" s="31"/>
      <c r="MGT154" s="31"/>
      <c r="MGU154" s="31"/>
      <c r="MGV154" s="31"/>
      <c r="MGW154" s="31"/>
      <c r="MGX154" s="31"/>
      <c r="MGY154" s="31"/>
      <c r="MGZ154" s="31"/>
      <c r="MHA154" s="31"/>
      <c r="MHB154" s="31"/>
      <c r="MHC154" s="31"/>
      <c r="MHD154" s="31"/>
      <c r="MHE154" s="31"/>
      <c r="MHF154" s="31"/>
      <c r="MHG154" s="31"/>
      <c r="MHH154" s="31"/>
      <c r="MHI154" s="31"/>
      <c r="MHJ154" s="31"/>
      <c r="MHK154" s="31"/>
      <c r="MHL154" s="31"/>
      <c r="MHM154" s="31"/>
      <c r="MHN154" s="31"/>
      <c r="MHO154" s="31"/>
      <c r="MHP154" s="31"/>
      <c r="MHQ154" s="31"/>
      <c r="MHR154" s="31"/>
      <c r="MHS154" s="31"/>
      <c r="MHT154" s="31"/>
      <c r="MHU154" s="31"/>
      <c r="MHV154" s="31"/>
      <c r="MHW154" s="31"/>
      <c r="MHX154" s="31"/>
      <c r="MHY154" s="31"/>
      <c r="MHZ154" s="31"/>
      <c r="MIA154" s="31"/>
      <c r="MIB154" s="31"/>
      <c r="MIC154" s="31"/>
      <c r="MID154" s="31"/>
      <c r="MIE154" s="31"/>
      <c r="MIF154" s="31"/>
      <c r="MIG154" s="31"/>
      <c r="MIH154" s="31"/>
      <c r="MII154" s="31"/>
      <c r="MIJ154" s="31"/>
      <c r="MIK154" s="31"/>
      <c r="MIL154" s="31"/>
      <c r="MIM154" s="31"/>
      <c r="MIN154" s="31"/>
      <c r="MIO154" s="31"/>
      <c r="MIP154" s="31"/>
      <c r="MIQ154" s="31"/>
      <c r="MIR154" s="31"/>
      <c r="MIS154" s="31"/>
      <c r="MIT154" s="31"/>
      <c r="MIU154" s="31"/>
      <c r="MIV154" s="31"/>
      <c r="MIW154" s="31"/>
      <c r="MIX154" s="31"/>
      <c r="MIY154" s="31"/>
      <c r="MIZ154" s="31"/>
      <c r="MJA154" s="31"/>
      <c r="MJB154" s="31"/>
      <c r="MJC154" s="31"/>
      <c r="MJD154" s="31"/>
      <c r="MJE154" s="31"/>
      <c r="MJF154" s="31"/>
      <c r="MJG154" s="31"/>
      <c r="MJH154" s="31"/>
      <c r="MJI154" s="31"/>
      <c r="MJJ154" s="31"/>
      <c r="MJK154" s="31"/>
      <c r="MJL154" s="31"/>
      <c r="MJM154" s="31"/>
      <c r="MJN154" s="31"/>
      <c r="MJO154" s="31"/>
      <c r="MJP154" s="31"/>
      <c r="MJQ154" s="31"/>
      <c r="MJR154" s="31"/>
      <c r="MJS154" s="31"/>
      <c r="MJT154" s="31"/>
      <c r="MJU154" s="31"/>
      <c r="MJV154" s="31"/>
      <c r="MJW154" s="31"/>
      <c r="MJX154" s="31"/>
      <c r="MJY154" s="31"/>
      <c r="MJZ154" s="31"/>
      <c r="MKA154" s="31"/>
      <c r="MKB154" s="31"/>
      <c r="MKC154" s="31"/>
      <c r="MKD154" s="31"/>
      <c r="MKE154" s="31"/>
      <c r="MKF154" s="31"/>
      <c r="MKG154" s="31"/>
      <c r="MKH154" s="31"/>
      <c r="MKI154" s="31"/>
      <c r="MKJ154" s="31"/>
      <c r="MKK154" s="31"/>
      <c r="MKL154" s="31"/>
      <c r="MKM154" s="31"/>
      <c r="MKN154" s="31"/>
      <c r="MKO154" s="31"/>
      <c r="MKP154" s="31"/>
      <c r="MKQ154" s="31"/>
      <c r="MKR154" s="31"/>
      <c r="MKS154" s="31"/>
      <c r="MKT154" s="31"/>
      <c r="MKU154" s="31"/>
      <c r="MKV154" s="31"/>
      <c r="MKW154" s="31"/>
      <c r="MKX154" s="31"/>
      <c r="MKY154" s="31"/>
      <c r="MKZ154" s="31"/>
      <c r="MLA154" s="31"/>
      <c r="MLB154" s="31"/>
      <c r="MLC154" s="31"/>
      <c r="MLD154" s="31"/>
      <c r="MLE154" s="31"/>
      <c r="MLF154" s="31"/>
      <c r="MLG154" s="31"/>
      <c r="MLH154" s="31"/>
      <c r="MLI154" s="31"/>
      <c r="MLJ154" s="31"/>
      <c r="MLK154" s="31"/>
      <c r="MLL154" s="31"/>
      <c r="MLM154" s="31"/>
      <c r="MLN154" s="31"/>
      <c r="MLO154" s="31"/>
      <c r="MLP154" s="31"/>
      <c r="MLQ154" s="31"/>
      <c r="MLR154" s="31"/>
      <c r="MLS154" s="31"/>
      <c r="MLT154" s="31"/>
      <c r="MLU154" s="31"/>
      <c r="MLV154" s="31"/>
      <c r="MLW154" s="31"/>
      <c r="MLX154" s="31"/>
      <c r="MLY154" s="31"/>
      <c r="MLZ154" s="31"/>
      <c r="MMA154" s="31"/>
      <c r="MMB154" s="31"/>
      <c r="MMC154" s="31"/>
      <c r="MMD154" s="31"/>
      <c r="MME154" s="31"/>
      <c r="MMF154" s="31"/>
      <c r="MMG154" s="31"/>
      <c r="MMH154" s="31"/>
      <c r="MMI154" s="31"/>
      <c r="MMJ154" s="31"/>
      <c r="MMK154" s="31"/>
      <c r="MML154" s="31"/>
      <c r="MMM154" s="31"/>
      <c r="MMN154" s="31"/>
      <c r="MMO154" s="31"/>
      <c r="MMP154" s="31"/>
      <c r="MMQ154" s="31"/>
      <c r="MMR154" s="31"/>
      <c r="MMS154" s="31"/>
      <c r="MMT154" s="31"/>
      <c r="MMU154" s="31"/>
      <c r="MMV154" s="31"/>
      <c r="MMW154" s="31"/>
      <c r="MMX154" s="31"/>
      <c r="MMY154" s="31"/>
      <c r="MMZ154" s="31"/>
      <c r="MNA154" s="31"/>
      <c r="MNB154" s="31"/>
      <c r="MNC154" s="31"/>
      <c r="MND154" s="31"/>
      <c r="MNE154" s="31"/>
      <c r="MNF154" s="31"/>
      <c r="MNG154" s="31"/>
      <c r="MNH154" s="31"/>
      <c r="MNI154" s="31"/>
      <c r="MNJ154" s="31"/>
      <c r="MNK154" s="31"/>
      <c r="MNL154" s="31"/>
      <c r="MNM154" s="31"/>
      <c r="MNN154" s="31"/>
      <c r="MNO154" s="31"/>
      <c r="MNP154" s="31"/>
      <c r="MNQ154" s="31"/>
      <c r="MNR154" s="31"/>
      <c r="MNS154" s="31"/>
      <c r="MNT154" s="31"/>
      <c r="MNU154" s="31"/>
      <c r="MNV154" s="31"/>
      <c r="MNW154" s="31"/>
      <c r="MNX154" s="31"/>
      <c r="MNY154" s="31"/>
      <c r="MNZ154" s="31"/>
      <c r="MOA154" s="31"/>
      <c r="MOB154" s="31"/>
      <c r="MOC154" s="31"/>
      <c r="MOD154" s="31"/>
      <c r="MOE154" s="31"/>
      <c r="MOF154" s="31"/>
      <c r="MOG154" s="31"/>
      <c r="MOH154" s="31"/>
      <c r="MOI154" s="31"/>
      <c r="MOJ154" s="31"/>
      <c r="MOK154" s="31"/>
      <c r="MOL154" s="31"/>
      <c r="MOM154" s="31"/>
      <c r="MON154" s="31"/>
      <c r="MOO154" s="31"/>
      <c r="MOP154" s="31"/>
      <c r="MOQ154" s="31"/>
      <c r="MOR154" s="31"/>
      <c r="MOS154" s="31"/>
      <c r="MOT154" s="31"/>
      <c r="MOU154" s="31"/>
      <c r="MOV154" s="31"/>
      <c r="MOW154" s="31"/>
      <c r="MOX154" s="31"/>
      <c r="MOY154" s="31"/>
      <c r="MOZ154" s="31"/>
      <c r="MPA154" s="31"/>
      <c r="MPB154" s="31"/>
      <c r="MPC154" s="31"/>
      <c r="MPD154" s="31"/>
      <c r="MPE154" s="31"/>
      <c r="MPF154" s="31"/>
      <c r="MPG154" s="31"/>
      <c r="MPH154" s="31"/>
      <c r="MPI154" s="31"/>
      <c r="MPJ154" s="31"/>
      <c r="MPK154" s="31"/>
      <c r="MPL154" s="31"/>
      <c r="MPM154" s="31"/>
      <c r="MPN154" s="31"/>
      <c r="MPO154" s="31"/>
      <c r="MPP154" s="31"/>
      <c r="MPQ154" s="31"/>
      <c r="MPR154" s="31"/>
      <c r="MPS154" s="31"/>
      <c r="MPT154" s="31"/>
      <c r="MPU154" s="31"/>
      <c r="MPV154" s="31"/>
      <c r="MPW154" s="31"/>
      <c r="MPX154" s="31"/>
      <c r="MPY154" s="31"/>
      <c r="MPZ154" s="31"/>
      <c r="MQA154" s="31"/>
      <c r="MQB154" s="31"/>
      <c r="MQC154" s="31"/>
      <c r="MQD154" s="31"/>
      <c r="MQE154" s="31"/>
      <c r="MQF154" s="31"/>
      <c r="MQG154" s="31"/>
      <c r="MQH154" s="31"/>
      <c r="MQI154" s="31"/>
      <c r="MQJ154" s="31"/>
      <c r="MQK154" s="31"/>
      <c r="MQL154" s="31"/>
      <c r="MQM154" s="31"/>
      <c r="MQN154" s="31"/>
      <c r="MQO154" s="31"/>
      <c r="MQP154" s="31"/>
      <c r="MQQ154" s="31"/>
      <c r="MQR154" s="31"/>
      <c r="MQS154" s="31"/>
      <c r="MQT154" s="31"/>
      <c r="MQU154" s="31"/>
      <c r="MQV154" s="31"/>
      <c r="MQW154" s="31"/>
      <c r="MQX154" s="31"/>
      <c r="MQY154" s="31"/>
      <c r="MQZ154" s="31"/>
      <c r="MRA154" s="31"/>
      <c r="MRB154" s="31"/>
      <c r="MRC154" s="31"/>
      <c r="MRD154" s="31"/>
      <c r="MRE154" s="31"/>
      <c r="MRF154" s="31"/>
      <c r="MRG154" s="31"/>
      <c r="MRH154" s="31"/>
      <c r="MRI154" s="31"/>
      <c r="MRJ154" s="31"/>
      <c r="MRK154" s="31"/>
      <c r="MRL154" s="31"/>
      <c r="MRM154" s="31"/>
      <c r="MRN154" s="31"/>
      <c r="MRO154" s="31"/>
      <c r="MRP154" s="31"/>
      <c r="MRQ154" s="31"/>
      <c r="MRR154" s="31"/>
      <c r="MRS154" s="31"/>
      <c r="MRT154" s="31"/>
      <c r="MRU154" s="31"/>
      <c r="MRV154" s="31"/>
      <c r="MRW154" s="31"/>
      <c r="MRX154" s="31"/>
      <c r="MRY154" s="31"/>
      <c r="MRZ154" s="31"/>
      <c r="MSA154" s="31"/>
      <c r="MSB154" s="31"/>
      <c r="MSC154" s="31"/>
      <c r="MSD154" s="31"/>
      <c r="MSE154" s="31"/>
      <c r="MSF154" s="31"/>
      <c r="MSG154" s="31"/>
      <c r="MSH154" s="31"/>
      <c r="MSI154" s="31"/>
      <c r="MSJ154" s="31"/>
      <c r="MSK154" s="31"/>
      <c r="MSL154" s="31"/>
      <c r="MSM154" s="31"/>
      <c r="MSN154" s="31"/>
      <c r="MSO154" s="31"/>
      <c r="MSP154" s="31"/>
      <c r="MSQ154" s="31"/>
      <c r="MSR154" s="31"/>
      <c r="MSS154" s="31"/>
      <c r="MST154" s="31"/>
      <c r="MSU154" s="31"/>
      <c r="MSV154" s="31"/>
      <c r="MSW154" s="31"/>
      <c r="MSX154" s="31"/>
      <c r="MSY154" s="31"/>
      <c r="MSZ154" s="31"/>
      <c r="MTA154" s="31"/>
      <c r="MTB154" s="31"/>
      <c r="MTC154" s="31"/>
      <c r="MTD154" s="31"/>
      <c r="MTE154" s="31"/>
      <c r="MTF154" s="31"/>
      <c r="MTG154" s="31"/>
      <c r="MTH154" s="31"/>
      <c r="MTI154" s="31"/>
      <c r="MTJ154" s="31"/>
      <c r="MTK154" s="31"/>
      <c r="MTL154" s="31"/>
      <c r="MTM154" s="31"/>
      <c r="MTN154" s="31"/>
      <c r="MTO154" s="31"/>
      <c r="MTP154" s="31"/>
      <c r="MTQ154" s="31"/>
      <c r="MTR154" s="31"/>
      <c r="MTS154" s="31"/>
      <c r="MTT154" s="31"/>
      <c r="MTU154" s="31"/>
      <c r="MTV154" s="31"/>
      <c r="MTW154" s="31"/>
      <c r="MTX154" s="31"/>
      <c r="MTY154" s="31"/>
      <c r="MTZ154" s="31"/>
      <c r="MUA154" s="31"/>
      <c r="MUB154" s="31"/>
      <c r="MUC154" s="31"/>
      <c r="MUD154" s="31"/>
      <c r="MUE154" s="31"/>
      <c r="MUF154" s="31"/>
      <c r="MUG154" s="31"/>
      <c r="MUH154" s="31"/>
      <c r="MUI154" s="31"/>
      <c r="MUJ154" s="31"/>
      <c r="MUK154" s="31"/>
      <c r="MUL154" s="31"/>
      <c r="MUM154" s="31"/>
      <c r="MUN154" s="31"/>
      <c r="MUO154" s="31"/>
      <c r="MUP154" s="31"/>
      <c r="MUQ154" s="31"/>
      <c r="MUR154" s="31"/>
      <c r="MUS154" s="31"/>
      <c r="MUT154" s="31"/>
      <c r="MUU154" s="31"/>
      <c r="MUV154" s="31"/>
      <c r="MUW154" s="31"/>
      <c r="MUX154" s="31"/>
      <c r="MUY154" s="31"/>
      <c r="MUZ154" s="31"/>
      <c r="MVA154" s="31"/>
      <c r="MVB154" s="31"/>
      <c r="MVC154" s="31"/>
      <c r="MVD154" s="31"/>
      <c r="MVE154" s="31"/>
      <c r="MVF154" s="31"/>
      <c r="MVG154" s="31"/>
      <c r="MVH154" s="31"/>
      <c r="MVI154" s="31"/>
      <c r="MVJ154" s="31"/>
      <c r="MVK154" s="31"/>
      <c r="MVL154" s="31"/>
      <c r="MVM154" s="31"/>
      <c r="MVN154" s="31"/>
      <c r="MVO154" s="31"/>
      <c r="MVP154" s="31"/>
      <c r="MVQ154" s="31"/>
      <c r="MVR154" s="31"/>
      <c r="MVS154" s="31"/>
      <c r="MVT154" s="31"/>
      <c r="MVU154" s="31"/>
      <c r="MVV154" s="31"/>
      <c r="MVW154" s="31"/>
      <c r="MVX154" s="31"/>
      <c r="MVY154" s="31"/>
      <c r="MVZ154" s="31"/>
      <c r="MWA154" s="31"/>
      <c r="MWB154" s="31"/>
      <c r="MWC154" s="31"/>
      <c r="MWD154" s="31"/>
      <c r="MWE154" s="31"/>
      <c r="MWF154" s="31"/>
      <c r="MWG154" s="31"/>
      <c r="MWH154" s="31"/>
      <c r="MWI154" s="31"/>
      <c r="MWJ154" s="31"/>
      <c r="MWK154" s="31"/>
      <c r="MWL154" s="31"/>
      <c r="MWM154" s="31"/>
      <c r="MWN154" s="31"/>
      <c r="MWO154" s="31"/>
      <c r="MWP154" s="31"/>
      <c r="MWQ154" s="31"/>
      <c r="MWR154" s="31"/>
      <c r="MWS154" s="31"/>
      <c r="MWT154" s="31"/>
      <c r="MWU154" s="31"/>
      <c r="MWV154" s="31"/>
      <c r="MWW154" s="31"/>
      <c r="MWX154" s="31"/>
      <c r="MWY154" s="31"/>
      <c r="MWZ154" s="31"/>
      <c r="MXA154" s="31"/>
      <c r="MXB154" s="31"/>
      <c r="MXC154" s="31"/>
      <c r="MXD154" s="31"/>
      <c r="MXE154" s="31"/>
      <c r="MXF154" s="31"/>
      <c r="MXG154" s="31"/>
      <c r="MXH154" s="31"/>
      <c r="MXI154" s="31"/>
      <c r="MXJ154" s="31"/>
      <c r="MXK154" s="31"/>
      <c r="MXL154" s="31"/>
      <c r="MXM154" s="31"/>
      <c r="MXN154" s="31"/>
      <c r="MXO154" s="31"/>
      <c r="MXP154" s="31"/>
      <c r="MXQ154" s="31"/>
      <c r="MXR154" s="31"/>
      <c r="MXS154" s="31"/>
      <c r="MXT154" s="31"/>
      <c r="MXU154" s="31"/>
      <c r="MXV154" s="31"/>
      <c r="MXW154" s="31"/>
      <c r="MXX154" s="31"/>
      <c r="MXY154" s="31"/>
      <c r="MXZ154" s="31"/>
      <c r="MYA154" s="31"/>
      <c r="MYB154" s="31"/>
      <c r="MYC154" s="31"/>
      <c r="MYD154" s="31"/>
      <c r="MYE154" s="31"/>
      <c r="MYF154" s="31"/>
      <c r="MYG154" s="31"/>
      <c r="MYH154" s="31"/>
      <c r="MYI154" s="31"/>
      <c r="MYJ154" s="31"/>
      <c r="MYK154" s="31"/>
      <c r="MYL154" s="31"/>
      <c r="MYM154" s="31"/>
      <c r="MYN154" s="31"/>
      <c r="MYO154" s="31"/>
      <c r="MYP154" s="31"/>
      <c r="MYQ154" s="31"/>
      <c r="MYR154" s="31"/>
      <c r="MYS154" s="31"/>
      <c r="MYT154" s="31"/>
      <c r="MYU154" s="31"/>
      <c r="MYV154" s="31"/>
      <c r="MYW154" s="31"/>
      <c r="MYX154" s="31"/>
      <c r="MYY154" s="31"/>
      <c r="MYZ154" s="31"/>
      <c r="MZA154" s="31"/>
      <c r="MZB154" s="31"/>
      <c r="MZC154" s="31"/>
      <c r="MZD154" s="31"/>
      <c r="MZE154" s="31"/>
      <c r="MZF154" s="31"/>
      <c r="MZG154" s="31"/>
      <c r="MZH154" s="31"/>
      <c r="MZI154" s="31"/>
      <c r="MZJ154" s="31"/>
      <c r="MZK154" s="31"/>
      <c r="MZL154" s="31"/>
      <c r="MZM154" s="31"/>
      <c r="MZN154" s="31"/>
      <c r="MZO154" s="31"/>
      <c r="MZP154" s="31"/>
      <c r="MZQ154" s="31"/>
      <c r="MZR154" s="31"/>
      <c r="MZS154" s="31"/>
      <c r="MZT154" s="31"/>
      <c r="MZU154" s="31"/>
      <c r="MZV154" s="31"/>
      <c r="MZW154" s="31"/>
      <c r="MZX154" s="31"/>
      <c r="MZY154" s="31"/>
      <c r="MZZ154" s="31"/>
      <c r="NAA154" s="31"/>
      <c r="NAB154" s="31"/>
      <c r="NAC154" s="31"/>
      <c r="NAD154" s="31"/>
      <c r="NAE154" s="31"/>
      <c r="NAF154" s="31"/>
      <c r="NAG154" s="31"/>
      <c r="NAH154" s="31"/>
      <c r="NAI154" s="31"/>
      <c r="NAJ154" s="31"/>
      <c r="NAK154" s="31"/>
      <c r="NAL154" s="31"/>
      <c r="NAM154" s="31"/>
      <c r="NAN154" s="31"/>
      <c r="NAO154" s="31"/>
      <c r="NAP154" s="31"/>
      <c r="NAQ154" s="31"/>
      <c r="NAR154" s="31"/>
      <c r="NAS154" s="31"/>
      <c r="NAT154" s="31"/>
      <c r="NAU154" s="31"/>
      <c r="NAV154" s="31"/>
      <c r="NAW154" s="31"/>
      <c r="NAX154" s="31"/>
      <c r="NAY154" s="31"/>
      <c r="NAZ154" s="31"/>
      <c r="NBA154" s="31"/>
      <c r="NBB154" s="31"/>
      <c r="NBC154" s="31"/>
      <c r="NBD154" s="31"/>
      <c r="NBE154" s="31"/>
      <c r="NBF154" s="31"/>
      <c r="NBG154" s="31"/>
      <c r="NBH154" s="31"/>
      <c r="NBI154" s="31"/>
      <c r="NBJ154" s="31"/>
      <c r="NBK154" s="31"/>
      <c r="NBL154" s="31"/>
      <c r="NBM154" s="31"/>
      <c r="NBN154" s="31"/>
      <c r="NBO154" s="31"/>
      <c r="NBP154" s="31"/>
      <c r="NBQ154" s="31"/>
      <c r="NBR154" s="31"/>
      <c r="NBS154" s="31"/>
      <c r="NBT154" s="31"/>
      <c r="NBU154" s="31"/>
      <c r="NBV154" s="31"/>
      <c r="NBW154" s="31"/>
      <c r="NBX154" s="31"/>
      <c r="NBY154" s="31"/>
      <c r="NBZ154" s="31"/>
      <c r="NCA154" s="31"/>
      <c r="NCB154" s="31"/>
      <c r="NCC154" s="31"/>
      <c r="NCD154" s="31"/>
      <c r="NCE154" s="31"/>
      <c r="NCF154" s="31"/>
      <c r="NCG154" s="31"/>
      <c r="NCH154" s="31"/>
      <c r="NCI154" s="31"/>
      <c r="NCJ154" s="31"/>
      <c r="NCK154" s="31"/>
      <c r="NCL154" s="31"/>
      <c r="NCM154" s="31"/>
      <c r="NCN154" s="31"/>
      <c r="NCO154" s="31"/>
      <c r="NCP154" s="31"/>
      <c r="NCQ154" s="31"/>
      <c r="NCR154" s="31"/>
      <c r="NCS154" s="31"/>
      <c r="NCT154" s="31"/>
      <c r="NCU154" s="31"/>
      <c r="NCV154" s="31"/>
      <c r="NCW154" s="31"/>
      <c r="NCX154" s="31"/>
      <c r="NCY154" s="31"/>
      <c r="NCZ154" s="31"/>
      <c r="NDA154" s="31"/>
      <c r="NDB154" s="31"/>
      <c r="NDC154" s="31"/>
      <c r="NDD154" s="31"/>
      <c r="NDE154" s="31"/>
      <c r="NDF154" s="31"/>
      <c r="NDG154" s="31"/>
      <c r="NDH154" s="31"/>
      <c r="NDI154" s="31"/>
      <c r="NDJ154" s="31"/>
      <c r="NDK154" s="31"/>
      <c r="NDL154" s="31"/>
      <c r="NDM154" s="31"/>
      <c r="NDN154" s="31"/>
      <c r="NDO154" s="31"/>
      <c r="NDP154" s="31"/>
      <c r="NDQ154" s="31"/>
      <c r="NDR154" s="31"/>
      <c r="NDS154" s="31"/>
      <c r="NDT154" s="31"/>
      <c r="NDU154" s="31"/>
      <c r="NDV154" s="31"/>
      <c r="NDW154" s="31"/>
      <c r="NDX154" s="31"/>
      <c r="NDY154" s="31"/>
      <c r="NDZ154" s="31"/>
      <c r="NEA154" s="31"/>
      <c r="NEB154" s="31"/>
      <c r="NEC154" s="31"/>
      <c r="NED154" s="31"/>
      <c r="NEE154" s="31"/>
      <c r="NEF154" s="31"/>
      <c r="NEG154" s="31"/>
      <c r="NEH154" s="31"/>
      <c r="NEI154" s="31"/>
      <c r="NEJ154" s="31"/>
      <c r="NEK154" s="31"/>
      <c r="NEL154" s="31"/>
      <c r="NEM154" s="31"/>
      <c r="NEN154" s="31"/>
      <c r="NEO154" s="31"/>
      <c r="NEP154" s="31"/>
      <c r="NEQ154" s="31"/>
      <c r="NER154" s="31"/>
      <c r="NES154" s="31"/>
      <c r="NET154" s="31"/>
      <c r="NEU154" s="31"/>
      <c r="NEV154" s="31"/>
      <c r="NEW154" s="31"/>
      <c r="NEX154" s="31"/>
      <c r="NEY154" s="31"/>
      <c r="NEZ154" s="31"/>
      <c r="NFA154" s="31"/>
      <c r="NFB154" s="31"/>
      <c r="NFC154" s="31"/>
      <c r="NFD154" s="31"/>
      <c r="NFE154" s="31"/>
      <c r="NFF154" s="31"/>
      <c r="NFG154" s="31"/>
      <c r="NFH154" s="31"/>
      <c r="NFI154" s="31"/>
      <c r="NFJ154" s="31"/>
      <c r="NFK154" s="31"/>
      <c r="NFL154" s="31"/>
      <c r="NFM154" s="31"/>
      <c r="NFN154" s="31"/>
      <c r="NFO154" s="31"/>
      <c r="NFP154" s="31"/>
      <c r="NFQ154" s="31"/>
      <c r="NFR154" s="31"/>
      <c r="NFS154" s="31"/>
      <c r="NFT154" s="31"/>
      <c r="NFU154" s="31"/>
      <c r="NFV154" s="31"/>
      <c r="NFW154" s="31"/>
      <c r="NFX154" s="31"/>
      <c r="NFY154" s="31"/>
      <c r="NFZ154" s="31"/>
      <c r="NGA154" s="31"/>
      <c r="NGB154" s="31"/>
      <c r="NGC154" s="31"/>
      <c r="NGD154" s="31"/>
      <c r="NGE154" s="31"/>
      <c r="NGF154" s="31"/>
      <c r="NGG154" s="31"/>
      <c r="NGH154" s="31"/>
      <c r="NGI154" s="31"/>
      <c r="NGJ154" s="31"/>
      <c r="NGK154" s="31"/>
      <c r="NGL154" s="31"/>
      <c r="NGM154" s="31"/>
      <c r="NGN154" s="31"/>
      <c r="NGO154" s="31"/>
      <c r="NGP154" s="31"/>
      <c r="NGQ154" s="31"/>
      <c r="NGR154" s="31"/>
      <c r="NGS154" s="31"/>
      <c r="NGT154" s="31"/>
      <c r="NGU154" s="31"/>
      <c r="NGV154" s="31"/>
      <c r="NGW154" s="31"/>
      <c r="NGX154" s="31"/>
      <c r="NGY154" s="31"/>
      <c r="NGZ154" s="31"/>
      <c r="NHA154" s="31"/>
      <c r="NHB154" s="31"/>
      <c r="NHC154" s="31"/>
      <c r="NHD154" s="31"/>
      <c r="NHE154" s="31"/>
      <c r="NHF154" s="31"/>
      <c r="NHG154" s="31"/>
      <c r="NHH154" s="31"/>
      <c r="NHI154" s="31"/>
      <c r="NHJ154" s="31"/>
      <c r="NHK154" s="31"/>
      <c r="NHL154" s="31"/>
      <c r="NHM154" s="31"/>
      <c r="NHN154" s="31"/>
      <c r="NHO154" s="31"/>
      <c r="NHP154" s="31"/>
      <c r="NHQ154" s="31"/>
      <c r="NHR154" s="31"/>
      <c r="NHS154" s="31"/>
      <c r="NHT154" s="31"/>
      <c r="NHU154" s="31"/>
      <c r="NHV154" s="31"/>
      <c r="NHW154" s="31"/>
      <c r="NHX154" s="31"/>
      <c r="NHY154" s="31"/>
      <c r="NHZ154" s="31"/>
      <c r="NIA154" s="31"/>
      <c r="NIB154" s="31"/>
      <c r="NIC154" s="31"/>
      <c r="NID154" s="31"/>
      <c r="NIE154" s="31"/>
      <c r="NIF154" s="31"/>
      <c r="NIG154" s="31"/>
      <c r="NIH154" s="31"/>
      <c r="NII154" s="31"/>
      <c r="NIJ154" s="31"/>
      <c r="NIK154" s="31"/>
      <c r="NIL154" s="31"/>
      <c r="NIM154" s="31"/>
      <c r="NIN154" s="31"/>
      <c r="NIO154" s="31"/>
      <c r="NIP154" s="31"/>
      <c r="NIQ154" s="31"/>
      <c r="NIR154" s="31"/>
      <c r="NIS154" s="31"/>
      <c r="NIT154" s="31"/>
      <c r="NIU154" s="31"/>
      <c r="NIV154" s="31"/>
      <c r="NIW154" s="31"/>
      <c r="NIX154" s="31"/>
      <c r="NIY154" s="31"/>
      <c r="NIZ154" s="31"/>
      <c r="NJA154" s="31"/>
      <c r="NJB154" s="31"/>
      <c r="NJC154" s="31"/>
      <c r="NJD154" s="31"/>
      <c r="NJE154" s="31"/>
      <c r="NJF154" s="31"/>
      <c r="NJG154" s="31"/>
      <c r="NJH154" s="31"/>
      <c r="NJI154" s="31"/>
      <c r="NJJ154" s="31"/>
      <c r="NJK154" s="31"/>
      <c r="NJL154" s="31"/>
      <c r="NJM154" s="31"/>
      <c r="NJN154" s="31"/>
      <c r="NJO154" s="31"/>
      <c r="NJP154" s="31"/>
      <c r="NJQ154" s="31"/>
      <c r="NJR154" s="31"/>
      <c r="NJS154" s="31"/>
      <c r="NJT154" s="31"/>
      <c r="NJU154" s="31"/>
      <c r="NJV154" s="31"/>
      <c r="NJW154" s="31"/>
      <c r="NJX154" s="31"/>
      <c r="NJY154" s="31"/>
      <c r="NJZ154" s="31"/>
      <c r="NKA154" s="31"/>
      <c r="NKB154" s="31"/>
      <c r="NKC154" s="31"/>
      <c r="NKD154" s="31"/>
      <c r="NKE154" s="31"/>
      <c r="NKF154" s="31"/>
      <c r="NKG154" s="31"/>
      <c r="NKH154" s="31"/>
      <c r="NKI154" s="31"/>
      <c r="NKJ154" s="31"/>
      <c r="NKK154" s="31"/>
      <c r="NKL154" s="31"/>
      <c r="NKM154" s="31"/>
      <c r="NKN154" s="31"/>
      <c r="NKO154" s="31"/>
      <c r="NKP154" s="31"/>
      <c r="NKQ154" s="31"/>
      <c r="NKR154" s="31"/>
      <c r="NKS154" s="31"/>
      <c r="NKT154" s="31"/>
      <c r="NKU154" s="31"/>
      <c r="NKV154" s="31"/>
      <c r="NKW154" s="31"/>
      <c r="NKX154" s="31"/>
      <c r="NKY154" s="31"/>
      <c r="NKZ154" s="31"/>
      <c r="NLA154" s="31"/>
      <c r="NLB154" s="31"/>
      <c r="NLC154" s="31"/>
      <c r="NLD154" s="31"/>
      <c r="NLE154" s="31"/>
      <c r="NLF154" s="31"/>
      <c r="NLG154" s="31"/>
      <c r="NLH154" s="31"/>
      <c r="NLI154" s="31"/>
      <c r="NLJ154" s="31"/>
      <c r="NLK154" s="31"/>
      <c r="NLL154" s="31"/>
      <c r="NLM154" s="31"/>
      <c r="NLN154" s="31"/>
      <c r="NLO154" s="31"/>
      <c r="NLP154" s="31"/>
      <c r="NLQ154" s="31"/>
      <c r="NLR154" s="31"/>
      <c r="NLS154" s="31"/>
      <c r="NLT154" s="31"/>
      <c r="NLU154" s="31"/>
      <c r="NLV154" s="31"/>
      <c r="NLW154" s="31"/>
      <c r="NLX154" s="31"/>
      <c r="NLY154" s="31"/>
      <c r="NLZ154" s="31"/>
      <c r="NMA154" s="31"/>
      <c r="NMB154" s="31"/>
      <c r="NMC154" s="31"/>
      <c r="NMD154" s="31"/>
      <c r="NME154" s="31"/>
      <c r="NMF154" s="31"/>
      <c r="NMG154" s="31"/>
      <c r="NMH154" s="31"/>
      <c r="NMI154" s="31"/>
      <c r="NMJ154" s="31"/>
      <c r="NMK154" s="31"/>
      <c r="NML154" s="31"/>
      <c r="NMM154" s="31"/>
      <c r="NMN154" s="31"/>
      <c r="NMO154" s="31"/>
      <c r="NMP154" s="31"/>
      <c r="NMQ154" s="31"/>
      <c r="NMR154" s="31"/>
      <c r="NMS154" s="31"/>
      <c r="NMT154" s="31"/>
      <c r="NMU154" s="31"/>
      <c r="NMV154" s="31"/>
      <c r="NMW154" s="31"/>
      <c r="NMX154" s="31"/>
      <c r="NMY154" s="31"/>
      <c r="NMZ154" s="31"/>
      <c r="NNA154" s="31"/>
      <c r="NNB154" s="31"/>
      <c r="NNC154" s="31"/>
      <c r="NND154" s="31"/>
      <c r="NNE154" s="31"/>
      <c r="NNF154" s="31"/>
      <c r="NNG154" s="31"/>
      <c r="NNH154" s="31"/>
      <c r="NNI154" s="31"/>
      <c r="NNJ154" s="31"/>
      <c r="NNK154" s="31"/>
      <c r="NNL154" s="31"/>
      <c r="NNM154" s="31"/>
      <c r="NNN154" s="31"/>
      <c r="NNO154" s="31"/>
      <c r="NNP154" s="31"/>
      <c r="NNQ154" s="31"/>
      <c r="NNR154" s="31"/>
      <c r="NNS154" s="31"/>
      <c r="NNT154" s="31"/>
      <c r="NNU154" s="31"/>
      <c r="NNV154" s="31"/>
      <c r="NNW154" s="31"/>
      <c r="NNX154" s="31"/>
      <c r="NNY154" s="31"/>
      <c r="NNZ154" s="31"/>
      <c r="NOA154" s="31"/>
      <c r="NOB154" s="31"/>
      <c r="NOC154" s="31"/>
      <c r="NOD154" s="31"/>
      <c r="NOE154" s="31"/>
      <c r="NOF154" s="31"/>
      <c r="NOG154" s="31"/>
      <c r="NOH154" s="31"/>
      <c r="NOI154" s="31"/>
      <c r="NOJ154" s="31"/>
      <c r="NOK154" s="31"/>
      <c r="NOL154" s="31"/>
      <c r="NOM154" s="31"/>
      <c r="NON154" s="31"/>
      <c r="NOO154" s="31"/>
      <c r="NOP154" s="31"/>
      <c r="NOQ154" s="31"/>
      <c r="NOR154" s="31"/>
      <c r="NOS154" s="31"/>
      <c r="NOT154" s="31"/>
      <c r="NOU154" s="31"/>
      <c r="NOV154" s="31"/>
      <c r="NOW154" s="31"/>
      <c r="NOX154" s="31"/>
      <c r="NOY154" s="31"/>
      <c r="NOZ154" s="31"/>
      <c r="NPA154" s="31"/>
      <c r="NPB154" s="31"/>
      <c r="NPC154" s="31"/>
      <c r="NPD154" s="31"/>
      <c r="NPE154" s="31"/>
      <c r="NPF154" s="31"/>
      <c r="NPG154" s="31"/>
      <c r="NPH154" s="31"/>
      <c r="NPI154" s="31"/>
      <c r="NPJ154" s="31"/>
      <c r="NPK154" s="31"/>
      <c r="NPL154" s="31"/>
      <c r="NPM154" s="31"/>
      <c r="NPN154" s="31"/>
      <c r="NPO154" s="31"/>
      <c r="NPP154" s="31"/>
      <c r="NPQ154" s="31"/>
      <c r="NPR154" s="31"/>
      <c r="NPS154" s="31"/>
      <c r="NPT154" s="31"/>
      <c r="NPU154" s="31"/>
      <c r="NPV154" s="31"/>
      <c r="NPW154" s="31"/>
      <c r="NPX154" s="31"/>
      <c r="NPY154" s="31"/>
      <c r="NPZ154" s="31"/>
      <c r="NQA154" s="31"/>
      <c r="NQB154" s="31"/>
      <c r="NQC154" s="31"/>
      <c r="NQD154" s="31"/>
      <c r="NQE154" s="31"/>
      <c r="NQF154" s="31"/>
      <c r="NQG154" s="31"/>
      <c r="NQH154" s="31"/>
      <c r="NQI154" s="31"/>
      <c r="NQJ154" s="31"/>
      <c r="NQK154" s="31"/>
      <c r="NQL154" s="31"/>
      <c r="NQM154" s="31"/>
      <c r="NQN154" s="31"/>
      <c r="NQO154" s="31"/>
      <c r="NQP154" s="31"/>
      <c r="NQQ154" s="31"/>
      <c r="NQR154" s="31"/>
      <c r="NQS154" s="31"/>
      <c r="NQT154" s="31"/>
      <c r="NQU154" s="31"/>
      <c r="NQV154" s="31"/>
      <c r="NQW154" s="31"/>
      <c r="NQX154" s="31"/>
      <c r="NQY154" s="31"/>
      <c r="NQZ154" s="31"/>
      <c r="NRA154" s="31"/>
      <c r="NRB154" s="31"/>
      <c r="NRC154" s="31"/>
      <c r="NRD154" s="31"/>
      <c r="NRE154" s="31"/>
      <c r="NRF154" s="31"/>
      <c r="NRG154" s="31"/>
      <c r="NRH154" s="31"/>
      <c r="NRI154" s="31"/>
      <c r="NRJ154" s="31"/>
      <c r="NRK154" s="31"/>
      <c r="NRL154" s="31"/>
      <c r="NRM154" s="31"/>
      <c r="NRN154" s="31"/>
      <c r="NRO154" s="31"/>
      <c r="NRP154" s="31"/>
      <c r="NRQ154" s="31"/>
      <c r="NRR154" s="31"/>
      <c r="NRS154" s="31"/>
      <c r="NRT154" s="31"/>
      <c r="NRU154" s="31"/>
      <c r="NRV154" s="31"/>
      <c r="NRW154" s="31"/>
      <c r="NRX154" s="31"/>
      <c r="NRY154" s="31"/>
      <c r="NRZ154" s="31"/>
      <c r="NSA154" s="31"/>
      <c r="NSB154" s="31"/>
      <c r="NSC154" s="31"/>
      <c r="NSD154" s="31"/>
      <c r="NSE154" s="31"/>
      <c r="NSF154" s="31"/>
      <c r="NSG154" s="31"/>
      <c r="NSH154" s="31"/>
      <c r="NSI154" s="31"/>
      <c r="NSJ154" s="31"/>
      <c r="NSK154" s="31"/>
      <c r="NSL154" s="31"/>
      <c r="NSM154" s="31"/>
      <c r="NSN154" s="31"/>
      <c r="NSO154" s="31"/>
      <c r="NSP154" s="31"/>
      <c r="NSQ154" s="31"/>
      <c r="NSR154" s="31"/>
      <c r="NSS154" s="31"/>
      <c r="NST154" s="31"/>
      <c r="NSU154" s="31"/>
      <c r="NSV154" s="31"/>
      <c r="NSW154" s="31"/>
      <c r="NSX154" s="31"/>
      <c r="NSY154" s="31"/>
      <c r="NSZ154" s="31"/>
      <c r="NTA154" s="31"/>
      <c r="NTB154" s="31"/>
      <c r="NTC154" s="31"/>
      <c r="NTD154" s="31"/>
      <c r="NTE154" s="31"/>
      <c r="NTF154" s="31"/>
      <c r="NTG154" s="31"/>
      <c r="NTH154" s="31"/>
      <c r="NTI154" s="31"/>
      <c r="NTJ154" s="31"/>
      <c r="NTK154" s="31"/>
      <c r="NTL154" s="31"/>
      <c r="NTM154" s="31"/>
      <c r="NTN154" s="31"/>
      <c r="NTO154" s="31"/>
      <c r="NTP154" s="31"/>
      <c r="NTQ154" s="31"/>
      <c r="NTR154" s="31"/>
      <c r="NTS154" s="31"/>
      <c r="NTT154" s="31"/>
      <c r="NTU154" s="31"/>
      <c r="NTV154" s="31"/>
      <c r="NTW154" s="31"/>
      <c r="NTX154" s="31"/>
      <c r="NTY154" s="31"/>
      <c r="NTZ154" s="31"/>
      <c r="NUA154" s="31"/>
      <c r="NUB154" s="31"/>
      <c r="NUC154" s="31"/>
      <c r="NUD154" s="31"/>
      <c r="NUE154" s="31"/>
      <c r="NUF154" s="31"/>
      <c r="NUG154" s="31"/>
      <c r="NUH154" s="31"/>
      <c r="NUI154" s="31"/>
      <c r="NUJ154" s="31"/>
      <c r="NUK154" s="31"/>
      <c r="NUL154" s="31"/>
      <c r="NUM154" s="31"/>
      <c r="NUN154" s="31"/>
      <c r="NUO154" s="31"/>
      <c r="NUP154" s="31"/>
      <c r="NUQ154" s="31"/>
      <c r="NUR154" s="31"/>
      <c r="NUS154" s="31"/>
      <c r="NUT154" s="31"/>
      <c r="NUU154" s="31"/>
      <c r="NUV154" s="31"/>
      <c r="NUW154" s="31"/>
      <c r="NUX154" s="31"/>
      <c r="NUY154" s="31"/>
      <c r="NUZ154" s="31"/>
      <c r="NVA154" s="31"/>
      <c r="NVB154" s="31"/>
      <c r="NVC154" s="31"/>
      <c r="NVD154" s="31"/>
      <c r="NVE154" s="31"/>
      <c r="NVF154" s="31"/>
      <c r="NVG154" s="31"/>
      <c r="NVH154" s="31"/>
      <c r="NVI154" s="31"/>
      <c r="NVJ154" s="31"/>
      <c r="NVK154" s="31"/>
      <c r="NVL154" s="31"/>
      <c r="NVM154" s="31"/>
      <c r="NVN154" s="31"/>
      <c r="NVO154" s="31"/>
      <c r="NVP154" s="31"/>
      <c r="NVQ154" s="31"/>
      <c r="NVR154" s="31"/>
      <c r="NVS154" s="31"/>
      <c r="NVT154" s="31"/>
      <c r="NVU154" s="31"/>
      <c r="NVV154" s="31"/>
      <c r="NVW154" s="31"/>
      <c r="NVX154" s="31"/>
      <c r="NVY154" s="31"/>
      <c r="NVZ154" s="31"/>
      <c r="NWA154" s="31"/>
      <c r="NWB154" s="31"/>
      <c r="NWC154" s="31"/>
      <c r="NWD154" s="31"/>
      <c r="NWE154" s="31"/>
      <c r="NWF154" s="31"/>
      <c r="NWG154" s="31"/>
      <c r="NWH154" s="31"/>
      <c r="NWI154" s="31"/>
      <c r="NWJ154" s="31"/>
      <c r="NWK154" s="31"/>
      <c r="NWL154" s="31"/>
      <c r="NWM154" s="31"/>
      <c r="NWN154" s="31"/>
      <c r="NWO154" s="31"/>
      <c r="NWP154" s="31"/>
      <c r="NWQ154" s="31"/>
      <c r="NWR154" s="31"/>
      <c r="NWS154" s="31"/>
      <c r="NWT154" s="31"/>
      <c r="NWU154" s="31"/>
      <c r="NWV154" s="31"/>
      <c r="NWW154" s="31"/>
      <c r="NWX154" s="31"/>
      <c r="NWY154" s="31"/>
      <c r="NWZ154" s="31"/>
      <c r="NXA154" s="31"/>
      <c r="NXB154" s="31"/>
      <c r="NXC154" s="31"/>
      <c r="NXD154" s="31"/>
      <c r="NXE154" s="31"/>
      <c r="NXF154" s="31"/>
      <c r="NXG154" s="31"/>
      <c r="NXH154" s="31"/>
      <c r="NXI154" s="31"/>
      <c r="NXJ154" s="31"/>
      <c r="NXK154" s="31"/>
      <c r="NXL154" s="31"/>
      <c r="NXM154" s="31"/>
      <c r="NXN154" s="31"/>
      <c r="NXO154" s="31"/>
      <c r="NXP154" s="31"/>
      <c r="NXQ154" s="31"/>
      <c r="NXR154" s="31"/>
      <c r="NXS154" s="31"/>
      <c r="NXT154" s="31"/>
      <c r="NXU154" s="31"/>
      <c r="NXV154" s="31"/>
      <c r="NXW154" s="31"/>
      <c r="NXX154" s="31"/>
      <c r="NXY154" s="31"/>
      <c r="NXZ154" s="31"/>
      <c r="NYA154" s="31"/>
      <c r="NYB154" s="31"/>
      <c r="NYC154" s="31"/>
      <c r="NYD154" s="31"/>
      <c r="NYE154" s="31"/>
      <c r="NYF154" s="31"/>
      <c r="NYG154" s="31"/>
      <c r="NYH154" s="31"/>
      <c r="NYI154" s="31"/>
      <c r="NYJ154" s="31"/>
      <c r="NYK154" s="31"/>
      <c r="NYL154" s="31"/>
      <c r="NYM154" s="31"/>
      <c r="NYN154" s="31"/>
      <c r="NYO154" s="31"/>
      <c r="NYP154" s="31"/>
      <c r="NYQ154" s="31"/>
      <c r="NYR154" s="31"/>
      <c r="NYS154" s="31"/>
      <c r="NYT154" s="31"/>
      <c r="NYU154" s="31"/>
      <c r="NYV154" s="31"/>
      <c r="NYW154" s="31"/>
      <c r="NYX154" s="31"/>
      <c r="NYY154" s="31"/>
      <c r="NYZ154" s="31"/>
      <c r="NZA154" s="31"/>
      <c r="NZB154" s="31"/>
      <c r="NZC154" s="31"/>
      <c r="NZD154" s="31"/>
      <c r="NZE154" s="31"/>
      <c r="NZF154" s="31"/>
      <c r="NZG154" s="31"/>
      <c r="NZH154" s="31"/>
      <c r="NZI154" s="31"/>
      <c r="NZJ154" s="31"/>
      <c r="NZK154" s="31"/>
      <c r="NZL154" s="31"/>
      <c r="NZM154" s="31"/>
      <c r="NZN154" s="31"/>
      <c r="NZO154" s="31"/>
      <c r="NZP154" s="31"/>
      <c r="NZQ154" s="31"/>
      <c r="NZR154" s="31"/>
      <c r="NZS154" s="31"/>
      <c r="NZT154" s="31"/>
      <c r="NZU154" s="31"/>
      <c r="NZV154" s="31"/>
      <c r="NZW154" s="31"/>
      <c r="NZX154" s="31"/>
      <c r="NZY154" s="31"/>
      <c r="NZZ154" s="31"/>
      <c r="OAA154" s="31"/>
      <c r="OAB154" s="31"/>
      <c r="OAC154" s="31"/>
      <c r="OAD154" s="31"/>
      <c r="OAE154" s="31"/>
      <c r="OAF154" s="31"/>
      <c r="OAG154" s="31"/>
      <c r="OAH154" s="31"/>
      <c r="OAI154" s="31"/>
      <c r="OAJ154" s="31"/>
      <c r="OAK154" s="31"/>
      <c r="OAL154" s="31"/>
      <c r="OAM154" s="31"/>
      <c r="OAN154" s="31"/>
      <c r="OAO154" s="31"/>
      <c r="OAP154" s="31"/>
      <c r="OAQ154" s="31"/>
      <c r="OAR154" s="31"/>
      <c r="OAS154" s="31"/>
      <c r="OAT154" s="31"/>
      <c r="OAU154" s="31"/>
      <c r="OAV154" s="31"/>
      <c r="OAW154" s="31"/>
      <c r="OAX154" s="31"/>
      <c r="OAY154" s="31"/>
      <c r="OAZ154" s="31"/>
      <c r="OBA154" s="31"/>
      <c r="OBB154" s="31"/>
      <c r="OBC154" s="31"/>
      <c r="OBD154" s="31"/>
      <c r="OBE154" s="31"/>
      <c r="OBF154" s="31"/>
      <c r="OBG154" s="31"/>
      <c r="OBH154" s="31"/>
      <c r="OBI154" s="31"/>
      <c r="OBJ154" s="31"/>
      <c r="OBK154" s="31"/>
      <c r="OBL154" s="31"/>
      <c r="OBM154" s="31"/>
      <c r="OBN154" s="31"/>
      <c r="OBO154" s="31"/>
      <c r="OBP154" s="31"/>
      <c r="OBQ154" s="31"/>
      <c r="OBR154" s="31"/>
      <c r="OBS154" s="31"/>
      <c r="OBT154" s="31"/>
      <c r="OBU154" s="31"/>
      <c r="OBV154" s="31"/>
      <c r="OBW154" s="31"/>
      <c r="OBX154" s="31"/>
      <c r="OBY154" s="31"/>
      <c r="OBZ154" s="31"/>
      <c r="OCA154" s="31"/>
      <c r="OCB154" s="31"/>
      <c r="OCC154" s="31"/>
      <c r="OCD154" s="31"/>
      <c r="OCE154" s="31"/>
      <c r="OCF154" s="31"/>
      <c r="OCG154" s="31"/>
      <c r="OCH154" s="31"/>
      <c r="OCI154" s="31"/>
      <c r="OCJ154" s="31"/>
      <c r="OCK154" s="31"/>
      <c r="OCL154" s="31"/>
      <c r="OCM154" s="31"/>
      <c r="OCN154" s="31"/>
      <c r="OCO154" s="31"/>
      <c r="OCP154" s="31"/>
      <c r="OCQ154" s="31"/>
      <c r="OCR154" s="31"/>
      <c r="OCS154" s="31"/>
      <c r="OCT154" s="31"/>
      <c r="OCU154" s="31"/>
      <c r="OCV154" s="31"/>
      <c r="OCW154" s="31"/>
      <c r="OCX154" s="31"/>
      <c r="OCY154" s="31"/>
      <c r="OCZ154" s="31"/>
      <c r="ODA154" s="31"/>
      <c r="ODB154" s="31"/>
      <c r="ODC154" s="31"/>
      <c r="ODD154" s="31"/>
      <c r="ODE154" s="31"/>
      <c r="ODF154" s="31"/>
      <c r="ODG154" s="31"/>
      <c r="ODH154" s="31"/>
      <c r="ODI154" s="31"/>
      <c r="ODJ154" s="31"/>
      <c r="ODK154" s="31"/>
      <c r="ODL154" s="31"/>
      <c r="ODM154" s="31"/>
      <c r="ODN154" s="31"/>
      <c r="ODO154" s="31"/>
      <c r="ODP154" s="31"/>
      <c r="ODQ154" s="31"/>
      <c r="ODR154" s="31"/>
      <c r="ODS154" s="31"/>
      <c r="ODT154" s="31"/>
      <c r="ODU154" s="31"/>
      <c r="ODV154" s="31"/>
      <c r="ODW154" s="31"/>
      <c r="ODX154" s="31"/>
      <c r="ODY154" s="31"/>
      <c r="ODZ154" s="31"/>
      <c r="OEA154" s="31"/>
      <c r="OEB154" s="31"/>
      <c r="OEC154" s="31"/>
      <c r="OED154" s="31"/>
      <c r="OEE154" s="31"/>
      <c r="OEF154" s="31"/>
      <c r="OEG154" s="31"/>
      <c r="OEH154" s="31"/>
      <c r="OEI154" s="31"/>
      <c r="OEJ154" s="31"/>
      <c r="OEK154" s="31"/>
      <c r="OEL154" s="31"/>
      <c r="OEM154" s="31"/>
      <c r="OEN154" s="31"/>
      <c r="OEO154" s="31"/>
      <c r="OEP154" s="31"/>
      <c r="OEQ154" s="31"/>
      <c r="OER154" s="31"/>
      <c r="OES154" s="31"/>
      <c r="OET154" s="31"/>
      <c r="OEU154" s="31"/>
      <c r="OEV154" s="31"/>
      <c r="OEW154" s="31"/>
      <c r="OEX154" s="31"/>
      <c r="OEY154" s="31"/>
      <c r="OEZ154" s="31"/>
      <c r="OFA154" s="31"/>
      <c r="OFB154" s="31"/>
      <c r="OFC154" s="31"/>
      <c r="OFD154" s="31"/>
      <c r="OFE154" s="31"/>
      <c r="OFF154" s="31"/>
      <c r="OFG154" s="31"/>
      <c r="OFH154" s="31"/>
      <c r="OFI154" s="31"/>
      <c r="OFJ154" s="31"/>
      <c r="OFK154" s="31"/>
      <c r="OFL154" s="31"/>
      <c r="OFM154" s="31"/>
      <c r="OFN154" s="31"/>
      <c r="OFO154" s="31"/>
      <c r="OFP154" s="31"/>
      <c r="OFQ154" s="31"/>
      <c r="OFR154" s="31"/>
      <c r="OFS154" s="31"/>
      <c r="OFT154" s="31"/>
      <c r="OFU154" s="31"/>
      <c r="OFV154" s="31"/>
      <c r="OFW154" s="31"/>
      <c r="OFX154" s="31"/>
      <c r="OFY154" s="31"/>
      <c r="OFZ154" s="31"/>
      <c r="OGA154" s="31"/>
      <c r="OGB154" s="31"/>
      <c r="OGC154" s="31"/>
      <c r="OGD154" s="31"/>
      <c r="OGE154" s="31"/>
      <c r="OGF154" s="31"/>
      <c r="OGG154" s="31"/>
      <c r="OGH154" s="31"/>
      <c r="OGI154" s="31"/>
      <c r="OGJ154" s="31"/>
      <c r="OGK154" s="31"/>
      <c r="OGL154" s="31"/>
      <c r="OGM154" s="31"/>
      <c r="OGN154" s="31"/>
      <c r="OGO154" s="31"/>
      <c r="OGP154" s="31"/>
      <c r="OGQ154" s="31"/>
      <c r="OGR154" s="31"/>
      <c r="OGS154" s="31"/>
      <c r="OGT154" s="31"/>
      <c r="OGU154" s="31"/>
      <c r="OGV154" s="31"/>
      <c r="OGW154" s="31"/>
      <c r="OGX154" s="31"/>
      <c r="OGY154" s="31"/>
      <c r="OGZ154" s="31"/>
      <c r="OHA154" s="31"/>
      <c r="OHB154" s="31"/>
      <c r="OHC154" s="31"/>
      <c r="OHD154" s="31"/>
      <c r="OHE154" s="31"/>
      <c r="OHF154" s="31"/>
      <c r="OHG154" s="31"/>
      <c r="OHH154" s="31"/>
      <c r="OHI154" s="31"/>
      <c r="OHJ154" s="31"/>
      <c r="OHK154" s="31"/>
      <c r="OHL154" s="31"/>
      <c r="OHM154" s="31"/>
      <c r="OHN154" s="31"/>
      <c r="OHO154" s="31"/>
      <c r="OHP154" s="31"/>
      <c r="OHQ154" s="31"/>
      <c r="OHR154" s="31"/>
      <c r="OHS154" s="31"/>
      <c r="OHT154" s="31"/>
      <c r="OHU154" s="31"/>
      <c r="OHV154" s="31"/>
      <c r="OHW154" s="31"/>
      <c r="OHX154" s="31"/>
      <c r="OHY154" s="31"/>
      <c r="OHZ154" s="31"/>
      <c r="OIA154" s="31"/>
      <c r="OIB154" s="31"/>
      <c r="OIC154" s="31"/>
      <c r="OID154" s="31"/>
      <c r="OIE154" s="31"/>
      <c r="OIF154" s="31"/>
      <c r="OIG154" s="31"/>
      <c r="OIH154" s="31"/>
      <c r="OII154" s="31"/>
      <c r="OIJ154" s="31"/>
      <c r="OIK154" s="31"/>
      <c r="OIL154" s="31"/>
      <c r="OIM154" s="31"/>
      <c r="OIN154" s="31"/>
      <c r="OIO154" s="31"/>
      <c r="OIP154" s="31"/>
      <c r="OIQ154" s="31"/>
      <c r="OIR154" s="31"/>
      <c r="OIS154" s="31"/>
      <c r="OIT154" s="31"/>
      <c r="OIU154" s="31"/>
      <c r="OIV154" s="31"/>
      <c r="OIW154" s="31"/>
      <c r="OIX154" s="31"/>
      <c r="OIY154" s="31"/>
      <c r="OIZ154" s="31"/>
      <c r="OJA154" s="31"/>
      <c r="OJB154" s="31"/>
      <c r="OJC154" s="31"/>
      <c r="OJD154" s="31"/>
      <c r="OJE154" s="31"/>
      <c r="OJF154" s="31"/>
      <c r="OJG154" s="31"/>
      <c r="OJH154" s="31"/>
      <c r="OJI154" s="31"/>
      <c r="OJJ154" s="31"/>
      <c r="OJK154" s="31"/>
      <c r="OJL154" s="31"/>
      <c r="OJM154" s="31"/>
      <c r="OJN154" s="31"/>
      <c r="OJO154" s="31"/>
      <c r="OJP154" s="31"/>
      <c r="OJQ154" s="31"/>
      <c r="OJR154" s="31"/>
      <c r="OJS154" s="31"/>
      <c r="OJT154" s="31"/>
      <c r="OJU154" s="31"/>
      <c r="OJV154" s="31"/>
      <c r="OJW154" s="31"/>
      <c r="OJX154" s="31"/>
      <c r="OJY154" s="31"/>
      <c r="OJZ154" s="31"/>
      <c r="OKA154" s="31"/>
      <c r="OKB154" s="31"/>
      <c r="OKC154" s="31"/>
      <c r="OKD154" s="31"/>
      <c r="OKE154" s="31"/>
      <c r="OKF154" s="31"/>
      <c r="OKG154" s="31"/>
      <c r="OKH154" s="31"/>
      <c r="OKI154" s="31"/>
      <c r="OKJ154" s="31"/>
      <c r="OKK154" s="31"/>
      <c r="OKL154" s="31"/>
      <c r="OKM154" s="31"/>
      <c r="OKN154" s="31"/>
      <c r="OKO154" s="31"/>
      <c r="OKP154" s="31"/>
      <c r="OKQ154" s="31"/>
      <c r="OKR154" s="31"/>
      <c r="OKS154" s="31"/>
      <c r="OKT154" s="31"/>
      <c r="OKU154" s="31"/>
      <c r="OKV154" s="31"/>
      <c r="OKW154" s="31"/>
      <c r="OKX154" s="31"/>
      <c r="OKY154" s="31"/>
      <c r="OKZ154" s="31"/>
      <c r="OLA154" s="31"/>
      <c r="OLB154" s="31"/>
      <c r="OLC154" s="31"/>
      <c r="OLD154" s="31"/>
      <c r="OLE154" s="31"/>
      <c r="OLF154" s="31"/>
      <c r="OLG154" s="31"/>
      <c r="OLH154" s="31"/>
      <c r="OLI154" s="31"/>
      <c r="OLJ154" s="31"/>
      <c r="OLK154" s="31"/>
      <c r="OLL154" s="31"/>
      <c r="OLM154" s="31"/>
      <c r="OLN154" s="31"/>
      <c r="OLO154" s="31"/>
      <c r="OLP154" s="31"/>
      <c r="OLQ154" s="31"/>
      <c r="OLR154" s="31"/>
      <c r="OLS154" s="31"/>
      <c r="OLT154" s="31"/>
      <c r="OLU154" s="31"/>
      <c r="OLV154" s="31"/>
      <c r="OLW154" s="31"/>
      <c r="OLX154" s="31"/>
      <c r="OLY154" s="31"/>
      <c r="OLZ154" s="31"/>
      <c r="OMA154" s="31"/>
      <c r="OMB154" s="31"/>
      <c r="OMC154" s="31"/>
      <c r="OMD154" s="31"/>
      <c r="OME154" s="31"/>
      <c r="OMF154" s="31"/>
      <c r="OMG154" s="31"/>
      <c r="OMH154" s="31"/>
      <c r="OMI154" s="31"/>
      <c r="OMJ154" s="31"/>
      <c r="OMK154" s="31"/>
      <c r="OML154" s="31"/>
      <c r="OMM154" s="31"/>
      <c r="OMN154" s="31"/>
      <c r="OMO154" s="31"/>
      <c r="OMP154" s="31"/>
      <c r="OMQ154" s="31"/>
      <c r="OMR154" s="31"/>
      <c r="OMS154" s="31"/>
      <c r="OMT154" s="31"/>
      <c r="OMU154" s="31"/>
      <c r="OMV154" s="31"/>
      <c r="OMW154" s="31"/>
      <c r="OMX154" s="31"/>
      <c r="OMY154" s="31"/>
      <c r="OMZ154" s="31"/>
      <c r="ONA154" s="31"/>
      <c r="ONB154" s="31"/>
      <c r="ONC154" s="31"/>
      <c r="OND154" s="31"/>
      <c r="ONE154" s="31"/>
      <c r="ONF154" s="31"/>
      <c r="ONG154" s="31"/>
      <c r="ONH154" s="31"/>
      <c r="ONI154" s="31"/>
      <c r="ONJ154" s="31"/>
      <c r="ONK154" s="31"/>
      <c r="ONL154" s="31"/>
      <c r="ONM154" s="31"/>
      <c r="ONN154" s="31"/>
      <c r="ONO154" s="31"/>
      <c r="ONP154" s="31"/>
      <c r="ONQ154" s="31"/>
      <c r="ONR154" s="31"/>
      <c r="ONS154" s="31"/>
      <c r="ONT154" s="31"/>
      <c r="ONU154" s="31"/>
      <c r="ONV154" s="31"/>
      <c r="ONW154" s="31"/>
      <c r="ONX154" s="31"/>
      <c r="ONY154" s="31"/>
      <c r="ONZ154" s="31"/>
      <c r="OOA154" s="31"/>
      <c r="OOB154" s="31"/>
      <c r="OOC154" s="31"/>
      <c r="OOD154" s="31"/>
      <c r="OOE154" s="31"/>
      <c r="OOF154" s="31"/>
      <c r="OOG154" s="31"/>
      <c r="OOH154" s="31"/>
      <c r="OOI154" s="31"/>
      <c r="OOJ154" s="31"/>
      <c r="OOK154" s="31"/>
      <c r="OOL154" s="31"/>
      <c r="OOM154" s="31"/>
      <c r="OON154" s="31"/>
      <c r="OOO154" s="31"/>
      <c r="OOP154" s="31"/>
      <c r="OOQ154" s="31"/>
      <c r="OOR154" s="31"/>
      <c r="OOS154" s="31"/>
      <c r="OOT154" s="31"/>
      <c r="OOU154" s="31"/>
      <c r="OOV154" s="31"/>
      <c r="OOW154" s="31"/>
      <c r="OOX154" s="31"/>
      <c r="OOY154" s="31"/>
      <c r="OOZ154" s="31"/>
      <c r="OPA154" s="31"/>
      <c r="OPB154" s="31"/>
      <c r="OPC154" s="31"/>
      <c r="OPD154" s="31"/>
      <c r="OPE154" s="31"/>
      <c r="OPF154" s="31"/>
      <c r="OPG154" s="31"/>
      <c r="OPH154" s="31"/>
      <c r="OPI154" s="31"/>
      <c r="OPJ154" s="31"/>
      <c r="OPK154" s="31"/>
      <c r="OPL154" s="31"/>
      <c r="OPM154" s="31"/>
      <c r="OPN154" s="31"/>
      <c r="OPO154" s="31"/>
      <c r="OPP154" s="31"/>
      <c r="OPQ154" s="31"/>
      <c r="OPR154" s="31"/>
      <c r="OPS154" s="31"/>
      <c r="OPT154" s="31"/>
      <c r="OPU154" s="31"/>
      <c r="OPV154" s="31"/>
      <c r="OPW154" s="31"/>
      <c r="OPX154" s="31"/>
      <c r="OPY154" s="31"/>
      <c r="OPZ154" s="31"/>
      <c r="OQA154" s="31"/>
      <c r="OQB154" s="31"/>
      <c r="OQC154" s="31"/>
      <c r="OQD154" s="31"/>
      <c r="OQE154" s="31"/>
      <c r="OQF154" s="31"/>
      <c r="OQG154" s="31"/>
      <c r="OQH154" s="31"/>
      <c r="OQI154" s="31"/>
      <c r="OQJ154" s="31"/>
      <c r="OQK154" s="31"/>
      <c r="OQL154" s="31"/>
      <c r="OQM154" s="31"/>
      <c r="OQN154" s="31"/>
      <c r="OQO154" s="31"/>
      <c r="OQP154" s="31"/>
      <c r="OQQ154" s="31"/>
      <c r="OQR154" s="31"/>
      <c r="OQS154" s="31"/>
      <c r="OQT154" s="31"/>
      <c r="OQU154" s="31"/>
      <c r="OQV154" s="31"/>
      <c r="OQW154" s="31"/>
      <c r="OQX154" s="31"/>
      <c r="OQY154" s="31"/>
      <c r="OQZ154" s="31"/>
      <c r="ORA154" s="31"/>
      <c r="ORB154" s="31"/>
      <c r="ORC154" s="31"/>
      <c r="ORD154" s="31"/>
      <c r="ORE154" s="31"/>
      <c r="ORF154" s="31"/>
      <c r="ORG154" s="31"/>
      <c r="ORH154" s="31"/>
      <c r="ORI154" s="31"/>
      <c r="ORJ154" s="31"/>
      <c r="ORK154" s="31"/>
      <c r="ORL154" s="31"/>
      <c r="ORM154" s="31"/>
      <c r="ORN154" s="31"/>
      <c r="ORO154" s="31"/>
      <c r="ORP154" s="31"/>
      <c r="ORQ154" s="31"/>
      <c r="ORR154" s="31"/>
      <c r="ORS154" s="31"/>
      <c r="ORT154" s="31"/>
      <c r="ORU154" s="31"/>
      <c r="ORV154" s="31"/>
      <c r="ORW154" s="31"/>
      <c r="ORX154" s="31"/>
      <c r="ORY154" s="31"/>
      <c r="ORZ154" s="31"/>
      <c r="OSA154" s="31"/>
      <c r="OSB154" s="31"/>
      <c r="OSC154" s="31"/>
      <c r="OSD154" s="31"/>
      <c r="OSE154" s="31"/>
      <c r="OSF154" s="31"/>
      <c r="OSG154" s="31"/>
      <c r="OSH154" s="31"/>
      <c r="OSI154" s="31"/>
      <c r="OSJ154" s="31"/>
      <c r="OSK154" s="31"/>
      <c r="OSL154" s="31"/>
      <c r="OSM154" s="31"/>
      <c r="OSN154" s="31"/>
      <c r="OSO154" s="31"/>
      <c r="OSP154" s="31"/>
      <c r="OSQ154" s="31"/>
      <c r="OSR154" s="31"/>
      <c r="OSS154" s="31"/>
      <c r="OST154" s="31"/>
      <c r="OSU154" s="31"/>
      <c r="OSV154" s="31"/>
      <c r="OSW154" s="31"/>
      <c r="OSX154" s="31"/>
      <c r="OSY154" s="31"/>
      <c r="OSZ154" s="31"/>
      <c r="OTA154" s="31"/>
      <c r="OTB154" s="31"/>
      <c r="OTC154" s="31"/>
      <c r="OTD154" s="31"/>
      <c r="OTE154" s="31"/>
      <c r="OTF154" s="31"/>
      <c r="OTG154" s="31"/>
      <c r="OTH154" s="31"/>
      <c r="OTI154" s="31"/>
      <c r="OTJ154" s="31"/>
      <c r="OTK154" s="31"/>
      <c r="OTL154" s="31"/>
      <c r="OTM154" s="31"/>
      <c r="OTN154" s="31"/>
      <c r="OTO154" s="31"/>
      <c r="OTP154" s="31"/>
      <c r="OTQ154" s="31"/>
      <c r="OTR154" s="31"/>
      <c r="OTS154" s="31"/>
      <c r="OTT154" s="31"/>
      <c r="OTU154" s="31"/>
      <c r="OTV154" s="31"/>
      <c r="OTW154" s="31"/>
      <c r="OTX154" s="31"/>
      <c r="OTY154" s="31"/>
      <c r="OTZ154" s="31"/>
      <c r="OUA154" s="31"/>
      <c r="OUB154" s="31"/>
      <c r="OUC154" s="31"/>
      <c r="OUD154" s="31"/>
      <c r="OUE154" s="31"/>
      <c r="OUF154" s="31"/>
      <c r="OUG154" s="31"/>
      <c r="OUH154" s="31"/>
      <c r="OUI154" s="31"/>
      <c r="OUJ154" s="31"/>
      <c r="OUK154" s="31"/>
      <c r="OUL154" s="31"/>
      <c r="OUM154" s="31"/>
      <c r="OUN154" s="31"/>
      <c r="OUO154" s="31"/>
      <c r="OUP154" s="31"/>
      <c r="OUQ154" s="31"/>
      <c r="OUR154" s="31"/>
      <c r="OUS154" s="31"/>
      <c r="OUT154" s="31"/>
      <c r="OUU154" s="31"/>
      <c r="OUV154" s="31"/>
      <c r="OUW154" s="31"/>
      <c r="OUX154" s="31"/>
      <c r="OUY154" s="31"/>
      <c r="OUZ154" s="31"/>
      <c r="OVA154" s="31"/>
      <c r="OVB154" s="31"/>
      <c r="OVC154" s="31"/>
      <c r="OVD154" s="31"/>
      <c r="OVE154" s="31"/>
      <c r="OVF154" s="31"/>
      <c r="OVG154" s="31"/>
      <c r="OVH154" s="31"/>
      <c r="OVI154" s="31"/>
      <c r="OVJ154" s="31"/>
      <c r="OVK154" s="31"/>
      <c r="OVL154" s="31"/>
      <c r="OVM154" s="31"/>
      <c r="OVN154" s="31"/>
      <c r="OVO154" s="31"/>
      <c r="OVP154" s="31"/>
      <c r="OVQ154" s="31"/>
      <c r="OVR154" s="31"/>
      <c r="OVS154" s="31"/>
      <c r="OVT154" s="31"/>
      <c r="OVU154" s="31"/>
      <c r="OVV154" s="31"/>
      <c r="OVW154" s="31"/>
      <c r="OVX154" s="31"/>
      <c r="OVY154" s="31"/>
      <c r="OVZ154" s="31"/>
      <c r="OWA154" s="31"/>
      <c r="OWB154" s="31"/>
      <c r="OWC154" s="31"/>
      <c r="OWD154" s="31"/>
      <c r="OWE154" s="31"/>
      <c r="OWF154" s="31"/>
      <c r="OWG154" s="31"/>
      <c r="OWH154" s="31"/>
      <c r="OWI154" s="31"/>
      <c r="OWJ154" s="31"/>
      <c r="OWK154" s="31"/>
      <c r="OWL154" s="31"/>
      <c r="OWM154" s="31"/>
      <c r="OWN154" s="31"/>
      <c r="OWO154" s="31"/>
      <c r="OWP154" s="31"/>
      <c r="OWQ154" s="31"/>
      <c r="OWR154" s="31"/>
      <c r="OWS154" s="31"/>
      <c r="OWT154" s="31"/>
      <c r="OWU154" s="31"/>
      <c r="OWV154" s="31"/>
      <c r="OWW154" s="31"/>
      <c r="OWX154" s="31"/>
      <c r="OWY154" s="31"/>
      <c r="OWZ154" s="31"/>
      <c r="OXA154" s="31"/>
      <c r="OXB154" s="31"/>
      <c r="OXC154" s="31"/>
      <c r="OXD154" s="31"/>
      <c r="OXE154" s="31"/>
      <c r="OXF154" s="31"/>
      <c r="OXG154" s="31"/>
      <c r="OXH154" s="31"/>
      <c r="OXI154" s="31"/>
      <c r="OXJ154" s="31"/>
      <c r="OXK154" s="31"/>
      <c r="OXL154" s="31"/>
      <c r="OXM154" s="31"/>
      <c r="OXN154" s="31"/>
      <c r="OXO154" s="31"/>
      <c r="OXP154" s="31"/>
      <c r="OXQ154" s="31"/>
      <c r="OXR154" s="31"/>
      <c r="OXS154" s="31"/>
      <c r="OXT154" s="31"/>
      <c r="OXU154" s="31"/>
      <c r="OXV154" s="31"/>
      <c r="OXW154" s="31"/>
      <c r="OXX154" s="31"/>
      <c r="OXY154" s="31"/>
      <c r="OXZ154" s="31"/>
      <c r="OYA154" s="31"/>
      <c r="OYB154" s="31"/>
      <c r="OYC154" s="31"/>
      <c r="OYD154" s="31"/>
      <c r="OYE154" s="31"/>
      <c r="OYF154" s="31"/>
      <c r="OYG154" s="31"/>
      <c r="OYH154" s="31"/>
      <c r="OYI154" s="31"/>
      <c r="OYJ154" s="31"/>
      <c r="OYK154" s="31"/>
      <c r="OYL154" s="31"/>
      <c r="OYM154" s="31"/>
      <c r="OYN154" s="31"/>
      <c r="OYO154" s="31"/>
      <c r="OYP154" s="31"/>
      <c r="OYQ154" s="31"/>
      <c r="OYR154" s="31"/>
      <c r="OYS154" s="31"/>
      <c r="OYT154" s="31"/>
      <c r="OYU154" s="31"/>
      <c r="OYV154" s="31"/>
      <c r="OYW154" s="31"/>
      <c r="OYX154" s="31"/>
      <c r="OYY154" s="31"/>
      <c r="OYZ154" s="31"/>
      <c r="OZA154" s="31"/>
      <c r="OZB154" s="31"/>
      <c r="OZC154" s="31"/>
      <c r="OZD154" s="31"/>
      <c r="OZE154" s="31"/>
      <c r="OZF154" s="31"/>
      <c r="OZG154" s="31"/>
      <c r="OZH154" s="31"/>
      <c r="OZI154" s="31"/>
      <c r="OZJ154" s="31"/>
      <c r="OZK154" s="31"/>
      <c r="OZL154" s="31"/>
      <c r="OZM154" s="31"/>
      <c r="OZN154" s="31"/>
      <c r="OZO154" s="31"/>
      <c r="OZP154" s="31"/>
      <c r="OZQ154" s="31"/>
      <c r="OZR154" s="31"/>
      <c r="OZS154" s="31"/>
      <c r="OZT154" s="31"/>
      <c r="OZU154" s="31"/>
      <c r="OZV154" s="31"/>
      <c r="OZW154" s="31"/>
      <c r="OZX154" s="31"/>
      <c r="OZY154" s="31"/>
      <c r="OZZ154" s="31"/>
      <c r="PAA154" s="31"/>
      <c r="PAB154" s="31"/>
      <c r="PAC154" s="31"/>
      <c r="PAD154" s="31"/>
      <c r="PAE154" s="31"/>
      <c r="PAF154" s="31"/>
      <c r="PAG154" s="31"/>
      <c r="PAH154" s="31"/>
      <c r="PAI154" s="31"/>
      <c r="PAJ154" s="31"/>
      <c r="PAK154" s="31"/>
      <c r="PAL154" s="31"/>
      <c r="PAM154" s="31"/>
      <c r="PAN154" s="31"/>
      <c r="PAO154" s="31"/>
      <c r="PAP154" s="31"/>
      <c r="PAQ154" s="31"/>
      <c r="PAR154" s="31"/>
      <c r="PAS154" s="31"/>
      <c r="PAT154" s="31"/>
      <c r="PAU154" s="31"/>
      <c r="PAV154" s="31"/>
      <c r="PAW154" s="31"/>
      <c r="PAX154" s="31"/>
      <c r="PAY154" s="31"/>
      <c r="PAZ154" s="31"/>
      <c r="PBA154" s="31"/>
      <c r="PBB154" s="31"/>
      <c r="PBC154" s="31"/>
      <c r="PBD154" s="31"/>
      <c r="PBE154" s="31"/>
      <c r="PBF154" s="31"/>
      <c r="PBG154" s="31"/>
      <c r="PBH154" s="31"/>
      <c r="PBI154" s="31"/>
      <c r="PBJ154" s="31"/>
      <c r="PBK154" s="31"/>
      <c r="PBL154" s="31"/>
      <c r="PBM154" s="31"/>
      <c r="PBN154" s="31"/>
      <c r="PBO154" s="31"/>
      <c r="PBP154" s="31"/>
      <c r="PBQ154" s="31"/>
      <c r="PBR154" s="31"/>
      <c r="PBS154" s="31"/>
      <c r="PBT154" s="31"/>
      <c r="PBU154" s="31"/>
      <c r="PBV154" s="31"/>
      <c r="PBW154" s="31"/>
      <c r="PBX154" s="31"/>
      <c r="PBY154" s="31"/>
      <c r="PBZ154" s="31"/>
      <c r="PCA154" s="31"/>
      <c r="PCB154" s="31"/>
      <c r="PCC154" s="31"/>
      <c r="PCD154" s="31"/>
      <c r="PCE154" s="31"/>
      <c r="PCF154" s="31"/>
      <c r="PCG154" s="31"/>
      <c r="PCH154" s="31"/>
      <c r="PCI154" s="31"/>
      <c r="PCJ154" s="31"/>
      <c r="PCK154" s="31"/>
      <c r="PCL154" s="31"/>
      <c r="PCM154" s="31"/>
      <c r="PCN154" s="31"/>
      <c r="PCO154" s="31"/>
      <c r="PCP154" s="31"/>
      <c r="PCQ154" s="31"/>
      <c r="PCR154" s="31"/>
      <c r="PCS154" s="31"/>
      <c r="PCT154" s="31"/>
      <c r="PCU154" s="31"/>
      <c r="PCV154" s="31"/>
      <c r="PCW154" s="31"/>
      <c r="PCX154" s="31"/>
      <c r="PCY154" s="31"/>
      <c r="PCZ154" s="31"/>
      <c r="PDA154" s="31"/>
      <c r="PDB154" s="31"/>
      <c r="PDC154" s="31"/>
      <c r="PDD154" s="31"/>
      <c r="PDE154" s="31"/>
      <c r="PDF154" s="31"/>
      <c r="PDG154" s="31"/>
      <c r="PDH154" s="31"/>
      <c r="PDI154" s="31"/>
      <c r="PDJ154" s="31"/>
      <c r="PDK154" s="31"/>
      <c r="PDL154" s="31"/>
      <c r="PDM154" s="31"/>
      <c r="PDN154" s="31"/>
      <c r="PDO154" s="31"/>
      <c r="PDP154" s="31"/>
      <c r="PDQ154" s="31"/>
      <c r="PDR154" s="31"/>
      <c r="PDS154" s="31"/>
      <c r="PDT154" s="31"/>
      <c r="PDU154" s="31"/>
      <c r="PDV154" s="31"/>
      <c r="PDW154" s="31"/>
      <c r="PDX154" s="31"/>
      <c r="PDY154" s="31"/>
      <c r="PDZ154" s="31"/>
      <c r="PEA154" s="31"/>
      <c r="PEB154" s="31"/>
      <c r="PEC154" s="31"/>
      <c r="PED154" s="31"/>
      <c r="PEE154" s="31"/>
      <c r="PEF154" s="31"/>
      <c r="PEG154" s="31"/>
      <c r="PEH154" s="31"/>
      <c r="PEI154" s="31"/>
      <c r="PEJ154" s="31"/>
      <c r="PEK154" s="31"/>
      <c r="PEL154" s="31"/>
      <c r="PEM154" s="31"/>
      <c r="PEN154" s="31"/>
      <c r="PEO154" s="31"/>
      <c r="PEP154" s="31"/>
      <c r="PEQ154" s="31"/>
      <c r="PER154" s="31"/>
      <c r="PES154" s="31"/>
      <c r="PET154" s="31"/>
      <c r="PEU154" s="31"/>
      <c r="PEV154" s="31"/>
      <c r="PEW154" s="31"/>
      <c r="PEX154" s="31"/>
      <c r="PEY154" s="31"/>
      <c r="PEZ154" s="31"/>
      <c r="PFA154" s="31"/>
      <c r="PFB154" s="31"/>
      <c r="PFC154" s="31"/>
      <c r="PFD154" s="31"/>
      <c r="PFE154" s="31"/>
      <c r="PFF154" s="31"/>
      <c r="PFG154" s="31"/>
      <c r="PFH154" s="31"/>
      <c r="PFI154" s="31"/>
      <c r="PFJ154" s="31"/>
      <c r="PFK154" s="31"/>
      <c r="PFL154" s="31"/>
      <c r="PFM154" s="31"/>
      <c r="PFN154" s="31"/>
      <c r="PFO154" s="31"/>
      <c r="PFP154" s="31"/>
      <c r="PFQ154" s="31"/>
      <c r="PFR154" s="31"/>
      <c r="PFS154" s="31"/>
      <c r="PFT154" s="31"/>
      <c r="PFU154" s="31"/>
      <c r="PFV154" s="31"/>
      <c r="PFW154" s="31"/>
      <c r="PFX154" s="31"/>
      <c r="PFY154" s="31"/>
      <c r="PFZ154" s="31"/>
      <c r="PGA154" s="31"/>
      <c r="PGB154" s="31"/>
      <c r="PGC154" s="31"/>
      <c r="PGD154" s="31"/>
      <c r="PGE154" s="31"/>
      <c r="PGF154" s="31"/>
      <c r="PGG154" s="31"/>
      <c r="PGH154" s="31"/>
      <c r="PGI154" s="31"/>
      <c r="PGJ154" s="31"/>
      <c r="PGK154" s="31"/>
      <c r="PGL154" s="31"/>
      <c r="PGM154" s="31"/>
      <c r="PGN154" s="31"/>
      <c r="PGO154" s="31"/>
      <c r="PGP154" s="31"/>
      <c r="PGQ154" s="31"/>
      <c r="PGR154" s="31"/>
      <c r="PGS154" s="31"/>
      <c r="PGT154" s="31"/>
      <c r="PGU154" s="31"/>
      <c r="PGV154" s="31"/>
      <c r="PGW154" s="31"/>
      <c r="PGX154" s="31"/>
      <c r="PGY154" s="31"/>
      <c r="PGZ154" s="31"/>
      <c r="PHA154" s="31"/>
      <c r="PHB154" s="31"/>
      <c r="PHC154" s="31"/>
      <c r="PHD154" s="31"/>
      <c r="PHE154" s="31"/>
      <c r="PHF154" s="31"/>
      <c r="PHG154" s="31"/>
      <c r="PHH154" s="31"/>
      <c r="PHI154" s="31"/>
      <c r="PHJ154" s="31"/>
      <c r="PHK154" s="31"/>
      <c r="PHL154" s="31"/>
      <c r="PHM154" s="31"/>
      <c r="PHN154" s="31"/>
      <c r="PHO154" s="31"/>
      <c r="PHP154" s="31"/>
      <c r="PHQ154" s="31"/>
      <c r="PHR154" s="31"/>
      <c r="PHS154" s="31"/>
      <c r="PHT154" s="31"/>
      <c r="PHU154" s="31"/>
      <c r="PHV154" s="31"/>
      <c r="PHW154" s="31"/>
      <c r="PHX154" s="31"/>
      <c r="PHY154" s="31"/>
      <c r="PHZ154" s="31"/>
      <c r="PIA154" s="31"/>
      <c r="PIB154" s="31"/>
      <c r="PIC154" s="31"/>
      <c r="PID154" s="31"/>
      <c r="PIE154" s="31"/>
      <c r="PIF154" s="31"/>
      <c r="PIG154" s="31"/>
      <c r="PIH154" s="31"/>
      <c r="PII154" s="31"/>
      <c r="PIJ154" s="31"/>
      <c r="PIK154" s="31"/>
      <c r="PIL154" s="31"/>
      <c r="PIM154" s="31"/>
      <c r="PIN154" s="31"/>
      <c r="PIO154" s="31"/>
      <c r="PIP154" s="31"/>
      <c r="PIQ154" s="31"/>
      <c r="PIR154" s="31"/>
      <c r="PIS154" s="31"/>
      <c r="PIT154" s="31"/>
      <c r="PIU154" s="31"/>
      <c r="PIV154" s="31"/>
      <c r="PIW154" s="31"/>
      <c r="PIX154" s="31"/>
      <c r="PIY154" s="31"/>
      <c r="PIZ154" s="31"/>
      <c r="PJA154" s="31"/>
      <c r="PJB154" s="31"/>
      <c r="PJC154" s="31"/>
      <c r="PJD154" s="31"/>
      <c r="PJE154" s="31"/>
      <c r="PJF154" s="31"/>
      <c r="PJG154" s="31"/>
      <c r="PJH154" s="31"/>
      <c r="PJI154" s="31"/>
      <c r="PJJ154" s="31"/>
      <c r="PJK154" s="31"/>
      <c r="PJL154" s="31"/>
      <c r="PJM154" s="31"/>
      <c r="PJN154" s="31"/>
      <c r="PJO154" s="31"/>
      <c r="PJP154" s="31"/>
      <c r="PJQ154" s="31"/>
      <c r="PJR154" s="31"/>
      <c r="PJS154" s="31"/>
      <c r="PJT154" s="31"/>
      <c r="PJU154" s="31"/>
      <c r="PJV154" s="31"/>
      <c r="PJW154" s="31"/>
      <c r="PJX154" s="31"/>
      <c r="PJY154" s="31"/>
      <c r="PJZ154" s="31"/>
      <c r="PKA154" s="31"/>
      <c r="PKB154" s="31"/>
      <c r="PKC154" s="31"/>
      <c r="PKD154" s="31"/>
      <c r="PKE154" s="31"/>
      <c r="PKF154" s="31"/>
      <c r="PKG154" s="31"/>
      <c r="PKH154" s="31"/>
      <c r="PKI154" s="31"/>
      <c r="PKJ154" s="31"/>
      <c r="PKK154" s="31"/>
      <c r="PKL154" s="31"/>
      <c r="PKM154" s="31"/>
      <c r="PKN154" s="31"/>
      <c r="PKO154" s="31"/>
      <c r="PKP154" s="31"/>
      <c r="PKQ154" s="31"/>
      <c r="PKR154" s="31"/>
      <c r="PKS154" s="31"/>
      <c r="PKT154" s="31"/>
      <c r="PKU154" s="31"/>
      <c r="PKV154" s="31"/>
      <c r="PKW154" s="31"/>
      <c r="PKX154" s="31"/>
      <c r="PKY154" s="31"/>
      <c r="PKZ154" s="31"/>
      <c r="PLA154" s="31"/>
      <c r="PLB154" s="31"/>
      <c r="PLC154" s="31"/>
      <c r="PLD154" s="31"/>
      <c r="PLE154" s="31"/>
      <c r="PLF154" s="31"/>
      <c r="PLG154" s="31"/>
      <c r="PLH154" s="31"/>
      <c r="PLI154" s="31"/>
      <c r="PLJ154" s="31"/>
      <c r="PLK154" s="31"/>
      <c r="PLL154" s="31"/>
      <c r="PLM154" s="31"/>
      <c r="PLN154" s="31"/>
      <c r="PLO154" s="31"/>
      <c r="PLP154" s="31"/>
      <c r="PLQ154" s="31"/>
      <c r="PLR154" s="31"/>
      <c r="PLS154" s="31"/>
      <c r="PLT154" s="31"/>
      <c r="PLU154" s="31"/>
      <c r="PLV154" s="31"/>
      <c r="PLW154" s="31"/>
      <c r="PLX154" s="31"/>
      <c r="PLY154" s="31"/>
      <c r="PLZ154" s="31"/>
      <c r="PMA154" s="31"/>
      <c r="PMB154" s="31"/>
      <c r="PMC154" s="31"/>
      <c r="PMD154" s="31"/>
      <c r="PME154" s="31"/>
      <c r="PMF154" s="31"/>
      <c r="PMG154" s="31"/>
      <c r="PMH154" s="31"/>
      <c r="PMI154" s="31"/>
      <c r="PMJ154" s="31"/>
      <c r="PMK154" s="31"/>
      <c r="PML154" s="31"/>
      <c r="PMM154" s="31"/>
      <c r="PMN154" s="31"/>
      <c r="PMO154" s="31"/>
      <c r="PMP154" s="31"/>
      <c r="PMQ154" s="31"/>
      <c r="PMR154" s="31"/>
      <c r="PMS154" s="31"/>
      <c r="PMT154" s="31"/>
      <c r="PMU154" s="31"/>
      <c r="PMV154" s="31"/>
      <c r="PMW154" s="31"/>
      <c r="PMX154" s="31"/>
      <c r="PMY154" s="31"/>
      <c r="PMZ154" s="31"/>
      <c r="PNA154" s="31"/>
      <c r="PNB154" s="31"/>
      <c r="PNC154" s="31"/>
      <c r="PND154" s="31"/>
      <c r="PNE154" s="31"/>
      <c r="PNF154" s="31"/>
      <c r="PNG154" s="31"/>
      <c r="PNH154" s="31"/>
      <c r="PNI154" s="31"/>
      <c r="PNJ154" s="31"/>
      <c r="PNK154" s="31"/>
      <c r="PNL154" s="31"/>
      <c r="PNM154" s="31"/>
      <c r="PNN154" s="31"/>
      <c r="PNO154" s="31"/>
      <c r="PNP154" s="31"/>
      <c r="PNQ154" s="31"/>
      <c r="PNR154" s="31"/>
      <c r="PNS154" s="31"/>
      <c r="PNT154" s="31"/>
      <c r="PNU154" s="31"/>
      <c r="PNV154" s="31"/>
      <c r="PNW154" s="31"/>
      <c r="PNX154" s="31"/>
      <c r="PNY154" s="31"/>
      <c r="PNZ154" s="31"/>
      <c r="POA154" s="31"/>
      <c r="POB154" s="31"/>
      <c r="POC154" s="31"/>
      <c r="POD154" s="31"/>
      <c r="POE154" s="31"/>
      <c r="POF154" s="31"/>
      <c r="POG154" s="31"/>
      <c r="POH154" s="31"/>
      <c r="POI154" s="31"/>
      <c r="POJ154" s="31"/>
      <c r="POK154" s="31"/>
      <c r="POL154" s="31"/>
      <c r="POM154" s="31"/>
      <c r="PON154" s="31"/>
      <c r="POO154" s="31"/>
      <c r="POP154" s="31"/>
      <c r="POQ154" s="31"/>
      <c r="POR154" s="31"/>
      <c r="POS154" s="31"/>
      <c r="POT154" s="31"/>
      <c r="POU154" s="31"/>
      <c r="POV154" s="31"/>
      <c r="POW154" s="31"/>
      <c r="POX154" s="31"/>
      <c r="POY154" s="31"/>
      <c r="POZ154" s="31"/>
      <c r="PPA154" s="31"/>
      <c r="PPB154" s="31"/>
      <c r="PPC154" s="31"/>
      <c r="PPD154" s="31"/>
      <c r="PPE154" s="31"/>
      <c r="PPF154" s="31"/>
      <c r="PPG154" s="31"/>
      <c r="PPH154" s="31"/>
      <c r="PPI154" s="31"/>
      <c r="PPJ154" s="31"/>
      <c r="PPK154" s="31"/>
      <c r="PPL154" s="31"/>
      <c r="PPM154" s="31"/>
      <c r="PPN154" s="31"/>
      <c r="PPO154" s="31"/>
      <c r="PPP154" s="31"/>
      <c r="PPQ154" s="31"/>
      <c r="PPR154" s="31"/>
      <c r="PPS154" s="31"/>
      <c r="PPT154" s="31"/>
      <c r="PPU154" s="31"/>
      <c r="PPV154" s="31"/>
      <c r="PPW154" s="31"/>
      <c r="PPX154" s="31"/>
      <c r="PPY154" s="31"/>
      <c r="PPZ154" s="31"/>
      <c r="PQA154" s="31"/>
      <c r="PQB154" s="31"/>
      <c r="PQC154" s="31"/>
      <c r="PQD154" s="31"/>
      <c r="PQE154" s="31"/>
      <c r="PQF154" s="31"/>
      <c r="PQG154" s="31"/>
      <c r="PQH154" s="31"/>
      <c r="PQI154" s="31"/>
      <c r="PQJ154" s="31"/>
      <c r="PQK154" s="31"/>
      <c r="PQL154" s="31"/>
      <c r="PQM154" s="31"/>
      <c r="PQN154" s="31"/>
      <c r="PQO154" s="31"/>
      <c r="PQP154" s="31"/>
      <c r="PQQ154" s="31"/>
      <c r="PQR154" s="31"/>
      <c r="PQS154" s="31"/>
      <c r="PQT154" s="31"/>
      <c r="PQU154" s="31"/>
      <c r="PQV154" s="31"/>
      <c r="PQW154" s="31"/>
      <c r="PQX154" s="31"/>
      <c r="PQY154" s="31"/>
      <c r="PQZ154" s="31"/>
      <c r="PRA154" s="31"/>
      <c r="PRB154" s="31"/>
      <c r="PRC154" s="31"/>
      <c r="PRD154" s="31"/>
      <c r="PRE154" s="31"/>
      <c r="PRF154" s="31"/>
      <c r="PRG154" s="31"/>
      <c r="PRH154" s="31"/>
      <c r="PRI154" s="31"/>
      <c r="PRJ154" s="31"/>
      <c r="PRK154" s="31"/>
      <c r="PRL154" s="31"/>
      <c r="PRM154" s="31"/>
      <c r="PRN154" s="31"/>
      <c r="PRO154" s="31"/>
      <c r="PRP154" s="31"/>
      <c r="PRQ154" s="31"/>
      <c r="PRR154" s="31"/>
      <c r="PRS154" s="31"/>
      <c r="PRT154" s="31"/>
      <c r="PRU154" s="31"/>
      <c r="PRV154" s="31"/>
      <c r="PRW154" s="31"/>
      <c r="PRX154" s="31"/>
      <c r="PRY154" s="31"/>
      <c r="PRZ154" s="31"/>
      <c r="PSA154" s="31"/>
      <c r="PSB154" s="31"/>
      <c r="PSC154" s="31"/>
      <c r="PSD154" s="31"/>
      <c r="PSE154" s="31"/>
      <c r="PSF154" s="31"/>
      <c r="PSG154" s="31"/>
      <c r="PSH154" s="31"/>
      <c r="PSI154" s="31"/>
      <c r="PSJ154" s="31"/>
      <c r="PSK154" s="31"/>
      <c r="PSL154" s="31"/>
      <c r="PSM154" s="31"/>
      <c r="PSN154" s="31"/>
      <c r="PSO154" s="31"/>
      <c r="PSP154" s="31"/>
      <c r="PSQ154" s="31"/>
      <c r="PSR154" s="31"/>
      <c r="PSS154" s="31"/>
      <c r="PST154" s="31"/>
      <c r="PSU154" s="31"/>
      <c r="PSV154" s="31"/>
      <c r="PSW154" s="31"/>
      <c r="PSX154" s="31"/>
      <c r="PSY154" s="31"/>
      <c r="PSZ154" s="31"/>
      <c r="PTA154" s="31"/>
      <c r="PTB154" s="31"/>
      <c r="PTC154" s="31"/>
      <c r="PTD154" s="31"/>
      <c r="PTE154" s="31"/>
      <c r="PTF154" s="31"/>
      <c r="PTG154" s="31"/>
      <c r="PTH154" s="31"/>
      <c r="PTI154" s="31"/>
      <c r="PTJ154" s="31"/>
      <c r="PTK154" s="31"/>
      <c r="PTL154" s="31"/>
      <c r="PTM154" s="31"/>
      <c r="PTN154" s="31"/>
      <c r="PTO154" s="31"/>
      <c r="PTP154" s="31"/>
      <c r="PTQ154" s="31"/>
      <c r="PTR154" s="31"/>
      <c r="PTS154" s="31"/>
      <c r="PTT154" s="31"/>
      <c r="PTU154" s="31"/>
      <c r="PTV154" s="31"/>
      <c r="PTW154" s="31"/>
      <c r="PTX154" s="31"/>
      <c r="PTY154" s="31"/>
      <c r="PTZ154" s="31"/>
      <c r="PUA154" s="31"/>
      <c r="PUB154" s="31"/>
      <c r="PUC154" s="31"/>
      <c r="PUD154" s="31"/>
      <c r="PUE154" s="31"/>
      <c r="PUF154" s="31"/>
      <c r="PUG154" s="31"/>
      <c r="PUH154" s="31"/>
      <c r="PUI154" s="31"/>
      <c r="PUJ154" s="31"/>
      <c r="PUK154" s="31"/>
      <c r="PUL154" s="31"/>
      <c r="PUM154" s="31"/>
      <c r="PUN154" s="31"/>
      <c r="PUO154" s="31"/>
      <c r="PUP154" s="31"/>
      <c r="PUQ154" s="31"/>
      <c r="PUR154" s="31"/>
      <c r="PUS154" s="31"/>
      <c r="PUT154" s="31"/>
      <c r="PUU154" s="31"/>
      <c r="PUV154" s="31"/>
      <c r="PUW154" s="31"/>
      <c r="PUX154" s="31"/>
      <c r="PUY154" s="31"/>
      <c r="PUZ154" s="31"/>
      <c r="PVA154" s="31"/>
      <c r="PVB154" s="31"/>
      <c r="PVC154" s="31"/>
      <c r="PVD154" s="31"/>
      <c r="PVE154" s="31"/>
      <c r="PVF154" s="31"/>
      <c r="PVG154" s="31"/>
      <c r="PVH154" s="31"/>
      <c r="PVI154" s="31"/>
      <c r="PVJ154" s="31"/>
      <c r="PVK154" s="31"/>
      <c r="PVL154" s="31"/>
      <c r="PVM154" s="31"/>
      <c r="PVN154" s="31"/>
      <c r="PVO154" s="31"/>
      <c r="PVP154" s="31"/>
      <c r="PVQ154" s="31"/>
      <c r="PVR154" s="31"/>
      <c r="PVS154" s="31"/>
      <c r="PVT154" s="31"/>
      <c r="PVU154" s="31"/>
      <c r="PVV154" s="31"/>
      <c r="PVW154" s="31"/>
      <c r="PVX154" s="31"/>
      <c r="PVY154" s="31"/>
      <c r="PVZ154" s="31"/>
      <c r="PWA154" s="31"/>
      <c r="PWB154" s="31"/>
      <c r="PWC154" s="31"/>
      <c r="PWD154" s="31"/>
      <c r="PWE154" s="31"/>
      <c r="PWF154" s="31"/>
      <c r="PWG154" s="31"/>
      <c r="PWH154" s="31"/>
      <c r="PWI154" s="31"/>
      <c r="PWJ154" s="31"/>
      <c r="PWK154" s="31"/>
      <c r="PWL154" s="31"/>
      <c r="PWM154" s="31"/>
      <c r="PWN154" s="31"/>
      <c r="PWO154" s="31"/>
      <c r="PWP154" s="31"/>
      <c r="PWQ154" s="31"/>
      <c r="PWR154" s="31"/>
      <c r="PWS154" s="31"/>
      <c r="PWT154" s="31"/>
      <c r="PWU154" s="31"/>
      <c r="PWV154" s="31"/>
      <c r="PWW154" s="31"/>
      <c r="PWX154" s="31"/>
      <c r="PWY154" s="31"/>
      <c r="PWZ154" s="31"/>
      <c r="PXA154" s="31"/>
      <c r="PXB154" s="31"/>
      <c r="PXC154" s="31"/>
      <c r="PXD154" s="31"/>
      <c r="PXE154" s="31"/>
      <c r="PXF154" s="31"/>
      <c r="PXG154" s="31"/>
      <c r="PXH154" s="31"/>
      <c r="PXI154" s="31"/>
      <c r="PXJ154" s="31"/>
      <c r="PXK154" s="31"/>
      <c r="PXL154" s="31"/>
      <c r="PXM154" s="31"/>
      <c r="PXN154" s="31"/>
      <c r="PXO154" s="31"/>
      <c r="PXP154" s="31"/>
      <c r="PXQ154" s="31"/>
      <c r="PXR154" s="31"/>
      <c r="PXS154" s="31"/>
      <c r="PXT154" s="31"/>
      <c r="PXU154" s="31"/>
      <c r="PXV154" s="31"/>
      <c r="PXW154" s="31"/>
      <c r="PXX154" s="31"/>
      <c r="PXY154" s="31"/>
      <c r="PXZ154" s="31"/>
      <c r="PYA154" s="31"/>
      <c r="PYB154" s="31"/>
      <c r="PYC154" s="31"/>
      <c r="PYD154" s="31"/>
      <c r="PYE154" s="31"/>
      <c r="PYF154" s="31"/>
      <c r="PYG154" s="31"/>
      <c r="PYH154" s="31"/>
      <c r="PYI154" s="31"/>
      <c r="PYJ154" s="31"/>
      <c r="PYK154" s="31"/>
      <c r="PYL154" s="31"/>
      <c r="PYM154" s="31"/>
      <c r="PYN154" s="31"/>
      <c r="PYO154" s="31"/>
      <c r="PYP154" s="31"/>
      <c r="PYQ154" s="31"/>
      <c r="PYR154" s="31"/>
      <c r="PYS154" s="31"/>
      <c r="PYT154" s="31"/>
      <c r="PYU154" s="31"/>
      <c r="PYV154" s="31"/>
      <c r="PYW154" s="31"/>
      <c r="PYX154" s="31"/>
      <c r="PYY154" s="31"/>
      <c r="PYZ154" s="31"/>
      <c r="PZA154" s="31"/>
      <c r="PZB154" s="31"/>
      <c r="PZC154" s="31"/>
      <c r="PZD154" s="31"/>
      <c r="PZE154" s="31"/>
      <c r="PZF154" s="31"/>
      <c r="PZG154" s="31"/>
      <c r="PZH154" s="31"/>
      <c r="PZI154" s="31"/>
      <c r="PZJ154" s="31"/>
      <c r="PZK154" s="31"/>
      <c r="PZL154" s="31"/>
      <c r="PZM154" s="31"/>
      <c r="PZN154" s="31"/>
      <c r="PZO154" s="31"/>
      <c r="PZP154" s="31"/>
      <c r="PZQ154" s="31"/>
      <c r="PZR154" s="31"/>
      <c r="PZS154" s="31"/>
      <c r="PZT154" s="31"/>
      <c r="PZU154" s="31"/>
      <c r="PZV154" s="31"/>
      <c r="PZW154" s="31"/>
      <c r="PZX154" s="31"/>
      <c r="PZY154" s="31"/>
      <c r="PZZ154" s="31"/>
      <c r="QAA154" s="31"/>
      <c r="QAB154" s="31"/>
      <c r="QAC154" s="31"/>
      <c r="QAD154" s="31"/>
      <c r="QAE154" s="31"/>
      <c r="QAF154" s="31"/>
      <c r="QAG154" s="31"/>
      <c r="QAH154" s="31"/>
      <c r="QAI154" s="31"/>
      <c r="QAJ154" s="31"/>
      <c r="QAK154" s="31"/>
      <c r="QAL154" s="31"/>
      <c r="QAM154" s="31"/>
      <c r="QAN154" s="31"/>
      <c r="QAO154" s="31"/>
      <c r="QAP154" s="31"/>
      <c r="QAQ154" s="31"/>
      <c r="QAR154" s="31"/>
      <c r="QAS154" s="31"/>
      <c r="QAT154" s="31"/>
      <c r="QAU154" s="31"/>
      <c r="QAV154" s="31"/>
      <c r="QAW154" s="31"/>
      <c r="QAX154" s="31"/>
      <c r="QAY154" s="31"/>
      <c r="QAZ154" s="31"/>
      <c r="QBA154" s="31"/>
      <c r="QBB154" s="31"/>
      <c r="QBC154" s="31"/>
      <c r="QBD154" s="31"/>
      <c r="QBE154" s="31"/>
      <c r="QBF154" s="31"/>
      <c r="QBG154" s="31"/>
      <c r="QBH154" s="31"/>
      <c r="QBI154" s="31"/>
      <c r="QBJ154" s="31"/>
      <c r="QBK154" s="31"/>
      <c r="QBL154" s="31"/>
      <c r="QBM154" s="31"/>
      <c r="QBN154" s="31"/>
      <c r="QBO154" s="31"/>
      <c r="QBP154" s="31"/>
      <c r="QBQ154" s="31"/>
      <c r="QBR154" s="31"/>
      <c r="QBS154" s="31"/>
      <c r="QBT154" s="31"/>
      <c r="QBU154" s="31"/>
      <c r="QBV154" s="31"/>
      <c r="QBW154" s="31"/>
      <c r="QBX154" s="31"/>
      <c r="QBY154" s="31"/>
      <c r="QBZ154" s="31"/>
      <c r="QCA154" s="31"/>
      <c r="QCB154" s="31"/>
      <c r="QCC154" s="31"/>
      <c r="QCD154" s="31"/>
      <c r="QCE154" s="31"/>
      <c r="QCF154" s="31"/>
      <c r="QCG154" s="31"/>
      <c r="QCH154" s="31"/>
      <c r="QCI154" s="31"/>
      <c r="QCJ154" s="31"/>
      <c r="QCK154" s="31"/>
      <c r="QCL154" s="31"/>
      <c r="QCM154" s="31"/>
      <c r="QCN154" s="31"/>
      <c r="QCO154" s="31"/>
      <c r="QCP154" s="31"/>
      <c r="QCQ154" s="31"/>
      <c r="QCR154" s="31"/>
      <c r="QCS154" s="31"/>
      <c r="QCT154" s="31"/>
      <c r="QCU154" s="31"/>
      <c r="QCV154" s="31"/>
      <c r="QCW154" s="31"/>
      <c r="QCX154" s="31"/>
      <c r="QCY154" s="31"/>
      <c r="QCZ154" s="31"/>
      <c r="QDA154" s="31"/>
      <c r="QDB154" s="31"/>
      <c r="QDC154" s="31"/>
      <c r="QDD154" s="31"/>
      <c r="QDE154" s="31"/>
      <c r="QDF154" s="31"/>
      <c r="QDG154" s="31"/>
      <c r="QDH154" s="31"/>
      <c r="QDI154" s="31"/>
      <c r="QDJ154" s="31"/>
      <c r="QDK154" s="31"/>
      <c r="QDL154" s="31"/>
      <c r="QDM154" s="31"/>
      <c r="QDN154" s="31"/>
      <c r="QDO154" s="31"/>
      <c r="QDP154" s="31"/>
      <c r="QDQ154" s="31"/>
      <c r="QDR154" s="31"/>
      <c r="QDS154" s="31"/>
      <c r="QDT154" s="31"/>
      <c r="QDU154" s="31"/>
      <c r="QDV154" s="31"/>
      <c r="QDW154" s="31"/>
      <c r="QDX154" s="31"/>
      <c r="QDY154" s="31"/>
      <c r="QDZ154" s="31"/>
      <c r="QEA154" s="31"/>
      <c r="QEB154" s="31"/>
      <c r="QEC154" s="31"/>
      <c r="QED154" s="31"/>
      <c r="QEE154" s="31"/>
      <c r="QEF154" s="31"/>
      <c r="QEG154" s="31"/>
      <c r="QEH154" s="31"/>
      <c r="QEI154" s="31"/>
      <c r="QEJ154" s="31"/>
      <c r="QEK154" s="31"/>
      <c r="QEL154" s="31"/>
      <c r="QEM154" s="31"/>
      <c r="QEN154" s="31"/>
      <c r="QEO154" s="31"/>
      <c r="QEP154" s="31"/>
      <c r="QEQ154" s="31"/>
      <c r="QER154" s="31"/>
      <c r="QES154" s="31"/>
      <c r="QET154" s="31"/>
      <c r="QEU154" s="31"/>
      <c r="QEV154" s="31"/>
      <c r="QEW154" s="31"/>
      <c r="QEX154" s="31"/>
      <c r="QEY154" s="31"/>
      <c r="QEZ154" s="31"/>
      <c r="QFA154" s="31"/>
      <c r="QFB154" s="31"/>
      <c r="QFC154" s="31"/>
      <c r="QFD154" s="31"/>
      <c r="QFE154" s="31"/>
      <c r="QFF154" s="31"/>
      <c r="QFG154" s="31"/>
      <c r="QFH154" s="31"/>
      <c r="QFI154" s="31"/>
      <c r="QFJ154" s="31"/>
      <c r="QFK154" s="31"/>
      <c r="QFL154" s="31"/>
      <c r="QFM154" s="31"/>
      <c r="QFN154" s="31"/>
      <c r="QFO154" s="31"/>
      <c r="QFP154" s="31"/>
      <c r="QFQ154" s="31"/>
      <c r="QFR154" s="31"/>
      <c r="QFS154" s="31"/>
      <c r="QFT154" s="31"/>
      <c r="QFU154" s="31"/>
      <c r="QFV154" s="31"/>
      <c r="QFW154" s="31"/>
      <c r="QFX154" s="31"/>
      <c r="QFY154" s="31"/>
      <c r="QFZ154" s="31"/>
      <c r="QGA154" s="31"/>
      <c r="QGB154" s="31"/>
      <c r="QGC154" s="31"/>
      <c r="QGD154" s="31"/>
      <c r="QGE154" s="31"/>
      <c r="QGF154" s="31"/>
      <c r="QGG154" s="31"/>
      <c r="QGH154" s="31"/>
      <c r="QGI154" s="31"/>
      <c r="QGJ154" s="31"/>
      <c r="QGK154" s="31"/>
      <c r="QGL154" s="31"/>
      <c r="QGM154" s="31"/>
      <c r="QGN154" s="31"/>
      <c r="QGO154" s="31"/>
      <c r="QGP154" s="31"/>
      <c r="QGQ154" s="31"/>
      <c r="QGR154" s="31"/>
      <c r="QGS154" s="31"/>
      <c r="QGT154" s="31"/>
      <c r="QGU154" s="31"/>
      <c r="QGV154" s="31"/>
      <c r="QGW154" s="31"/>
      <c r="QGX154" s="31"/>
      <c r="QGY154" s="31"/>
      <c r="QGZ154" s="31"/>
      <c r="QHA154" s="31"/>
      <c r="QHB154" s="31"/>
      <c r="QHC154" s="31"/>
      <c r="QHD154" s="31"/>
      <c r="QHE154" s="31"/>
      <c r="QHF154" s="31"/>
      <c r="QHG154" s="31"/>
      <c r="QHH154" s="31"/>
      <c r="QHI154" s="31"/>
      <c r="QHJ154" s="31"/>
      <c r="QHK154" s="31"/>
      <c r="QHL154" s="31"/>
      <c r="QHM154" s="31"/>
      <c r="QHN154" s="31"/>
      <c r="QHO154" s="31"/>
      <c r="QHP154" s="31"/>
      <c r="QHQ154" s="31"/>
      <c r="QHR154" s="31"/>
      <c r="QHS154" s="31"/>
      <c r="QHT154" s="31"/>
      <c r="QHU154" s="31"/>
      <c r="QHV154" s="31"/>
      <c r="QHW154" s="31"/>
      <c r="QHX154" s="31"/>
      <c r="QHY154" s="31"/>
      <c r="QHZ154" s="31"/>
      <c r="QIA154" s="31"/>
      <c r="QIB154" s="31"/>
      <c r="QIC154" s="31"/>
      <c r="QID154" s="31"/>
      <c r="QIE154" s="31"/>
      <c r="QIF154" s="31"/>
      <c r="QIG154" s="31"/>
      <c r="QIH154" s="31"/>
      <c r="QII154" s="31"/>
      <c r="QIJ154" s="31"/>
      <c r="QIK154" s="31"/>
      <c r="QIL154" s="31"/>
      <c r="QIM154" s="31"/>
      <c r="QIN154" s="31"/>
      <c r="QIO154" s="31"/>
      <c r="QIP154" s="31"/>
      <c r="QIQ154" s="31"/>
      <c r="QIR154" s="31"/>
      <c r="QIS154" s="31"/>
      <c r="QIT154" s="31"/>
      <c r="QIU154" s="31"/>
      <c r="QIV154" s="31"/>
      <c r="QIW154" s="31"/>
      <c r="QIX154" s="31"/>
      <c r="QIY154" s="31"/>
      <c r="QIZ154" s="31"/>
      <c r="QJA154" s="31"/>
      <c r="QJB154" s="31"/>
      <c r="QJC154" s="31"/>
      <c r="QJD154" s="31"/>
      <c r="QJE154" s="31"/>
      <c r="QJF154" s="31"/>
      <c r="QJG154" s="31"/>
      <c r="QJH154" s="31"/>
      <c r="QJI154" s="31"/>
      <c r="QJJ154" s="31"/>
      <c r="QJK154" s="31"/>
      <c r="QJL154" s="31"/>
      <c r="QJM154" s="31"/>
      <c r="QJN154" s="31"/>
      <c r="QJO154" s="31"/>
      <c r="QJP154" s="31"/>
      <c r="QJQ154" s="31"/>
      <c r="QJR154" s="31"/>
      <c r="QJS154" s="31"/>
      <c r="QJT154" s="31"/>
      <c r="QJU154" s="31"/>
      <c r="QJV154" s="31"/>
      <c r="QJW154" s="31"/>
      <c r="QJX154" s="31"/>
      <c r="QJY154" s="31"/>
      <c r="QJZ154" s="31"/>
      <c r="QKA154" s="31"/>
      <c r="QKB154" s="31"/>
      <c r="QKC154" s="31"/>
      <c r="QKD154" s="31"/>
      <c r="QKE154" s="31"/>
      <c r="QKF154" s="31"/>
      <c r="QKG154" s="31"/>
      <c r="QKH154" s="31"/>
      <c r="QKI154" s="31"/>
      <c r="QKJ154" s="31"/>
      <c r="QKK154" s="31"/>
      <c r="QKL154" s="31"/>
      <c r="QKM154" s="31"/>
      <c r="QKN154" s="31"/>
      <c r="QKO154" s="31"/>
      <c r="QKP154" s="31"/>
      <c r="QKQ154" s="31"/>
      <c r="QKR154" s="31"/>
      <c r="QKS154" s="31"/>
      <c r="QKT154" s="31"/>
      <c r="QKU154" s="31"/>
      <c r="QKV154" s="31"/>
      <c r="QKW154" s="31"/>
      <c r="QKX154" s="31"/>
      <c r="QKY154" s="31"/>
      <c r="QKZ154" s="31"/>
      <c r="QLA154" s="31"/>
      <c r="QLB154" s="31"/>
      <c r="QLC154" s="31"/>
      <c r="QLD154" s="31"/>
      <c r="QLE154" s="31"/>
      <c r="QLF154" s="31"/>
      <c r="QLG154" s="31"/>
      <c r="QLH154" s="31"/>
      <c r="QLI154" s="31"/>
      <c r="QLJ154" s="31"/>
      <c r="QLK154" s="31"/>
      <c r="QLL154" s="31"/>
      <c r="QLM154" s="31"/>
      <c r="QLN154" s="31"/>
      <c r="QLO154" s="31"/>
      <c r="QLP154" s="31"/>
      <c r="QLQ154" s="31"/>
      <c r="QLR154" s="31"/>
      <c r="QLS154" s="31"/>
      <c r="QLT154" s="31"/>
      <c r="QLU154" s="31"/>
      <c r="QLV154" s="31"/>
      <c r="QLW154" s="31"/>
      <c r="QLX154" s="31"/>
      <c r="QLY154" s="31"/>
      <c r="QLZ154" s="31"/>
      <c r="QMA154" s="31"/>
      <c r="QMB154" s="31"/>
      <c r="QMC154" s="31"/>
      <c r="QMD154" s="31"/>
      <c r="QME154" s="31"/>
      <c r="QMF154" s="31"/>
      <c r="QMG154" s="31"/>
      <c r="QMH154" s="31"/>
      <c r="QMI154" s="31"/>
      <c r="QMJ154" s="31"/>
      <c r="QMK154" s="31"/>
      <c r="QML154" s="31"/>
      <c r="QMM154" s="31"/>
      <c r="QMN154" s="31"/>
      <c r="QMO154" s="31"/>
      <c r="QMP154" s="31"/>
      <c r="QMQ154" s="31"/>
      <c r="QMR154" s="31"/>
      <c r="QMS154" s="31"/>
      <c r="QMT154" s="31"/>
      <c r="QMU154" s="31"/>
      <c r="QMV154" s="31"/>
      <c r="QMW154" s="31"/>
      <c r="QMX154" s="31"/>
      <c r="QMY154" s="31"/>
      <c r="QMZ154" s="31"/>
      <c r="QNA154" s="31"/>
      <c r="QNB154" s="31"/>
      <c r="QNC154" s="31"/>
      <c r="QND154" s="31"/>
      <c r="QNE154" s="31"/>
      <c r="QNF154" s="31"/>
      <c r="QNG154" s="31"/>
      <c r="QNH154" s="31"/>
      <c r="QNI154" s="31"/>
      <c r="QNJ154" s="31"/>
      <c r="QNK154" s="31"/>
      <c r="QNL154" s="31"/>
      <c r="QNM154" s="31"/>
      <c r="QNN154" s="31"/>
      <c r="QNO154" s="31"/>
      <c r="QNP154" s="31"/>
      <c r="QNQ154" s="31"/>
      <c r="QNR154" s="31"/>
      <c r="QNS154" s="31"/>
      <c r="QNT154" s="31"/>
      <c r="QNU154" s="31"/>
      <c r="QNV154" s="31"/>
      <c r="QNW154" s="31"/>
      <c r="QNX154" s="31"/>
      <c r="QNY154" s="31"/>
      <c r="QNZ154" s="31"/>
      <c r="QOA154" s="31"/>
      <c r="QOB154" s="31"/>
      <c r="QOC154" s="31"/>
      <c r="QOD154" s="31"/>
      <c r="QOE154" s="31"/>
      <c r="QOF154" s="31"/>
      <c r="QOG154" s="31"/>
      <c r="QOH154" s="31"/>
      <c r="QOI154" s="31"/>
      <c r="QOJ154" s="31"/>
      <c r="QOK154" s="31"/>
      <c r="QOL154" s="31"/>
      <c r="QOM154" s="31"/>
      <c r="QON154" s="31"/>
      <c r="QOO154" s="31"/>
      <c r="QOP154" s="31"/>
      <c r="QOQ154" s="31"/>
      <c r="QOR154" s="31"/>
      <c r="QOS154" s="31"/>
      <c r="QOT154" s="31"/>
      <c r="QOU154" s="31"/>
      <c r="QOV154" s="31"/>
      <c r="QOW154" s="31"/>
      <c r="QOX154" s="31"/>
      <c r="QOY154" s="31"/>
      <c r="QOZ154" s="31"/>
      <c r="QPA154" s="31"/>
      <c r="QPB154" s="31"/>
      <c r="QPC154" s="31"/>
      <c r="QPD154" s="31"/>
      <c r="QPE154" s="31"/>
      <c r="QPF154" s="31"/>
      <c r="QPG154" s="31"/>
      <c r="QPH154" s="31"/>
      <c r="QPI154" s="31"/>
      <c r="QPJ154" s="31"/>
      <c r="QPK154" s="31"/>
      <c r="QPL154" s="31"/>
      <c r="QPM154" s="31"/>
      <c r="QPN154" s="31"/>
      <c r="QPO154" s="31"/>
      <c r="QPP154" s="31"/>
      <c r="QPQ154" s="31"/>
      <c r="QPR154" s="31"/>
      <c r="QPS154" s="31"/>
      <c r="QPT154" s="31"/>
      <c r="QPU154" s="31"/>
      <c r="QPV154" s="31"/>
      <c r="QPW154" s="31"/>
      <c r="QPX154" s="31"/>
      <c r="QPY154" s="31"/>
      <c r="QPZ154" s="31"/>
      <c r="QQA154" s="31"/>
      <c r="QQB154" s="31"/>
      <c r="QQC154" s="31"/>
      <c r="QQD154" s="31"/>
      <c r="QQE154" s="31"/>
      <c r="QQF154" s="31"/>
      <c r="QQG154" s="31"/>
      <c r="QQH154" s="31"/>
      <c r="QQI154" s="31"/>
      <c r="QQJ154" s="31"/>
      <c r="QQK154" s="31"/>
      <c r="QQL154" s="31"/>
      <c r="QQM154" s="31"/>
      <c r="QQN154" s="31"/>
      <c r="QQO154" s="31"/>
      <c r="QQP154" s="31"/>
      <c r="QQQ154" s="31"/>
      <c r="QQR154" s="31"/>
      <c r="QQS154" s="31"/>
      <c r="QQT154" s="31"/>
      <c r="QQU154" s="31"/>
      <c r="QQV154" s="31"/>
      <c r="QQW154" s="31"/>
      <c r="QQX154" s="31"/>
      <c r="QQY154" s="31"/>
      <c r="QQZ154" s="31"/>
      <c r="QRA154" s="31"/>
      <c r="QRB154" s="31"/>
      <c r="QRC154" s="31"/>
      <c r="QRD154" s="31"/>
      <c r="QRE154" s="31"/>
      <c r="QRF154" s="31"/>
      <c r="QRG154" s="31"/>
      <c r="QRH154" s="31"/>
      <c r="QRI154" s="31"/>
      <c r="QRJ154" s="31"/>
      <c r="QRK154" s="31"/>
      <c r="QRL154" s="31"/>
      <c r="QRM154" s="31"/>
      <c r="QRN154" s="31"/>
      <c r="QRO154" s="31"/>
      <c r="QRP154" s="31"/>
      <c r="QRQ154" s="31"/>
      <c r="QRR154" s="31"/>
      <c r="QRS154" s="31"/>
      <c r="QRT154" s="31"/>
      <c r="QRU154" s="31"/>
      <c r="QRV154" s="31"/>
      <c r="QRW154" s="31"/>
      <c r="QRX154" s="31"/>
      <c r="QRY154" s="31"/>
      <c r="QRZ154" s="31"/>
      <c r="QSA154" s="31"/>
      <c r="QSB154" s="31"/>
      <c r="QSC154" s="31"/>
      <c r="QSD154" s="31"/>
      <c r="QSE154" s="31"/>
      <c r="QSF154" s="31"/>
      <c r="QSG154" s="31"/>
      <c r="QSH154" s="31"/>
      <c r="QSI154" s="31"/>
      <c r="QSJ154" s="31"/>
      <c r="QSK154" s="31"/>
      <c r="QSL154" s="31"/>
      <c r="QSM154" s="31"/>
      <c r="QSN154" s="31"/>
      <c r="QSO154" s="31"/>
      <c r="QSP154" s="31"/>
      <c r="QSQ154" s="31"/>
      <c r="QSR154" s="31"/>
      <c r="QSS154" s="31"/>
      <c r="QST154" s="31"/>
      <c r="QSU154" s="31"/>
      <c r="QSV154" s="31"/>
      <c r="QSW154" s="31"/>
      <c r="QSX154" s="31"/>
      <c r="QSY154" s="31"/>
      <c r="QSZ154" s="31"/>
      <c r="QTA154" s="31"/>
      <c r="QTB154" s="31"/>
      <c r="QTC154" s="31"/>
      <c r="QTD154" s="31"/>
      <c r="QTE154" s="31"/>
      <c r="QTF154" s="31"/>
      <c r="QTG154" s="31"/>
      <c r="QTH154" s="31"/>
      <c r="QTI154" s="31"/>
      <c r="QTJ154" s="31"/>
      <c r="QTK154" s="31"/>
      <c r="QTL154" s="31"/>
      <c r="QTM154" s="31"/>
      <c r="QTN154" s="31"/>
      <c r="QTO154" s="31"/>
      <c r="QTP154" s="31"/>
      <c r="QTQ154" s="31"/>
      <c r="QTR154" s="31"/>
      <c r="QTS154" s="31"/>
      <c r="QTT154" s="31"/>
      <c r="QTU154" s="31"/>
      <c r="QTV154" s="31"/>
      <c r="QTW154" s="31"/>
      <c r="QTX154" s="31"/>
      <c r="QTY154" s="31"/>
      <c r="QTZ154" s="31"/>
      <c r="QUA154" s="31"/>
      <c r="QUB154" s="31"/>
      <c r="QUC154" s="31"/>
      <c r="QUD154" s="31"/>
      <c r="QUE154" s="31"/>
      <c r="QUF154" s="31"/>
      <c r="QUG154" s="31"/>
      <c r="QUH154" s="31"/>
      <c r="QUI154" s="31"/>
      <c r="QUJ154" s="31"/>
      <c r="QUK154" s="31"/>
      <c r="QUL154" s="31"/>
      <c r="QUM154" s="31"/>
      <c r="QUN154" s="31"/>
      <c r="QUO154" s="31"/>
      <c r="QUP154" s="31"/>
      <c r="QUQ154" s="31"/>
      <c r="QUR154" s="31"/>
      <c r="QUS154" s="31"/>
      <c r="QUT154" s="31"/>
      <c r="QUU154" s="31"/>
      <c r="QUV154" s="31"/>
      <c r="QUW154" s="31"/>
      <c r="QUX154" s="31"/>
      <c r="QUY154" s="31"/>
      <c r="QUZ154" s="31"/>
      <c r="QVA154" s="31"/>
      <c r="QVB154" s="31"/>
      <c r="QVC154" s="31"/>
      <c r="QVD154" s="31"/>
      <c r="QVE154" s="31"/>
      <c r="QVF154" s="31"/>
      <c r="QVG154" s="31"/>
      <c r="QVH154" s="31"/>
      <c r="QVI154" s="31"/>
      <c r="QVJ154" s="31"/>
      <c r="QVK154" s="31"/>
      <c r="QVL154" s="31"/>
      <c r="QVM154" s="31"/>
      <c r="QVN154" s="31"/>
      <c r="QVO154" s="31"/>
      <c r="QVP154" s="31"/>
      <c r="QVQ154" s="31"/>
      <c r="QVR154" s="31"/>
      <c r="QVS154" s="31"/>
      <c r="QVT154" s="31"/>
      <c r="QVU154" s="31"/>
      <c r="QVV154" s="31"/>
      <c r="QVW154" s="31"/>
      <c r="QVX154" s="31"/>
      <c r="QVY154" s="31"/>
      <c r="QVZ154" s="31"/>
      <c r="QWA154" s="31"/>
      <c r="QWB154" s="31"/>
      <c r="QWC154" s="31"/>
      <c r="QWD154" s="31"/>
      <c r="QWE154" s="31"/>
      <c r="QWF154" s="31"/>
      <c r="QWG154" s="31"/>
      <c r="QWH154" s="31"/>
      <c r="QWI154" s="31"/>
      <c r="QWJ154" s="31"/>
      <c r="QWK154" s="31"/>
      <c r="QWL154" s="31"/>
      <c r="QWM154" s="31"/>
      <c r="QWN154" s="31"/>
      <c r="QWO154" s="31"/>
      <c r="QWP154" s="31"/>
      <c r="QWQ154" s="31"/>
      <c r="QWR154" s="31"/>
      <c r="QWS154" s="31"/>
      <c r="QWT154" s="31"/>
      <c r="QWU154" s="31"/>
      <c r="QWV154" s="31"/>
      <c r="QWW154" s="31"/>
      <c r="QWX154" s="31"/>
      <c r="QWY154" s="31"/>
      <c r="QWZ154" s="31"/>
      <c r="QXA154" s="31"/>
      <c r="QXB154" s="31"/>
      <c r="QXC154" s="31"/>
      <c r="QXD154" s="31"/>
      <c r="QXE154" s="31"/>
      <c r="QXF154" s="31"/>
      <c r="QXG154" s="31"/>
      <c r="QXH154" s="31"/>
      <c r="QXI154" s="31"/>
      <c r="QXJ154" s="31"/>
      <c r="QXK154" s="31"/>
      <c r="QXL154" s="31"/>
      <c r="QXM154" s="31"/>
      <c r="QXN154" s="31"/>
      <c r="QXO154" s="31"/>
      <c r="QXP154" s="31"/>
      <c r="QXQ154" s="31"/>
      <c r="QXR154" s="31"/>
      <c r="QXS154" s="31"/>
      <c r="QXT154" s="31"/>
      <c r="QXU154" s="31"/>
      <c r="QXV154" s="31"/>
      <c r="QXW154" s="31"/>
      <c r="QXX154" s="31"/>
      <c r="QXY154" s="31"/>
      <c r="QXZ154" s="31"/>
      <c r="QYA154" s="31"/>
      <c r="QYB154" s="31"/>
      <c r="QYC154" s="31"/>
      <c r="QYD154" s="31"/>
      <c r="QYE154" s="31"/>
      <c r="QYF154" s="31"/>
      <c r="QYG154" s="31"/>
      <c r="QYH154" s="31"/>
      <c r="QYI154" s="31"/>
      <c r="QYJ154" s="31"/>
      <c r="QYK154" s="31"/>
      <c r="QYL154" s="31"/>
      <c r="QYM154" s="31"/>
      <c r="QYN154" s="31"/>
      <c r="QYO154" s="31"/>
      <c r="QYP154" s="31"/>
      <c r="QYQ154" s="31"/>
      <c r="QYR154" s="31"/>
      <c r="QYS154" s="31"/>
      <c r="QYT154" s="31"/>
      <c r="QYU154" s="31"/>
      <c r="QYV154" s="31"/>
      <c r="QYW154" s="31"/>
      <c r="QYX154" s="31"/>
      <c r="QYY154" s="31"/>
      <c r="QYZ154" s="31"/>
      <c r="QZA154" s="31"/>
      <c r="QZB154" s="31"/>
      <c r="QZC154" s="31"/>
      <c r="QZD154" s="31"/>
      <c r="QZE154" s="31"/>
      <c r="QZF154" s="31"/>
      <c r="QZG154" s="31"/>
      <c r="QZH154" s="31"/>
      <c r="QZI154" s="31"/>
      <c r="QZJ154" s="31"/>
      <c r="QZK154" s="31"/>
      <c r="QZL154" s="31"/>
      <c r="QZM154" s="31"/>
      <c r="QZN154" s="31"/>
      <c r="QZO154" s="31"/>
      <c r="QZP154" s="31"/>
      <c r="QZQ154" s="31"/>
      <c r="QZR154" s="31"/>
      <c r="QZS154" s="31"/>
      <c r="QZT154" s="31"/>
      <c r="QZU154" s="31"/>
      <c r="QZV154" s="31"/>
      <c r="QZW154" s="31"/>
      <c r="QZX154" s="31"/>
      <c r="QZY154" s="31"/>
      <c r="QZZ154" s="31"/>
      <c r="RAA154" s="31"/>
      <c r="RAB154" s="31"/>
      <c r="RAC154" s="31"/>
      <c r="RAD154" s="31"/>
      <c r="RAE154" s="31"/>
      <c r="RAF154" s="31"/>
      <c r="RAG154" s="31"/>
      <c r="RAH154" s="31"/>
      <c r="RAI154" s="31"/>
      <c r="RAJ154" s="31"/>
      <c r="RAK154" s="31"/>
      <c r="RAL154" s="31"/>
      <c r="RAM154" s="31"/>
      <c r="RAN154" s="31"/>
      <c r="RAO154" s="31"/>
      <c r="RAP154" s="31"/>
      <c r="RAQ154" s="31"/>
      <c r="RAR154" s="31"/>
      <c r="RAS154" s="31"/>
      <c r="RAT154" s="31"/>
      <c r="RAU154" s="31"/>
      <c r="RAV154" s="31"/>
      <c r="RAW154" s="31"/>
      <c r="RAX154" s="31"/>
      <c r="RAY154" s="31"/>
      <c r="RAZ154" s="31"/>
      <c r="RBA154" s="31"/>
      <c r="RBB154" s="31"/>
      <c r="RBC154" s="31"/>
      <c r="RBD154" s="31"/>
      <c r="RBE154" s="31"/>
      <c r="RBF154" s="31"/>
      <c r="RBG154" s="31"/>
      <c r="RBH154" s="31"/>
      <c r="RBI154" s="31"/>
      <c r="RBJ154" s="31"/>
      <c r="RBK154" s="31"/>
      <c r="RBL154" s="31"/>
      <c r="RBM154" s="31"/>
      <c r="RBN154" s="31"/>
      <c r="RBO154" s="31"/>
      <c r="RBP154" s="31"/>
      <c r="RBQ154" s="31"/>
      <c r="RBR154" s="31"/>
      <c r="RBS154" s="31"/>
      <c r="RBT154" s="31"/>
      <c r="RBU154" s="31"/>
      <c r="RBV154" s="31"/>
      <c r="RBW154" s="31"/>
      <c r="RBX154" s="31"/>
      <c r="RBY154" s="31"/>
      <c r="RBZ154" s="31"/>
      <c r="RCA154" s="31"/>
      <c r="RCB154" s="31"/>
      <c r="RCC154" s="31"/>
      <c r="RCD154" s="31"/>
      <c r="RCE154" s="31"/>
      <c r="RCF154" s="31"/>
      <c r="RCG154" s="31"/>
      <c r="RCH154" s="31"/>
      <c r="RCI154" s="31"/>
      <c r="RCJ154" s="31"/>
      <c r="RCK154" s="31"/>
      <c r="RCL154" s="31"/>
      <c r="RCM154" s="31"/>
      <c r="RCN154" s="31"/>
      <c r="RCO154" s="31"/>
      <c r="RCP154" s="31"/>
      <c r="RCQ154" s="31"/>
      <c r="RCR154" s="31"/>
      <c r="RCS154" s="31"/>
      <c r="RCT154" s="31"/>
      <c r="RCU154" s="31"/>
      <c r="RCV154" s="31"/>
      <c r="RCW154" s="31"/>
      <c r="RCX154" s="31"/>
      <c r="RCY154" s="31"/>
      <c r="RCZ154" s="31"/>
      <c r="RDA154" s="31"/>
      <c r="RDB154" s="31"/>
      <c r="RDC154" s="31"/>
      <c r="RDD154" s="31"/>
      <c r="RDE154" s="31"/>
      <c r="RDF154" s="31"/>
      <c r="RDG154" s="31"/>
      <c r="RDH154" s="31"/>
      <c r="RDI154" s="31"/>
      <c r="RDJ154" s="31"/>
      <c r="RDK154" s="31"/>
      <c r="RDL154" s="31"/>
      <c r="RDM154" s="31"/>
      <c r="RDN154" s="31"/>
      <c r="RDO154" s="31"/>
      <c r="RDP154" s="31"/>
      <c r="RDQ154" s="31"/>
      <c r="RDR154" s="31"/>
      <c r="RDS154" s="31"/>
      <c r="RDT154" s="31"/>
      <c r="RDU154" s="31"/>
      <c r="RDV154" s="31"/>
      <c r="RDW154" s="31"/>
      <c r="RDX154" s="31"/>
      <c r="RDY154" s="31"/>
      <c r="RDZ154" s="31"/>
      <c r="REA154" s="31"/>
      <c r="REB154" s="31"/>
      <c r="REC154" s="31"/>
      <c r="RED154" s="31"/>
      <c r="REE154" s="31"/>
      <c r="REF154" s="31"/>
      <c r="REG154" s="31"/>
      <c r="REH154" s="31"/>
      <c r="REI154" s="31"/>
      <c r="REJ154" s="31"/>
      <c r="REK154" s="31"/>
      <c r="REL154" s="31"/>
      <c r="REM154" s="31"/>
      <c r="REN154" s="31"/>
      <c r="REO154" s="31"/>
      <c r="REP154" s="31"/>
      <c r="REQ154" s="31"/>
      <c r="RER154" s="31"/>
      <c r="RES154" s="31"/>
      <c r="RET154" s="31"/>
      <c r="REU154" s="31"/>
      <c r="REV154" s="31"/>
      <c r="REW154" s="31"/>
      <c r="REX154" s="31"/>
      <c r="REY154" s="31"/>
      <c r="REZ154" s="31"/>
      <c r="RFA154" s="31"/>
      <c r="RFB154" s="31"/>
      <c r="RFC154" s="31"/>
      <c r="RFD154" s="31"/>
      <c r="RFE154" s="31"/>
      <c r="RFF154" s="31"/>
      <c r="RFG154" s="31"/>
      <c r="RFH154" s="31"/>
      <c r="RFI154" s="31"/>
      <c r="RFJ154" s="31"/>
      <c r="RFK154" s="31"/>
      <c r="RFL154" s="31"/>
      <c r="RFM154" s="31"/>
      <c r="RFN154" s="31"/>
      <c r="RFO154" s="31"/>
      <c r="RFP154" s="31"/>
      <c r="RFQ154" s="31"/>
      <c r="RFR154" s="31"/>
      <c r="RFS154" s="31"/>
      <c r="RFT154" s="31"/>
      <c r="RFU154" s="31"/>
      <c r="RFV154" s="31"/>
      <c r="RFW154" s="31"/>
      <c r="RFX154" s="31"/>
      <c r="RFY154" s="31"/>
      <c r="RFZ154" s="31"/>
      <c r="RGA154" s="31"/>
      <c r="RGB154" s="31"/>
      <c r="RGC154" s="31"/>
      <c r="RGD154" s="31"/>
      <c r="RGE154" s="31"/>
      <c r="RGF154" s="31"/>
      <c r="RGG154" s="31"/>
      <c r="RGH154" s="31"/>
      <c r="RGI154" s="31"/>
      <c r="RGJ154" s="31"/>
      <c r="RGK154" s="31"/>
      <c r="RGL154" s="31"/>
      <c r="RGM154" s="31"/>
      <c r="RGN154" s="31"/>
      <c r="RGO154" s="31"/>
      <c r="RGP154" s="31"/>
      <c r="RGQ154" s="31"/>
      <c r="RGR154" s="31"/>
      <c r="RGS154" s="31"/>
      <c r="RGT154" s="31"/>
      <c r="RGU154" s="31"/>
      <c r="RGV154" s="31"/>
      <c r="RGW154" s="31"/>
      <c r="RGX154" s="31"/>
      <c r="RGY154" s="31"/>
      <c r="RGZ154" s="31"/>
      <c r="RHA154" s="31"/>
      <c r="RHB154" s="31"/>
      <c r="RHC154" s="31"/>
      <c r="RHD154" s="31"/>
      <c r="RHE154" s="31"/>
      <c r="RHF154" s="31"/>
      <c r="RHG154" s="31"/>
      <c r="RHH154" s="31"/>
      <c r="RHI154" s="31"/>
      <c r="RHJ154" s="31"/>
      <c r="RHK154" s="31"/>
      <c r="RHL154" s="31"/>
      <c r="RHM154" s="31"/>
      <c r="RHN154" s="31"/>
      <c r="RHO154" s="31"/>
      <c r="RHP154" s="31"/>
      <c r="RHQ154" s="31"/>
      <c r="RHR154" s="31"/>
      <c r="RHS154" s="31"/>
      <c r="RHT154" s="31"/>
      <c r="RHU154" s="31"/>
      <c r="RHV154" s="31"/>
      <c r="RHW154" s="31"/>
      <c r="RHX154" s="31"/>
      <c r="RHY154" s="31"/>
      <c r="RHZ154" s="31"/>
      <c r="RIA154" s="31"/>
      <c r="RIB154" s="31"/>
      <c r="RIC154" s="31"/>
      <c r="RID154" s="31"/>
      <c r="RIE154" s="31"/>
      <c r="RIF154" s="31"/>
      <c r="RIG154" s="31"/>
      <c r="RIH154" s="31"/>
      <c r="RII154" s="31"/>
      <c r="RIJ154" s="31"/>
      <c r="RIK154" s="31"/>
      <c r="RIL154" s="31"/>
      <c r="RIM154" s="31"/>
      <c r="RIN154" s="31"/>
      <c r="RIO154" s="31"/>
      <c r="RIP154" s="31"/>
      <c r="RIQ154" s="31"/>
      <c r="RIR154" s="31"/>
      <c r="RIS154" s="31"/>
      <c r="RIT154" s="31"/>
      <c r="RIU154" s="31"/>
      <c r="RIV154" s="31"/>
      <c r="RIW154" s="31"/>
      <c r="RIX154" s="31"/>
      <c r="RIY154" s="31"/>
      <c r="RIZ154" s="31"/>
      <c r="RJA154" s="31"/>
      <c r="RJB154" s="31"/>
      <c r="RJC154" s="31"/>
      <c r="RJD154" s="31"/>
      <c r="RJE154" s="31"/>
      <c r="RJF154" s="31"/>
      <c r="RJG154" s="31"/>
      <c r="RJH154" s="31"/>
      <c r="RJI154" s="31"/>
      <c r="RJJ154" s="31"/>
      <c r="RJK154" s="31"/>
      <c r="RJL154" s="31"/>
      <c r="RJM154" s="31"/>
      <c r="RJN154" s="31"/>
      <c r="RJO154" s="31"/>
      <c r="RJP154" s="31"/>
      <c r="RJQ154" s="31"/>
      <c r="RJR154" s="31"/>
      <c r="RJS154" s="31"/>
      <c r="RJT154" s="31"/>
      <c r="RJU154" s="31"/>
      <c r="RJV154" s="31"/>
      <c r="RJW154" s="31"/>
      <c r="RJX154" s="31"/>
      <c r="RJY154" s="31"/>
      <c r="RJZ154" s="31"/>
      <c r="RKA154" s="31"/>
      <c r="RKB154" s="31"/>
      <c r="RKC154" s="31"/>
      <c r="RKD154" s="31"/>
      <c r="RKE154" s="31"/>
      <c r="RKF154" s="31"/>
      <c r="RKG154" s="31"/>
      <c r="RKH154" s="31"/>
      <c r="RKI154" s="31"/>
      <c r="RKJ154" s="31"/>
      <c r="RKK154" s="31"/>
      <c r="RKL154" s="31"/>
      <c r="RKM154" s="31"/>
      <c r="RKN154" s="31"/>
      <c r="RKO154" s="31"/>
      <c r="RKP154" s="31"/>
      <c r="RKQ154" s="31"/>
      <c r="RKR154" s="31"/>
      <c r="RKS154" s="31"/>
      <c r="RKT154" s="31"/>
      <c r="RKU154" s="31"/>
      <c r="RKV154" s="31"/>
      <c r="RKW154" s="31"/>
      <c r="RKX154" s="31"/>
      <c r="RKY154" s="31"/>
      <c r="RKZ154" s="31"/>
      <c r="RLA154" s="31"/>
      <c r="RLB154" s="31"/>
      <c r="RLC154" s="31"/>
      <c r="RLD154" s="31"/>
      <c r="RLE154" s="31"/>
      <c r="RLF154" s="31"/>
      <c r="RLG154" s="31"/>
      <c r="RLH154" s="31"/>
      <c r="RLI154" s="31"/>
      <c r="RLJ154" s="31"/>
      <c r="RLK154" s="31"/>
      <c r="RLL154" s="31"/>
      <c r="RLM154" s="31"/>
      <c r="RLN154" s="31"/>
      <c r="RLO154" s="31"/>
      <c r="RLP154" s="31"/>
      <c r="RLQ154" s="31"/>
      <c r="RLR154" s="31"/>
      <c r="RLS154" s="31"/>
      <c r="RLT154" s="31"/>
      <c r="RLU154" s="31"/>
      <c r="RLV154" s="31"/>
      <c r="RLW154" s="31"/>
      <c r="RLX154" s="31"/>
      <c r="RLY154" s="31"/>
      <c r="RLZ154" s="31"/>
      <c r="RMA154" s="31"/>
      <c r="RMB154" s="31"/>
      <c r="RMC154" s="31"/>
      <c r="RMD154" s="31"/>
      <c r="RME154" s="31"/>
      <c r="RMF154" s="31"/>
      <c r="RMG154" s="31"/>
      <c r="RMH154" s="31"/>
      <c r="RMI154" s="31"/>
      <c r="RMJ154" s="31"/>
      <c r="RMK154" s="31"/>
      <c r="RML154" s="31"/>
      <c r="RMM154" s="31"/>
      <c r="RMN154" s="31"/>
      <c r="RMO154" s="31"/>
      <c r="RMP154" s="31"/>
      <c r="RMQ154" s="31"/>
      <c r="RMR154" s="31"/>
      <c r="RMS154" s="31"/>
      <c r="RMT154" s="31"/>
      <c r="RMU154" s="31"/>
      <c r="RMV154" s="31"/>
      <c r="RMW154" s="31"/>
      <c r="RMX154" s="31"/>
      <c r="RMY154" s="31"/>
      <c r="RMZ154" s="31"/>
      <c r="RNA154" s="31"/>
      <c r="RNB154" s="31"/>
      <c r="RNC154" s="31"/>
      <c r="RND154" s="31"/>
      <c r="RNE154" s="31"/>
      <c r="RNF154" s="31"/>
      <c r="RNG154" s="31"/>
      <c r="RNH154" s="31"/>
      <c r="RNI154" s="31"/>
      <c r="RNJ154" s="31"/>
      <c r="RNK154" s="31"/>
      <c r="RNL154" s="31"/>
      <c r="RNM154" s="31"/>
      <c r="RNN154" s="31"/>
      <c r="RNO154" s="31"/>
      <c r="RNP154" s="31"/>
      <c r="RNQ154" s="31"/>
      <c r="RNR154" s="31"/>
      <c r="RNS154" s="31"/>
      <c r="RNT154" s="31"/>
      <c r="RNU154" s="31"/>
      <c r="RNV154" s="31"/>
      <c r="RNW154" s="31"/>
      <c r="RNX154" s="31"/>
      <c r="RNY154" s="31"/>
      <c r="RNZ154" s="31"/>
      <c r="ROA154" s="31"/>
      <c r="ROB154" s="31"/>
      <c r="ROC154" s="31"/>
      <c r="ROD154" s="31"/>
      <c r="ROE154" s="31"/>
      <c r="ROF154" s="31"/>
      <c r="ROG154" s="31"/>
      <c r="ROH154" s="31"/>
      <c r="ROI154" s="31"/>
      <c r="ROJ154" s="31"/>
      <c r="ROK154" s="31"/>
      <c r="ROL154" s="31"/>
      <c r="ROM154" s="31"/>
      <c r="RON154" s="31"/>
      <c r="ROO154" s="31"/>
      <c r="ROP154" s="31"/>
      <c r="ROQ154" s="31"/>
      <c r="ROR154" s="31"/>
      <c r="ROS154" s="31"/>
      <c r="ROT154" s="31"/>
      <c r="ROU154" s="31"/>
      <c r="ROV154" s="31"/>
      <c r="ROW154" s="31"/>
      <c r="ROX154" s="31"/>
      <c r="ROY154" s="31"/>
      <c r="ROZ154" s="31"/>
      <c r="RPA154" s="31"/>
      <c r="RPB154" s="31"/>
      <c r="RPC154" s="31"/>
      <c r="RPD154" s="31"/>
      <c r="RPE154" s="31"/>
      <c r="RPF154" s="31"/>
      <c r="RPG154" s="31"/>
      <c r="RPH154" s="31"/>
      <c r="RPI154" s="31"/>
      <c r="RPJ154" s="31"/>
      <c r="RPK154" s="31"/>
      <c r="RPL154" s="31"/>
      <c r="RPM154" s="31"/>
      <c r="RPN154" s="31"/>
      <c r="RPO154" s="31"/>
      <c r="RPP154" s="31"/>
      <c r="RPQ154" s="31"/>
      <c r="RPR154" s="31"/>
      <c r="RPS154" s="31"/>
      <c r="RPT154" s="31"/>
      <c r="RPU154" s="31"/>
      <c r="RPV154" s="31"/>
      <c r="RPW154" s="31"/>
      <c r="RPX154" s="31"/>
      <c r="RPY154" s="31"/>
      <c r="RPZ154" s="31"/>
      <c r="RQA154" s="31"/>
      <c r="RQB154" s="31"/>
      <c r="RQC154" s="31"/>
      <c r="RQD154" s="31"/>
      <c r="RQE154" s="31"/>
      <c r="RQF154" s="31"/>
      <c r="RQG154" s="31"/>
      <c r="RQH154" s="31"/>
      <c r="RQI154" s="31"/>
      <c r="RQJ154" s="31"/>
      <c r="RQK154" s="31"/>
      <c r="RQL154" s="31"/>
      <c r="RQM154" s="31"/>
      <c r="RQN154" s="31"/>
      <c r="RQO154" s="31"/>
      <c r="RQP154" s="31"/>
      <c r="RQQ154" s="31"/>
      <c r="RQR154" s="31"/>
      <c r="RQS154" s="31"/>
      <c r="RQT154" s="31"/>
      <c r="RQU154" s="31"/>
      <c r="RQV154" s="31"/>
      <c r="RQW154" s="31"/>
      <c r="RQX154" s="31"/>
      <c r="RQY154" s="31"/>
      <c r="RQZ154" s="31"/>
      <c r="RRA154" s="31"/>
      <c r="RRB154" s="31"/>
      <c r="RRC154" s="31"/>
      <c r="RRD154" s="31"/>
      <c r="RRE154" s="31"/>
      <c r="RRF154" s="31"/>
      <c r="RRG154" s="31"/>
      <c r="RRH154" s="31"/>
      <c r="RRI154" s="31"/>
      <c r="RRJ154" s="31"/>
      <c r="RRK154" s="31"/>
      <c r="RRL154" s="31"/>
      <c r="RRM154" s="31"/>
      <c r="RRN154" s="31"/>
      <c r="RRO154" s="31"/>
      <c r="RRP154" s="31"/>
      <c r="RRQ154" s="31"/>
      <c r="RRR154" s="31"/>
      <c r="RRS154" s="31"/>
      <c r="RRT154" s="31"/>
      <c r="RRU154" s="31"/>
      <c r="RRV154" s="31"/>
      <c r="RRW154" s="31"/>
      <c r="RRX154" s="31"/>
      <c r="RRY154" s="31"/>
      <c r="RRZ154" s="31"/>
      <c r="RSA154" s="31"/>
      <c r="RSB154" s="31"/>
      <c r="RSC154" s="31"/>
      <c r="RSD154" s="31"/>
      <c r="RSE154" s="31"/>
      <c r="RSF154" s="31"/>
      <c r="RSG154" s="31"/>
      <c r="RSH154" s="31"/>
      <c r="RSI154" s="31"/>
      <c r="RSJ154" s="31"/>
      <c r="RSK154" s="31"/>
      <c r="RSL154" s="31"/>
      <c r="RSM154" s="31"/>
      <c r="RSN154" s="31"/>
      <c r="RSO154" s="31"/>
      <c r="RSP154" s="31"/>
      <c r="RSQ154" s="31"/>
      <c r="RSR154" s="31"/>
      <c r="RSS154" s="31"/>
      <c r="RST154" s="31"/>
      <c r="RSU154" s="31"/>
      <c r="RSV154" s="31"/>
      <c r="RSW154" s="31"/>
      <c r="RSX154" s="31"/>
      <c r="RSY154" s="31"/>
      <c r="RSZ154" s="31"/>
      <c r="RTA154" s="31"/>
      <c r="RTB154" s="31"/>
      <c r="RTC154" s="31"/>
      <c r="RTD154" s="31"/>
      <c r="RTE154" s="31"/>
      <c r="RTF154" s="31"/>
      <c r="RTG154" s="31"/>
      <c r="RTH154" s="31"/>
      <c r="RTI154" s="31"/>
      <c r="RTJ154" s="31"/>
      <c r="RTK154" s="31"/>
      <c r="RTL154" s="31"/>
      <c r="RTM154" s="31"/>
      <c r="RTN154" s="31"/>
      <c r="RTO154" s="31"/>
      <c r="RTP154" s="31"/>
      <c r="RTQ154" s="31"/>
      <c r="RTR154" s="31"/>
      <c r="RTS154" s="31"/>
      <c r="RTT154" s="31"/>
      <c r="RTU154" s="31"/>
      <c r="RTV154" s="31"/>
      <c r="RTW154" s="31"/>
      <c r="RTX154" s="31"/>
      <c r="RTY154" s="31"/>
      <c r="RTZ154" s="31"/>
      <c r="RUA154" s="31"/>
      <c r="RUB154" s="31"/>
      <c r="RUC154" s="31"/>
      <c r="RUD154" s="31"/>
      <c r="RUE154" s="31"/>
      <c r="RUF154" s="31"/>
      <c r="RUG154" s="31"/>
      <c r="RUH154" s="31"/>
      <c r="RUI154" s="31"/>
      <c r="RUJ154" s="31"/>
      <c r="RUK154" s="31"/>
      <c r="RUL154" s="31"/>
      <c r="RUM154" s="31"/>
      <c r="RUN154" s="31"/>
      <c r="RUO154" s="31"/>
      <c r="RUP154" s="31"/>
      <c r="RUQ154" s="31"/>
      <c r="RUR154" s="31"/>
      <c r="RUS154" s="31"/>
      <c r="RUT154" s="31"/>
      <c r="RUU154" s="31"/>
      <c r="RUV154" s="31"/>
      <c r="RUW154" s="31"/>
      <c r="RUX154" s="31"/>
      <c r="RUY154" s="31"/>
      <c r="RUZ154" s="31"/>
      <c r="RVA154" s="31"/>
      <c r="RVB154" s="31"/>
      <c r="RVC154" s="31"/>
      <c r="RVD154" s="31"/>
      <c r="RVE154" s="31"/>
      <c r="RVF154" s="31"/>
      <c r="RVG154" s="31"/>
      <c r="RVH154" s="31"/>
      <c r="RVI154" s="31"/>
      <c r="RVJ154" s="31"/>
      <c r="RVK154" s="31"/>
      <c r="RVL154" s="31"/>
      <c r="RVM154" s="31"/>
      <c r="RVN154" s="31"/>
      <c r="RVO154" s="31"/>
      <c r="RVP154" s="31"/>
      <c r="RVQ154" s="31"/>
      <c r="RVR154" s="31"/>
      <c r="RVS154" s="31"/>
      <c r="RVT154" s="31"/>
      <c r="RVU154" s="31"/>
      <c r="RVV154" s="31"/>
      <c r="RVW154" s="31"/>
      <c r="RVX154" s="31"/>
      <c r="RVY154" s="31"/>
      <c r="RVZ154" s="31"/>
      <c r="RWA154" s="31"/>
      <c r="RWB154" s="31"/>
      <c r="RWC154" s="31"/>
      <c r="RWD154" s="31"/>
      <c r="RWE154" s="31"/>
      <c r="RWF154" s="31"/>
      <c r="RWG154" s="31"/>
      <c r="RWH154" s="31"/>
      <c r="RWI154" s="31"/>
      <c r="RWJ154" s="31"/>
      <c r="RWK154" s="31"/>
      <c r="RWL154" s="31"/>
      <c r="RWM154" s="31"/>
      <c r="RWN154" s="31"/>
      <c r="RWO154" s="31"/>
      <c r="RWP154" s="31"/>
      <c r="RWQ154" s="31"/>
      <c r="RWR154" s="31"/>
      <c r="RWS154" s="31"/>
      <c r="RWT154" s="31"/>
      <c r="RWU154" s="31"/>
      <c r="RWV154" s="31"/>
      <c r="RWW154" s="31"/>
      <c r="RWX154" s="31"/>
      <c r="RWY154" s="31"/>
      <c r="RWZ154" s="31"/>
      <c r="RXA154" s="31"/>
      <c r="RXB154" s="31"/>
      <c r="RXC154" s="31"/>
      <c r="RXD154" s="31"/>
      <c r="RXE154" s="31"/>
      <c r="RXF154" s="31"/>
      <c r="RXG154" s="31"/>
      <c r="RXH154" s="31"/>
      <c r="RXI154" s="31"/>
      <c r="RXJ154" s="31"/>
      <c r="RXK154" s="31"/>
      <c r="RXL154" s="31"/>
      <c r="RXM154" s="31"/>
      <c r="RXN154" s="31"/>
      <c r="RXO154" s="31"/>
      <c r="RXP154" s="31"/>
      <c r="RXQ154" s="31"/>
      <c r="RXR154" s="31"/>
      <c r="RXS154" s="31"/>
      <c r="RXT154" s="31"/>
      <c r="RXU154" s="31"/>
      <c r="RXV154" s="31"/>
      <c r="RXW154" s="31"/>
      <c r="RXX154" s="31"/>
      <c r="RXY154" s="31"/>
      <c r="RXZ154" s="31"/>
      <c r="RYA154" s="31"/>
      <c r="RYB154" s="31"/>
      <c r="RYC154" s="31"/>
      <c r="RYD154" s="31"/>
      <c r="RYE154" s="31"/>
      <c r="RYF154" s="31"/>
      <c r="RYG154" s="31"/>
      <c r="RYH154" s="31"/>
      <c r="RYI154" s="31"/>
      <c r="RYJ154" s="31"/>
      <c r="RYK154" s="31"/>
      <c r="RYL154" s="31"/>
      <c r="RYM154" s="31"/>
      <c r="RYN154" s="31"/>
      <c r="RYO154" s="31"/>
      <c r="RYP154" s="31"/>
      <c r="RYQ154" s="31"/>
      <c r="RYR154" s="31"/>
      <c r="RYS154" s="31"/>
      <c r="RYT154" s="31"/>
      <c r="RYU154" s="31"/>
      <c r="RYV154" s="31"/>
      <c r="RYW154" s="31"/>
      <c r="RYX154" s="31"/>
      <c r="RYY154" s="31"/>
      <c r="RYZ154" s="31"/>
      <c r="RZA154" s="31"/>
      <c r="RZB154" s="31"/>
      <c r="RZC154" s="31"/>
      <c r="RZD154" s="31"/>
      <c r="RZE154" s="31"/>
      <c r="RZF154" s="31"/>
      <c r="RZG154" s="31"/>
      <c r="RZH154" s="31"/>
      <c r="RZI154" s="31"/>
      <c r="RZJ154" s="31"/>
      <c r="RZK154" s="31"/>
      <c r="RZL154" s="31"/>
      <c r="RZM154" s="31"/>
      <c r="RZN154" s="31"/>
      <c r="RZO154" s="31"/>
      <c r="RZP154" s="31"/>
      <c r="RZQ154" s="31"/>
      <c r="RZR154" s="31"/>
      <c r="RZS154" s="31"/>
      <c r="RZT154" s="31"/>
      <c r="RZU154" s="31"/>
      <c r="RZV154" s="31"/>
      <c r="RZW154" s="31"/>
      <c r="RZX154" s="31"/>
      <c r="RZY154" s="31"/>
      <c r="RZZ154" s="31"/>
      <c r="SAA154" s="31"/>
      <c r="SAB154" s="31"/>
      <c r="SAC154" s="31"/>
      <c r="SAD154" s="31"/>
      <c r="SAE154" s="31"/>
      <c r="SAF154" s="31"/>
      <c r="SAG154" s="31"/>
      <c r="SAH154" s="31"/>
      <c r="SAI154" s="31"/>
      <c r="SAJ154" s="31"/>
      <c r="SAK154" s="31"/>
      <c r="SAL154" s="31"/>
      <c r="SAM154" s="31"/>
      <c r="SAN154" s="31"/>
      <c r="SAO154" s="31"/>
      <c r="SAP154" s="31"/>
      <c r="SAQ154" s="31"/>
      <c r="SAR154" s="31"/>
      <c r="SAS154" s="31"/>
      <c r="SAT154" s="31"/>
      <c r="SAU154" s="31"/>
      <c r="SAV154" s="31"/>
      <c r="SAW154" s="31"/>
      <c r="SAX154" s="31"/>
      <c r="SAY154" s="31"/>
      <c r="SAZ154" s="31"/>
      <c r="SBA154" s="31"/>
      <c r="SBB154" s="31"/>
      <c r="SBC154" s="31"/>
      <c r="SBD154" s="31"/>
      <c r="SBE154" s="31"/>
      <c r="SBF154" s="31"/>
      <c r="SBG154" s="31"/>
      <c r="SBH154" s="31"/>
      <c r="SBI154" s="31"/>
      <c r="SBJ154" s="31"/>
      <c r="SBK154" s="31"/>
      <c r="SBL154" s="31"/>
      <c r="SBM154" s="31"/>
      <c r="SBN154" s="31"/>
      <c r="SBO154" s="31"/>
      <c r="SBP154" s="31"/>
      <c r="SBQ154" s="31"/>
      <c r="SBR154" s="31"/>
      <c r="SBS154" s="31"/>
      <c r="SBT154" s="31"/>
      <c r="SBU154" s="31"/>
      <c r="SBV154" s="31"/>
      <c r="SBW154" s="31"/>
      <c r="SBX154" s="31"/>
      <c r="SBY154" s="31"/>
      <c r="SBZ154" s="31"/>
      <c r="SCA154" s="31"/>
      <c r="SCB154" s="31"/>
      <c r="SCC154" s="31"/>
      <c r="SCD154" s="31"/>
      <c r="SCE154" s="31"/>
      <c r="SCF154" s="31"/>
      <c r="SCG154" s="31"/>
      <c r="SCH154" s="31"/>
      <c r="SCI154" s="31"/>
      <c r="SCJ154" s="31"/>
      <c r="SCK154" s="31"/>
      <c r="SCL154" s="31"/>
      <c r="SCM154" s="31"/>
      <c r="SCN154" s="31"/>
      <c r="SCO154" s="31"/>
      <c r="SCP154" s="31"/>
      <c r="SCQ154" s="31"/>
      <c r="SCR154" s="31"/>
      <c r="SCS154" s="31"/>
      <c r="SCT154" s="31"/>
      <c r="SCU154" s="31"/>
      <c r="SCV154" s="31"/>
      <c r="SCW154" s="31"/>
      <c r="SCX154" s="31"/>
      <c r="SCY154" s="31"/>
      <c r="SCZ154" s="31"/>
      <c r="SDA154" s="31"/>
      <c r="SDB154" s="31"/>
      <c r="SDC154" s="31"/>
      <c r="SDD154" s="31"/>
      <c r="SDE154" s="31"/>
      <c r="SDF154" s="31"/>
      <c r="SDG154" s="31"/>
      <c r="SDH154" s="31"/>
      <c r="SDI154" s="31"/>
      <c r="SDJ154" s="31"/>
      <c r="SDK154" s="31"/>
      <c r="SDL154" s="31"/>
      <c r="SDM154" s="31"/>
      <c r="SDN154" s="31"/>
      <c r="SDO154" s="31"/>
      <c r="SDP154" s="31"/>
      <c r="SDQ154" s="31"/>
      <c r="SDR154" s="31"/>
      <c r="SDS154" s="31"/>
      <c r="SDT154" s="31"/>
      <c r="SDU154" s="31"/>
      <c r="SDV154" s="31"/>
      <c r="SDW154" s="31"/>
      <c r="SDX154" s="31"/>
      <c r="SDY154" s="31"/>
      <c r="SDZ154" s="31"/>
      <c r="SEA154" s="31"/>
      <c r="SEB154" s="31"/>
      <c r="SEC154" s="31"/>
      <c r="SED154" s="31"/>
      <c r="SEE154" s="31"/>
      <c r="SEF154" s="31"/>
      <c r="SEG154" s="31"/>
      <c r="SEH154" s="31"/>
      <c r="SEI154" s="31"/>
      <c r="SEJ154" s="31"/>
      <c r="SEK154" s="31"/>
      <c r="SEL154" s="31"/>
      <c r="SEM154" s="31"/>
      <c r="SEN154" s="31"/>
      <c r="SEO154" s="31"/>
      <c r="SEP154" s="31"/>
      <c r="SEQ154" s="31"/>
      <c r="SER154" s="31"/>
      <c r="SES154" s="31"/>
      <c r="SET154" s="31"/>
      <c r="SEU154" s="31"/>
      <c r="SEV154" s="31"/>
      <c r="SEW154" s="31"/>
      <c r="SEX154" s="31"/>
      <c r="SEY154" s="31"/>
      <c r="SEZ154" s="31"/>
      <c r="SFA154" s="31"/>
      <c r="SFB154" s="31"/>
      <c r="SFC154" s="31"/>
      <c r="SFD154" s="31"/>
      <c r="SFE154" s="31"/>
      <c r="SFF154" s="31"/>
      <c r="SFG154" s="31"/>
      <c r="SFH154" s="31"/>
      <c r="SFI154" s="31"/>
      <c r="SFJ154" s="31"/>
      <c r="SFK154" s="31"/>
      <c r="SFL154" s="31"/>
      <c r="SFM154" s="31"/>
      <c r="SFN154" s="31"/>
      <c r="SFO154" s="31"/>
      <c r="SFP154" s="31"/>
      <c r="SFQ154" s="31"/>
      <c r="SFR154" s="31"/>
      <c r="SFS154" s="31"/>
      <c r="SFT154" s="31"/>
      <c r="SFU154" s="31"/>
      <c r="SFV154" s="31"/>
      <c r="SFW154" s="31"/>
      <c r="SFX154" s="31"/>
      <c r="SFY154" s="31"/>
      <c r="SFZ154" s="31"/>
      <c r="SGA154" s="31"/>
      <c r="SGB154" s="31"/>
      <c r="SGC154" s="31"/>
      <c r="SGD154" s="31"/>
      <c r="SGE154" s="31"/>
      <c r="SGF154" s="31"/>
      <c r="SGG154" s="31"/>
      <c r="SGH154" s="31"/>
      <c r="SGI154" s="31"/>
      <c r="SGJ154" s="31"/>
      <c r="SGK154" s="31"/>
      <c r="SGL154" s="31"/>
      <c r="SGM154" s="31"/>
      <c r="SGN154" s="31"/>
      <c r="SGO154" s="31"/>
      <c r="SGP154" s="31"/>
      <c r="SGQ154" s="31"/>
      <c r="SGR154" s="31"/>
      <c r="SGS154" s="31"/>
      <c r="SGT154" s="31"/>
      <c r="SGU154" s="31"/>
      <c r="SGV154" s="31"/>
      <c r="SGW154" s="31"/>
      <c r="SGX154" s="31"/>
      <c r="SGY154" s="31"/>
      <c r="SGZ154" s="31"/>
      <c r="SHA154" s="31"/>
      <c r="SHB154" s="31"/>
      <c r="SHC154" s="31"/>
      <c r="SHD154" s="31"/>
      <c r="SHE154" s="31"/>
      <c r="SHF154" s="31"/>
      <c r="SHG154" s="31"/>
      <c r="SHH154" s="31"/>
      <c r="SHI154" s="31"/>
      <c r="SHJ154" s="31"/>
      <c r="SHK154" s="31"/>
      <c r="SHL154" s="31"/>
      <c r="SHM154" s="31"/>
      <c r="SHN154" s="31"/>
      <c r="SHO154" s="31"/>
      <c r="SHP154" s="31"/>
      <c r="SHQ154" s="31"/>
      <c r="SHR154" s="31"/>
      <c r="SHS154" s="31"/>
      <c r="SHT154" s="31"/>
      <c r="SHU154" s="31"/>
      <c r="SHV154" s="31"/>
      <c r="SHW154" s="31"/>
      <c r="SHX154" s="31"/>
      <c r="SHY154" s="31"/>
      <c r="SHZ154" s="31"/>
      <c r="SIA154" s="31"/>
      <c r="SIB154" s="31"/>
      <c r="SIC154" s="31"/>
      <c r="SID154" s="31"/>
      <c r="SIE154" s="31"/>
      <c r="SIF154" s="31"/>
      <c r="SIG154" s="31"/>
      <c r="SIH154" s="31"/>
      <c r="SII154" s="31"/>
      <c r="SIJ154" s="31"/>
      <c r="SIK154" s="31"/>
      <c r="SIL154" s="31"/>
      <c r="SIM154" s="31"/>
      <c r="SIN154" s="31"/>
      <c r="SIO154" s="31"/>
      <c r="SIP154" s="31"/>
      <c r="SIQ154" s="31"/>
      <c r="SIR154" s="31"/>
      <c r="SIS154" s="31"/>
      <c r="SIT154" s="31"/>
      <c r="SIU154" s="31"/>
      <c r="SIV154" s="31"/>
      <c r="SIW154" s="31"/>
      <c r="SIX154" s="31"/>
      <c r="SIY154" s="31"/>
      <c r="SIZ154" s="31"/>
      <c r="SJA154" s="31"/>
      <c r="SJB154" s="31"/>
      <c r="SJC154" s="31"/>
      <c r="SJD154" s="31"/>
      <c r="SJE154" s="31"/>
      <c r="SJF154" s="31"/>
      <c r="SJG154" s="31"/>
      <c r="SJH154" s="31"/>
      <c r="SJI154" s="31"/>
      <c r="SJJ154" s="31"/>
      <c r="SJK154" s="31"/>
      <c r="SJL154" s="31"/>
      <c r="SJM154" s="31"/>
      <c r="SJN154" s="31"/>
      <c r="SJO154" s="31"/>
      <c r="SJP154" s="31"/>
      <c r="SJQ154" s="31"/>
      <c r="SJR154" s="31"/>
      <c r="SJS154" s="31"/>
      <c r="SJT154" s="31"/>
      <c r="SJU154" s="31"/>
      <c r="SJV154" s="31"/>
      <c r="SJW154" s="31"/>
      <c r="SJX154" s="31"/>
      <c r="SJY154" s="31"/>
      <c r="SJZ154" s="31"/>
      <c r="SKA154" s="31"/>
      <c r="SKB154" s="31"/>
      <c r="SKC154" s="31"/>
      <c r="SKD154" s="31"/>
      <c r="SKE154" s="31"/>
      <c r="SKF154" s="31"/>
      <c r="SKG154" s="31"/>
      <c r="SKH154" s="31"/>
      <c r="SKI154" s="31"/>
      <c r="SKJ154" s="31"/>
      <c r="SKK154" s="31"/>
      <c r="SKL154" s="31"/>
      <c r="SKM154" s="31"/>
      <c r="SKN154" s="31"/>
      <c r="SKO154" s="31"/>
      <c r="SKP154" s="31"/>
      <c r="SKQ154" s="31"/>
      <c r="SKR154" s="31"/>
      <c r="SKS154" s="31"/>
      <c r="SKT154" s="31"/>
      <c r="SKU154" s="31"/>
      <c r="SKV154" s="31"/>
      <c r="SKW154" s="31"/>
      <c r="SKX154" s="31"/>
      <c r="SKY154" s="31"/>
      <c r="SKZ154" s="31"/>
      <c r="SLA154" s="31"/>
      <c r="SLB154" s="31"/>
      <c r="SLC154" s="31"/>
      <c r="SLD154" s="31"/>
      <c r="SLE154" s="31"/>
      <c r="SLF154" s="31"/>
      <c r="SLG154" s="31"/>
      <c r="SLH154" s="31"/>
      <c r="SLI154" s="31"/>
      <c r="SLJ154" s="31"/>
      <c r="SLK154" s="31"/>
      <c r="SLL154" s="31"/>
      <c r="SLM154" s="31"/>
      <c r="SLN154" s="31"/>
      <c r="SLO154" s="31"/>
      <c r="SLP154" s="31"/>
      <c r="SLQ154" s="31"/>
      <c r="SLR154" s="31"/>
      <c r="SLS154" s="31"/>
      <c r="SLT154" s="31"/>
      <c r="SLU154" s="31"/>
      <c r="SLV154" s="31"/>
      <c r="SLW154" s="31"/>
      <c r="SLX154" s="31"/>
      <c r="SLY154" s="31"/>
      <c r="SLZ154" s="31"/>
      <c r="SMA154" s="31"/>
      <c r="SMB154" s="31"/>
      <c r="SMC154" s="31"/>
      <c r="SMD154" s="31"/>
      <c r="SME154" s="31"/>
      <c r="SMF154" s="31"/>
      <c r="SMG154" s="31"/>
      <c r="SMH154" s="31"/>
      <c r="SMI154" s="31"/>
      <c r="SMJ154" s="31"/>
      <c r="SMK154" s="31"/>
      <c r="SML154" s="31"/>
      <c r="SMM154" s="31"/>
      <c r="SMN154" s="31"/>
      <c r="SMO154" s="31"/>
      <c r="SMP154" s="31"/>
      <c r="SMQ154" s="31"/>
      <c r="SMR154" s="31"/>
      <c r="SMS154" s="31"/>
      <c r="SMT154" s="31"/>
      <c r="SMU154" s="31"/>
      <c r="SMV154" s="31"/>
      <c r="SMW154" s="31"/>
      <c r="SMX154" s="31"/>
      <c r="SMY154" s="31"/>
      <c r="SMZ154" s="31"/>
      <c r="SNA154" s="31"/>
      <c r="SNB154" s="31"/>
      <c r="SNC154" s="31"/>
      <c r="SND154" s="31"/>
      <c r="SNE154" s="31"/>
      <c r="SNF154" s="31"/>
      <c r="SNG154" s="31"/>
      <c r="SNH154" s="31"/>
      <c r="SNI154" s="31"/>
      <c r="SNJ154" s="31"/>
      <c r="SNK154" s="31"/>
      <c r="SNL154" s="31"/>
      <c r="SNM154" s="31"/>
      <c r="SNN154" s="31"/>
      <c r="SNO154" s="31"/>
      <c r="SNP154" s="31"/>
      <c r="SNQ154" s="31"/>
      <c r="SNR154" s="31"/>
      <c r="SNS154" s="31"/>
      <c r="SNT154" s="31"/>
      <c r="SNU154" s="31"/>
      <c r="SNV154" s="31"/>
      <c r="SNW154" s="31"/>
      <c r="SNX154" s="31"/>
      <c r="SNY154" s="31"/>
      <c r="SNZ154" s="31"/>
      <c r="SOA154" s="31"/>
      <c r="SOB154" s="31"/>
      <c r="SOC154" s="31"/>
      <c r="SOD154" s="31"/>
      <c r="SOE154" s="31"/>
      <c r="SOF154" s="31"/>
      <c r="SOG154" s="31"/>
      <c r="SOH154" s="31"/>
      <c r="SOI154" s="31"/>
      <c r="SOJ154" s="31"/>
      <c r="SOK154" s="31"/>
      <c r="SOL154" s="31"/>
      <c r="SOM154" s="31"/>
      <c r="SON154" s="31"/>
      <c r="SOO154" s="31"/>
      <c r="SOP154" s="31"/>
      <c r="SOQ154" s="31"/>
      <c r="SOR154" s="31"/>
      <c r="SOS154" s="31"/>
      <c r="SOT154" s="31"/>
      <c r="SOU154" s="31"/>
      <c r="SOV154" s="31"/>
      <c r="SOW154" s="31"/>
      <c r="SOX154" s="31"/>
      <c r="SOY154" s="31"/>
      <c r="SOZ154" s="31"/>
      <c r="SPA154" s="31"/>
      <c r="SPB154" s="31"/>
      <c r="SPC154" s="31"/>
      <c r="SPD154" s="31"/>
      <c r="SPE154" s="31"/>
      <c r="SPF154" s="31"/>
      <c r="SPG154" s="31"/>
      <c r="SPH154" s="31"/>
      <c r="SPI154" s="31"/>
      <c r="SPJ154" s="31"/>
      <c r="SPK154" s="31"/>
      <c r="SPL154" s="31"/>
      <c r="SPM154" s="31"/>
      <c r="SPN154" s="31"/>
      <c r="SPO154" s="31"/>
      <c r="SPP154" s="31"/>
      <c r="SPQ154" s="31"/>
      <c r="SPR154" s="31"/>
      <c r="SPS154" s="31"/>
      <c r="SPT154" s="31"/>
      <c r="SPU154" s="31"/>
      <c r="SPV154" s="31"/>
      <c r="SPW154" s="31"/>
      <c r="SPX154" s="31"/>
      <c r="SPY154" s="31"/>
      <c r="SPZ154" s="31"/>
      <c r="SQA154" s="31"/>
      <c r="SQB154" s="31"/>
      <c r="SQC154" s="31"/>
      <c r="SQD154" s="31"/>
      <c r="SQE154" s="31"/>
      <c r="SQF154" s="31"/>
      <c r="SQG154" s="31"/>
      <c r="SQH154" s="31"/>
      <c r="SQI154" s="31"/>
      <c r="SQJ154" s="31"/>
      <c r="SQK154" s="31"/>
      <c r="SQL154" s="31"/>
      <c r="SQM154" s="31"/>
      <c r="SQN154" s="31"/>
      <c r="SQO154" s="31"/>
      <c r="SQP154" s="31"/>
      <c r="SQQ154" s="31"/>
      <c r="SQR154" s="31"/>
      <c r="SQS154" s="31"/>
      <c r="SQT154" s="31"/>
      <c r="SQU154" s="31"/>
      <c r="SQV154" s="31"/>
      <c r="SQW154" s="31"/>
      <c r="SQX154" s="31"/>
      <c r="SQY154" s="31"/>
      <c r="SQZ154" s="31"/>
      <c r="SRA154" s="31"/>
      <c r="SRB154" s="31"/>
      <c r="SRC154" s="31"/>
      <c r="SRD154" s="31"/>
      <c r="SRE154" s="31"/>
      <c r="SRF154" s="31"/>
      <c r="SRG154" s="31"/>
      <c r="SRH154" s="31"/>
      <c r="SRI154" s="31"/>
      <c r="SRJ154" s="31"/>
      <c r="SRK154" s="31"/>
      <c r="SRL154" s="31"/>
      <c r="SRM154" s="31"/>
      <c r="SRN154" s="31"/>
      <c r="SRO154" s="31"/>
      <c r="SRP154" s="31"/>
      <c r="SRQ154" s="31"/>
      <c r="SRR154" s="31"/>
      <c r="SRS154" s="31"/>
      <c r="SRT154" s="31"/>
      <c r="SRU154" s="31"/>
      <c r="SRV154" s="31"/>
      <c r="SRW154" s="31"/>
      <c r="SRX154" s="31"/>
      <c r="SRY154" s="31"/>
      <c r="SRZ154" s="31"/>
      <c r="SSA154" s="31"/>
      <c r="SSB154" s="31"/>
      <c r="SSC154" s="31"/>
      <c r="SSD154" s="31"/>
      <c r="SSE154" s="31"/>
      <c r="SSF154" s="31"/>
      <c r="SSG154" s="31"/>
      <c r="SSH154" s="31"/>
      <c r="SSI154" s="31"/>
      <c r="SSJ154" s="31"/>
      <c r="SSK154" s="31"/>
      <c r="SSL154" s="31"/>
      <c r="SSM154" s="31"/>
      <c r="SSN154" s="31"/>
      <c r="SSO154" s="31"/>
      <c r="SSP154" s="31"/>
      <c r="SSQ154" s="31"/>
      <c r="SSR154" s="31"/>
      <c r="SSS154" s="31"/>
      <c r="SST154" s="31"/>
      <c r="SSU154" s="31"/>
      <c r="SSV154" s="31"/>
      <c r="SSW154" s="31"/>
      <c r="SSX154" s="31"/>
      <c r="SSY154" s="31"/>
      <c r="SSZ154" s="31"/>
      <c r="STA154" s="31"/>
      <c r="STB154" s="31"/>
      <c r="STC154" s="31"/>
      <c r="STD154" s="31"/>
      <c r="STE154" s="31"/>
      <c r="STF154" s="31"/>
      <c r="STG154" s="31"/>
      <c r="STH154" s="31"/>
      <c r="STI154" s="31"/>
      <c r="STJ154" s="31"/>
      <c r="STK154" s="31"/>
      <c r="STL154" s="31"/>
      <c r="STM154" s="31"/>
      <c r="STN154" s="31"/>
      <c r="STO154" s="31"/>
      <c r="STP154" s="31"/>
      <c r="STQ154" s="31"/>
      <c r="STR154" s="31"/>
      <c r="STS154" s="31"/>
      <c r="STT154" s="31"/>
      <c r="STU154" s="31"/>
      <c r="STV154" s="31"/>
      <c r="STW154" s="31"/>
      <c r="STX154" s="31"/>
      <c r="STY154" s="31"/>
      <c r="STZ154" s="31"/>
      <c r="SUA154" s="31"/>
      <c r="SUB154" s="31"/>
      <c r="SUC154" s="31"/>
      <c r="SUD154" s="31"/>
      <c r="SUE154" s="31"/>
      <c r="SUF154" s="31"/>
      <c r="SUG154" s="31"/>
      <c r="SUH154" s="31"/>
      <c r="SUI154" s="31"/>
      <c r="SUJ154" s="31"/>
      <c r="SUK154" s="31"/>
      <c r="SUL154" s="31"/>
      <c r="SUM154" s="31"/>
      <c r="SUN154" s="31"/>
      <c r="SUO154" s="31"/>
      <c r="SUP154" s="31"/>
      <c r="SUQ154" s="31"/>
      <c r="SUR154" s="31"/>
      <c r="SUS154" s="31"/>
      <c r="SUT154" s="31"/>
      <c r="SUU154" s="31"/>
      <c r="SUV154" s="31"/>
      <c r="SUW154" s="31"/>
      <c r="SUX154" s="31"/>
      <c r="SUY154" s="31"/>
      <c r="SUZ154" s="31"/>
      <c r="SVA154" s="31"/>
      <c r="SVB154" s="31"/>
      <c r="SVC154" s="31"/>
      <c r="SVD154" s="31"/>
      <c r="SVE154" s="31"/>
      <c r="SVF154" s="31"/>
      <c r="SVG154" s="31"/>
      <c r="SVH154" s="31"/>
      <c r="SVI154" s="31"/>
      <c r="SVJ154" s="31"/>
      <c r="SVK154" s="31"/>
      <c r="SVL154" s="31"/>
      <c r="SVM154" s="31"/>
      <c r="SVN154" s="31"/>
      <c r="SVO154" s="31"/>
      <c r="SVP154" s="31"/>
      <c r="SVQ154" s="31"/>
      <c r="SVR154" s="31"/>
      <c r="SVS154" s="31"/>
      <c r="SVT154" s="31"/>
      <c r="SVU154" s="31"/>
      <c r="SVV154" s="31"/>
      <c r="SVW154" s="31"/>
      <c r="SVX154" s="31"/>
      <c r="SVY154" s="31"/>
      <c r="SVZ154" s="31"/>
      <c r="SWA154" s="31"/>
      <c r="SWB154" s="31"/>
      <c r="SWC154" s="31"/>
      <c r="SWD154" s="31"/>
      <c r="SWE154" s="31"/>
      <c r="SWF154" s="31"/>
      <c r="SWG154" s="31"/>
      <c r="SWH154" s="31"/>
      <c r="SWI154" s="31"/>
      <c r="SWJ154" s="31"/>
      <c r="SWK154" s="31"/>
      <c r="SWL154" s="31"/>
      <c r="SWM154" s="31"/>
      <c r="SWN154" s="31"/>
      <c r="SWO154" s="31"/>
      <c r="SWP154" s="31"/>
      <c r="SWQ154" s="31"/>
      <c r="SWR154" s="31"/>
      <c r="SWS154" s="31"/>
      <c r="SWT154" s="31"/>
      <c r="SWU154" s="31"/>
      <c r="SWV154" s="31"/>
      <c r="SWW154" s="31"/>
      <c r="SWX154" s="31"/>
      <c r="SWY154" s="31"/>
      <c r="SWZ154" s="31"/>
      <c r="SXA154" s="31"/>
      <c r="SXB154" s="31"/>
      <c r="SXC154" s="31"/>
      <c r="SXD154" s="31"/>
      <c r="SXE154" s="31"/>
      <c r="SXF154" s="31"/>
      <c r="SXG154" s="31"/>
      <c r="SXH154" s="31"/>
      <c r="SXI154" s="31"/>
      <c r="SXJ154" s="31"/>
      <c r="SXK154" s="31"/>
      <c r="SXL154" s="31"/>
      <c r="SXM154" s="31"/>
      <c r="SXN154" s="31"/>
      <c r="SXO154" s="31"/>
      <c r="SXP154" s="31"/>
      <c r="SXQ154" s="31"/>
      <c r="SXR154" s="31"/>
      <c r="SXS154" s="31"/>
      <c r="SXT154" s="31"/>
      <c r="SXU154" s="31"/>
      <c r="SXV154" s="31"/>
      <c r="SXW154" s="31"/>
      <c r="SXX154" s="31"/>
      <c r="SXY154" s="31"/>
      <c r="SXZ154" s="31"/>
      <c r="SYA154" s="31"/>
      <c r="SYB154" s="31"/>
      <c r="SYC154" s="31"/>
      <c r="SYD154" s="31"/>
      <c r="SYE154" s="31"/>
      <c r="SYF154" s="31"/>
      <c r="SYG154" s="31"/>
      <c r="SYH154" s="31"/>
      <c r="SYI154" s="31"/>
      <c r="SYJ154" s="31"/>
      <c r="SYK154" s="31"/>
      <c r="SYL154" s="31"/>
      <c r="SYM154" s="31"/>
      <c r="SYN154" s="31"/>
      <c r="SYO154" s="31"/>
      <c r="SYP154" s="31"/>
      <c r="SYQ154" s="31"/>
      <c r="SYR154" s="31"/>
      <c r="SYS154" s="31"/>
      <c r="SYT154" s="31"/>
      <c r="SYU154" s="31"/>
      <c r="SYV154" s="31"/>
      <c r="SYW154" s="31"/>
      <c r="SYX154" s="31"/>
      <c r="SYY154" s="31"/>
      <c r="SYZ154" s="31"/>
      <c r="SZA154" s="31"/>
      <c r="SZB154" s="31"/>
      <c r="SZC154" s="31"/>
      <c r="SZD154" s="31"/>
      <c r="SZE154" s="31"/>
      <c r="SZF154" s="31"/>
      <c r="SZG154" s="31"/>
      <c r="SZH154" s="31"/>
      <c r="SZI154" s="31"/>
      <c r="SZJ154" s="31"/>
      <c r="SZK154" s="31"/>
      <c r="SZL154" s="31"/>
      <c r="SZM154" s="31"/>
      <c r="SZN154" s="31"/>
      <c r="SZO154" s="31"/>
      <c r="SZP154" s="31"/>
      <c r="SZQ154" s="31"/>
      <c r="SZR154" s="31"/>
      <c r="SZS154" s="31"/>
      <c r="SZT154" s="31"/>
      <c r="SZU154" s="31"/>
      <c r="SZV154" s="31"/>
      <c r="SZW154" s="31"/>
      <c r="SZX154" s="31"/>
      <c r="SZY154" s="31"/>
      <c r="SZZ154" s="31"/>
      <c r="TAA154" s="31"/>
      <c r="TAB154" s="31"/>
      <c r="TAC154" s="31"/>
      <c r="TAD154" s="31"/>
      <c r="TAE154" s="31"/>
      <c r="TAF154" s="31"/>
      <c r="TAG154" s="31"/>
      <c r="TAH154" s="31"/>
      <c r="TAI154" s="31"/>
      <c r="TAJ154" s="31"/>
      <c r="TAK154" s="31"/>
      <c r="TAL154" s="31"/>
      <c r="TAM154" s="31"/>
      <c r="TAN154" s="31"/>
      <c r="TAO154" s="31"/>
      <c r="TAP154" s="31"/>
      <c r="TAQ154" s="31"/>
      <c r="TAR154" s="31"/>
      <c r="TAS154" s="31"/>
      <c r="TAT154" s="31"/>
      <c r="TAU154" s="31"/>
      <c r="TAV154" s="31"/>
      <c r="TAW154" s="31"/>
      <c r="TAX154" s="31"/>
      <c r="TAY154" s="31"/>
      <c r="TAZ154" s="31"/>
      <c r="TBA154" s="31"/>
      <c r="TBB154" s="31"/>
      <c r="TBC154" s="31"/>
      <c r="TBD154" s="31"/>
      <c r="TBE154" s="31"/>
      <c r="TBF154" s="31"/>
      <c r="TBG154" s="31"/>
      <c r="TBH154" s="31"/>
      <c r="TBI154" s="31"/>
      <c r="TBJ154" s="31"/>
      <c r="TBK154" s="31"/>
      <c r="TBL154" s="31"/>
      <c r="TBM154" s="31"/>
      <c r="TBN154" s="31"/>
      <c r="TBO154" s="31"/>
      <c r="TBP154" s="31"/>
      <c r="TBQ154" s="31"/>
      <c r="TBR154" s="31"/>
      <c r="TBS154" s="31"/>
      <c r="TBT154" s="31"/>
      <c r="TBU154" s="31"/>
      <c r="TBV154" s="31"/>
      <c r="TBW154" s="31"/>
      <c r="TBX154" s="31"/>
      <c r="TBY154" s="31"/>
      <c r="TBZ154" s="31"/>
      <c r="TCA154" s="31"/>
      <c r="TCB154" s="31"/>
      <c r="TCC154" s="31"/>
      <c r="TCD154" s="31"/>
      <c r="TCE154" s="31"/>
      <c r="TCF154" s="31"/>
      <c r="TCG154" s="31"/>
      <c r="TCH154" s="31"/>
      <c r="TCI154" s="31"/>
      <c r="TCJ154" s="31"/>
      <c r="TCK154" s="31"/>
      <c r="TCL154" s="31"/>
      <c r="TCM154" s="31"/>
      <c r="TCN154" s="31"/>
      <c r="TCO154" s="31"/>
      <c r="TCP154" s="31"/>
      <c r="TCQ154" s="31"/>
      <c r="TCR154" s="31"/>
      <c r="TCS154" s="31"/>
      <c r="TCT154" s="31"/>
      <c r="TCU154" s="31"/>
      <c r="TCV154" s="31"/>
      <c r="TCW154" s="31"/>
      <c r="TCX154" s="31"/>
      <c r="TCY154" s="31"/>
      <c r="TCZ154" s="31"/>
      <c r="TDA154" s="31"/>
      <c r="TDB154" s="31"/>
      <c r="TDC154" s="31"/>
      <c r="TDD154" s="31"/>
      <c r="TDE154" s="31"/>
      <c r="TDF154" s="31"/>
      <c r="TDG154" s="31"/>
      <c r="TDH154" s="31"/>
      <c r="TDI154" s="31"/>
      <c r="TDJ154" s="31"/>
      <c r="TDK154" s="31"/>
      <c r="TDL154" s="31"/>
      <c r="TDM154" s="31"/>
      <c r="TDN154" s="31"/>
      <c r="TDO154" s="31"/>
      <c r="TDP154" s="31"/>
      <c r="TDQ154" s="31"/>
      <c r="TDR154" s="31"/>
      <c r="TDS154" s="31"/>
      <c r="TDT154" s="31"/>
      <c r="TDU154" s="31"/>
      <c r="TDV154" s="31"/>
      <c r="TDW154" s="31"/>
      <c r="TDX154" s="31"/>
      <c r="TDY154" s="31"/>
      <c r="TDZ154" s="31"/>
      <c r="TEA154" s="31"/>
      <c r="TEB154" s="31"/>
      <c r="TEC154" s="31"/>
      <c r="TED154" s="31"/>
      <c r="TEE154" s="31"/>
      <c r="TEF154" s="31"/>
      <c r="TEG154" s="31"/>
      <c r="TEH154" s="31"/>
      <c r="TEI154" s="31"/>
      <c r="TEJ154" s="31"/>
      <c r="TEK154" s="31"/>
      <c r="TEL154" s="31"/>
      <c r="TEM154" s="31"/>
      <c r="TEN154" s="31"/>
      <c r="TEO154" s="31"/>
      <c r="TEP154" s="31"/>
      <c r="TEQ154" s="31"/>
      <c r="TER154" s="31"/>
      <c r="TES154" s="31"/>
      <c r="TET154" s="31"/>
      <c r="TEU154" s="31"/>
      <c r="TEV154" s="31"/>
      <c r="TEW154" s="31"/>
      <c r="TEX154" s="31"/>
      <c r="TEY154" s="31"/>
      <c r="TEZ154" s="31"/>
      <c r="TFA154" s="31"/>
      <c r="TFB154" s="31"/>
      <c r="TFC154" s="31"/>
      <c r="TFD154" s="31"/>
      <c r="TFE154" s="31"/>
      <c r="TFF154" s="31"/>
      <c r="TFG154" s="31"/>
      <c r="TFH154" s="31"/>
      <c r="TFI154" s="31"/>
      <c r="TFJ154" s="31"/>
      <c r="TFK154" s="31"/>
      <c r="TFL154" s="31"/>
      <c r="TFM154" s="31"/>
      <c r="TFN154" s="31"/>
      <c r="TFO154" s="31"/>
      <c r="TFP154" s="31"/>
      <c r="TFQ154" s="31"/>
      <c r="TFR154" s="31"/>
      <c r="TFS154" s="31"/>
      <c r="TFT154" s="31"/>
      <c r="TFU154" s="31"/>
      <c r="TFV154" s="31"/>
      <c r="TFW154" s="31"/>
      <c r="TFX154" s="31"/>
      <c r="TFY154" s="31"/>
      <c r="TFZ154" s="31"/>
      <c r="TGA154" s="31"/>
      <c r="TGB154" s="31"/>
      <c r="TGC154" s="31"/>
      <c r="TGD154" s="31"/>
      <c r="TGE154" s="31"/>
      <c r="TGF154" s="31"/>
      <c r="TGG154" s="31"/>
      <c r="TGH154" s="31"/>
      <c r="TGI154" s="31"/>
      <c r="TGJ154" s="31"/>
      <c r="TGK154" s="31"/>
      <c r="TGL154" s="31"/>
      <c r="TGM154" s="31"/>
      <c r="TGN154" s="31"/>
      <c r="TGO154" s="31"/>
      <c r="TGP154" s="31"/>
      <c r="TGQ154" s="31"/>
      <c r="TGR154" s="31"/>
      <c r="TGS154" s="31"/>
      <c r="TGT154" s="31"/>
      <c r="TGU154" s="31"/>
      <c r="TGV154" s="31"/>
      <c r="TGW154" s="31"/>
      <c r="TGX154" s="31"/>
      <c r="TGY154" s="31"/>
      <c r="TGZ154" s="31"/>
      <c r="THA154" s="31"/>
      <c r="THB154" s="31"/>
      <c r="THC154" s="31"/>
      <c r="THD154" s="31"/>
      <c r="THE154" s="31"/>
      <c r="THF154" s="31"/>
      <c r="THG154" s="31"/>
      <c r="THH154" s="31"/>
      <c r="THI154" s="31"/>
      <c r="THJ154" s="31"/>
      <c r="THK154" s="31"/>
      <c r="THL154" s="31"/>
      <c r="THM154" s="31"/>
      <c r="THN154" s="31"/>
      <c r="THO154" s="31"/>
      <c r="THP154" s="31"/>
      <c r="THQ154" s="31"/>
      <c r="THR154" s="31"/>
      <c r="THS154" s="31"/>
      <c r="THT154" s="31"/>
      <c r="THU154" s="31"/>
      <c r="THV154" s="31"/>
      <c r="THW154" s="31"/>
      <c r="THX154" s="31"/>
      <c r="THY154" s="31"/>
      <c r="THZ154" s="31"/>
      <c r="TIA154" s="31"/>
      <c r="TIB154" s="31"/>
      <c r="TIC154" s="31"/>
      <c r="TID154" s="31"/>
      <c r="TIE154" s="31"/>
      <c r="TIF154" s="31"/>
      <c r="TIG154" s="31"/>
      <c r="TIH154" s="31"/>
      <c r="TII154" s="31"/>
      <c r="TIJ154" s="31"/>
      <c r="TIK154" s="31"/>
      <c r="TIL154" s="31"/>
      <c r="TIM154" s="31"/>
      <c r="TIN154" s="31"/>
      <c r="TIO154" s="31"/>
      <c r="TIP154" s="31"/>
      <c r="TIQ154" s="31"/>
      <c r="TIR154" s="31"/>
      <c r="TIS154" s="31"/>
      <c r="TIT154" s="31"/>
      <c r="TIU154" s="31"/>
      <c r="TIV154" s="31"/>
      <c r="TIW154" s="31"/>
      <c r="TIX154" s="31"/>
      <c r="TIY154" s="31"/>
      <c r="TIZ154" s="31"/>
      <c r="TJA154" s="31"/>
      <c r="TJB154" s="31"/>
      <c r="TJC154" s="31"/>
      <c r="TJD154" s="31"/>
      <c r="TJE154" s="31"/>
      <c r="TJF154" s="31"/>
      <c r="TJG154" s="31"/>
      <c r="TJH154" s="31"/>
      <c r="TJI154" s="31"/>
      <c r="TJJ154" s="31"/>
      <c r="TJK154" s="31"/>
      <c r="TJL154" s="31"/>
      <c r="TJM154" s="31"/>
      <c r="TJN154" s="31"/>
      <c r="TJO154" s="31"/>
      <c r="TJP154" s="31"/>
      <c r="TJQ154" s="31"/>
      <c r="TJR154" s="31"/>
      <c r="TJS154" s="31"/>
      <c r="TJT154" s="31"/>
      <c r="TJU154" s="31"/>
      <c r="TJV154" s="31"/>
      <c r="TJW154" s="31"/>
      <c r="TJX154" s="31"/>
      <c r="TJY154" s="31"/>
      <c r="TJZ154" s="31"/>
      <c r="TKA154" s="31"/>
      <c r="TKB154" s="31"/>
      <c r="TKC154" s="31"/>
      <c r="TKD154" s="31"/>
      <c r="TKE154" s="31"/>
      <c r="TKF154" s="31"/>
      <c r="TKG154" s="31"/>
      <c r="TKH154" s="31"/>
      <c r="TKI154" s="31"/>
      <c r="TKJ154" s="31"/>
      <c r="TKK154" s="31"/>
      <c r="TKL154" s="31"/>
      <c r="TKM154" s="31"/>
      <c r="TKN154" s="31"/>
      <c r="TKO154" s="31"/>
      <c r="TKP154" s="31"/>
      <c r="TKQ154" s="31"/>
      <c r="TKR154" s="31"/>
      <c r="TKS154" s="31"/>
      <c r="TKT154" s="31"/>
      <c r="TKU154" s="31"/>
      <c r="TKV154" s="31"/>
      <c r="TKW154" s="31"/>
      <c r="TKX154" s="31"/>
      <c r="TKY154" s="31"/>
      <c r="TKZ154" s="31"/>
      <c r="TLA154" s="31"/>
      <c r="TLB154" s="31"/>
      <c r="TLC154" s="31"/>
      <c r="TLD154" s="31"/>
      <c r="TLE154" s="31"/>
      <c r="TLF154" s="31"/>
      <c r="TLG154" s="31"/>
      <c r="TLH154" s="31"/>
      <c r="TLI154" s="31"/>
      <c r="TLJ154" s="31"/>
      <c r="TLK154" s="31"/>
      <c r="TLL154" s="31"/>
      <c r="TLM154" s="31"/>
      <c r="TLN154" s="31"/>
      <c r="TLO154" s="31"/>
      <c r="TLP154" s="31"/>
      <c r="TLQ154" s="31"/>
      <c r="TLR154" s="31"/>
      <c r="TLS154" s="31"/>
      <c r="TLT154" s="31"/>
      <c r="TLU154" s="31"/>
      <c r="TLV154" s="31"/>
      <c r="TLW154" s="31"/>
      <c r="TLX154" s="31"/>
      <c r="TLY154" s="31"/>
      <c r="TLZ154" s="31"/>
      <c r="TMA154" s="31"/>
      <c r="TMB154" s="31"/>
      <c r="TMC154" s="31"/>
      <c r="TMD154" s="31"/>
      <c r="TME154" s="31"/>
      <c r="TMF154" s="31"/>
      <c r="TMG154" s="31"/>
      <c r="TMH154" s="31"/>
      <c r="TMI154" s="31"/>
      <c r="TMJ154" s="31"/>
      <c r="TMK154" s="31"/>
      <c r="TML154" s="31"/>
      <c r="TMM154" s="31"/>
      <c r="TMN154" s="31"/>
      <c r="TMO154" s="31"/>
      <c r="TMP154" s="31"/>
      <c r="TMQ154" s="31"/>
      <c r="TMR154" s="31"/>
      <c r="TMS154" s="31"/>
      <c r="TMT154" s="31"/>
      <c r="TMU154" s="31"/>
      <c r="TMV154" s="31"/>
      <c r="TMW154" s="31"/>
      <c r="TMX154" s="31"/>
      <c r="TMY154" s="31"/>
      <c r="TMZ154" s="31"/>
      <c r="TNA154" s="31"/>
      <c r="TNB154" s="31"/>
      <c r="TNC154" s="31"/>
      <c r="TND154" s="31"/>
      <c r="TNE154" s="31"/>
      <c r="TNF154" s="31"/>
      <c r="TNG154" s="31"/>
      <c r="TNH154" s="31"/>
      <c r="TNI154" s="31"/>
      <c r="TNJ154" s="31"/>
      <c r="TNK154" s="31"/>
      <c r="TNL154" s="31"/>
      <c r="TNM154" s="31"/>
      <c r="TNN154" s="31"/>
      <c r="TNO154" s="31"/>
      <c r="TNP154" s="31"/>
      <c r="TNQ154" s="31"/>
      <c r="TNR154" s="31"/>
      <c r="TNS154" s="31"/>
      <c r="TNT154" s="31"/>
      <c r="TNU154" s="31"/>
      <c r="TNV154" s="31"/>
      <c r="TNW154" s="31"/>
      <c r="TNX154" s="31"/>
      <c r="TNY154" s="31"/>
      <c r="TNZ154" s="31"/>
      <c r="TOA154" s="31"/>
      <c r="TOB154" s="31"/>
      <c r="TOC154" s="31"/>
      <c r="TOD154" s="31"/>
      <c r="TOE154" s="31"/>
      <c r="TOF154" s="31"/>
      <c r="TOG154" s="31"/>
      <c r="TOH154" s="31"/>
      <c r="TOI154" s="31"/>
      <c r="TOJ154" s="31"/>
      <c r="TOK154" s="31"/>
      <c r="TOL154" s="31"/>
      <c r="TOM154" s="31"/>
      <c r="TON154" s="31"/>
      <c r="TOO154" s="31"/>
      <c r="TOP154" s="31"/>
      <c r="TOQ154" s="31"/>
      <c r="TOR154" s="31"/>
      <c r="TOS154" s="31"/>
      <c r="TOT154" s="31"/>
      <c r="TOU154" s="31"/>
      <c r="TOV154" s="31"/>
      <c r="TOW154" s="31"/>
      <c r="TOX154" s="31"/>
      <c r="TOY154" s="31"/>
      <c r="TOZ154" s="31"/>
      <c r="TPA154" s="31"/>
      <c r="TPB154" s="31"/>
      <c r="TPC154" s="31"/>
      <c r="TPD154" s="31"/>
      <c r="TPE154" s="31"/>
      <c r="TPF154" s="31"/>
      <c r="TPG154" s="31"/>
      <c r="TPH154" s="31"/>
      <c r="TPI154" s="31"/>
      <c r="TPJ154" s="31"/>
      <c r="TPK154" s="31"/>
      <c r="TPL154" s="31"/>
      <c r="TPM154" s="31"/>
      <c r="TPN154" s="31"/>
      <c r="TPO154" s="31"/>
      <c r="TPP154" s="31"/>
      <c r="TPQ154" s="31"/>
      <c r="TPR154" s="31"/>
      <c r="TPS154" s="31"/>
      <c r="TPT154" s="31"/>
      <c r="TPU154" s="31"/>
      <c r="TPV154" s="31"/>
      <c r="TPW154" s="31"/>
      <c r="TPX154" s="31"/>
      <c r="TPY154" s="31"/>
      <c r="TPZ154" s="31"/>
      <c r="TQA154" s="31"/>
      <c r="TQB154" s="31"/>
      <c r="TQC154" s="31"/>
      <c r="TQD154" s="31"/>
      <c r="TQE154" s="31"/>
      <c r="TQF154" s="31"/>
      <c r="TQG154" s="31"/>
      <c r="TQH154" s="31"/>
      <c r="TQI154" s="31"/>
      <c r="TQJ154" s="31"/>
      <c r="TQK154" s="31"/>
      <c r="TQL154" s="31"/>
      <c r="TQM154" s="31"/>
      <c r="TQN154" s="31"/>
      <c r="TQO154" s="31"/>
      <c r="TQP154" s="31"/>
      <c r="TQQ154" s="31"/>
      <c r="TQR154" s="31"/>
      <c r="TQS154" s="31"/>
      <c r="TQT154" s="31"/>
      <c r="TQU154" s="31"/>
      <c r="TQV154" s="31"/>
      <c r="TQW154" s="31"/>
      <c r="TQX154" s="31"/>
      <c r="TQY154" s="31"/>
      <c r="TQZ154" s="31"/>
      <c r="TRA154" s="31"/>
      <c r="TRB154" s="31"/>
      <c r="TRC154" s="31"/>
      <c r="TRD154" s="31"/>
      <c r="TRE154" s="31"/>
      <c r="TRF154" s="31"/>
      <c r="TRG154" s="31"/>
      <c r="TRH154" s="31"/>
      <c r="TRI154" s="31"/>
      <c r="TRJ154" s="31"/>
      <c r="TRK154" s="31"/>
      <c r="TRL154" s="31"/>
      <c r="TRM154" s="31"/>
      <c r="TRN154" s="31"/>
      <c r="TRO154" s="31"/>
      <c r="TRP154" s="31"/>
      <c r="TRQ154" s="31"/>
      <c r="TRR154" s="31"/>
      <c r="TRS154" s="31"/>
      <c r="TRT154" s="31"/>
      <c r="TRU154" s="31"/>
      <c r="TRV154" s="31"/>
      <c r="TRW154" s="31"/>
      <c r="TRX154" s="31"/>
      <c r="TRY154" s="31"/>
      <c r="TRZ154" s="31"/>
      <c r="TSA154" s="31"/>
      <c r="TSB154" s="31"/>
      <c r="TSC154" s="31"/>
      <c r="TSD154" s="31"/>
      <c r="TSE154" s="31"/>
      <c r="TSF154" s="31"/>
      <c r="TSG154" s="31"/>
      <c r="TSH154" s="31"/>
      <c r="TSI154" s="31"/>
      <c r="TSJ154" s="31"/>
      <c r="TSK154" s="31"/>
      <c r="TSL154" s="31"/>
      <c r="TSM154" s="31"/>
      <c r="TSN154" s="31"/>
      <c r="TSO154" s="31"/>
      <c r="TSP154" s="31"/>
      <c r="TSQ154" s="31"/>
      <c r="TSR154" s="31"/>
      <c r="TSS154" s="31"/>
      <c r="TST154" s="31"/>
      <c r="TSU154" s="31"/>
      <c r="TSV154" s="31"/>
      <c r="TSW154" s="31"/>
      <c r="TSX154" s="31"/>
      <c r="TSY154" s="31"/>
      <c r="TSZ154" s="31"/>
      <c r="TTA154" s="31"/>
      <c r="TTB154" s="31"/>
      <c r="TTC154" s="31"/>
      <c r="TTD154" s="31"/>
      <c r="TTE154" s="31"/>
      <c r="TTF154" s="31"/>
      <c r="TTG154" s="31"/>
      <c r="TTH154" s="31"/>
      <c r="TTI154" s="31"/>
      <c r="TTJ154" s="31"/>
      <c r="TTK154" s="31"/>
      <c r="TTL154" s="31"/>
      <c r="TTM154" s="31"/>
      <c r="TTN154" s="31"/>
      <c r="TTO154" s="31"/>
      <c r="TTP154" s="31"/>
      <c r="TTQ154" s="31"/>
      <c r="TTR154" s="31"/>
      <c r="TTS154" s="31"/>
      <c r="TTT154" s="31"/>
      <c r="TTU154" s="31"/>
      <c r="TTV154" s="31"/>
      <c r="TTW154" s="31"/>
      <c r="TTX154" s="31"/>
      <c r="TTY154" s="31"/>
      <c r="TTZ154" s="31"/>
      <c r="TUA154" s="31"/>
      <c r="TUB154" s="31"/>
      <c r="TUC154" s="31"/>
      <c r="TUD154" s="31"/>
      <c r="TUE154" s="31"/>
      <c r="TUF154" s="31"/>
      <c r="TUG154" s="31"/>
      <c r="TUH154" s="31"/>
      <c r="TUI154" s="31"/>
      <c r="TUJ154" s="31"/>
      <c r="TUK154" s="31"/>
      <c r="TUL154" s="31"/>
      <c r="TUM154" s="31"/>
      <c r="TUN154" s="31"/>
      <c r="TUO154" s="31"/>
      <c r="TUP154" s="31"/>
      <c r="TUQ154" s="31"/>
      <c r="TUR154" s="31"/>
      <c r="TUS154" s="31"/>
      <c r="TUT154" s="31"/>
      <c r="TUU154" s="31"/>
      <c r="TUV154" s="31"/>
      <c r="TUW154" s="31"/>
      <c r="TUX154" s="31"/>
      <c r="TUY154" s="31"/>
      <c r="TUZ154" s="31"/>
      <c r="TVA154" s="31"/>
      <c r="TVB154" s="31"/>
      <c r="TVC154" s="31"/>
      <c r="TVD154" s="31"/>
      <c r="TVE154" s="31"/>
      <c r="TVF154" s="31"/>
      <c r="TVG154" s="31"/>
      <c r="TVH154" s="31"/>
      <c r="TVI154" s="31"/>
      <c r="TVJ154" s="31"/>
      <c r="TVK154" s="31"/>
      <c r="TVL154" s="31"/>
      <c r="TVM154" s="31"/>
      <c r="TVN154" s="31"/>
      <c r="TVO154" s="31"/>
      <c r="TVP154" s="31"/>
      <c r="TVQ154" s="31"/>
      <c r="TVR154" s="31"/>
      <c r="TVS154" s="31"/>
      <c r="TVT154" s="31"/>
      <c r="TVU154" s="31"/>
      <c r="TVV154" s="31"/>
      <c r="TVW154" s="31"/>
      <c r="TVX154" s="31"/>
      <c r="TVY154" s="31"/>
      <c r="TVZ154" s="31"/>
      <c r="TWA154" s="31"/>
      <c r="TWB154" s="31"/>
      <c r="TWC154" s="31"/>
      <c r="TWD154" s="31"/>
      <c r="TWE154" s="31"/>
      <c r="TWF154" s="31"/>
      <c r="TWG154" s="31"/>
      <c r="TWH154" s="31"/>
      <c r="TWI154" s="31"/>
      <c r="TWJ154" s="31"/>
      <c r="TWK154" s="31"/>
      <c r="TWL154" s="31"/>
      <c r="TWM154" s="31"/>
      <c r="TWN154" s="31"/>
      <c r="TWO154" s="31"/>
      <c r="TWP154" s="31"/>
      <c r="TWQ154" s="31"/>
      <c r="TWR154" s="31"/>
      <c r="TWS154" s="31"/>
      <c r="TWT154" s="31"/>
      <c r="TWU154" s="31"/>
      <c r="TWV154" s="31"/>
      <c r="TWW154" s="31"/>
      <c r="TWX154" s="31"/>
      <c r="TWY154" s="31"/>
      <c r="TWZ154" s="31"/>
      <c r="TXA154" s="31"/>
      <c r="TXB154" s="31"/>
      <c r="TXC154" s="31"/>
      <c r="TXD154" s="31"/>
      <c r="TXE154" s="31"/>
      <c r="TXF154" s="31"/>
      <c r="TXG154" s="31"/>
      <c r="TXH154" s="31"/>
      <c r="TXI154" s="31"/>
      <c r="TXJ154" s="31"/>
      <c r="TXK154" s="31"/>
      <c r="TXL154" s="31"/>
      <c r="TXM154" s="31"/>
      <c r="TXN154" s="31"/>
      <c r="TXO154" s="31"/>
      <c r="TXP154" s="31"/>
      <c r="TXQ154" s="31"/>
      <c r="TXR154" s="31"/>
      <c r="TXS154" s="31"/>
      <c r="TXT154" s="31"/>
      <c r="TXU154" s="31"/>
      <c r="TXV154" s="31"/>
      <c r="TXW154" s="31"/>
      <c r="TXX154" s="31"/>
      <c r="TXY154" s="31"/>
      <c r="TXZ154" s="31"/>
      <c r="TYA154" s="31"/>
      <c r="TYB154" s="31"/>
      <c r="TYC154" s="31"/>
      <c r="TYD154" s="31"/>
      <c r="TYE154" s="31"/>
      <c r="TYF154" s="31"/>
      <c r="TYG154" s="31"/>
      <c r="TYH154" s="31"/>
      <c r="TYI154" s="31"/>
      <c r="TYJ154" s="31"/>
      <c r="TYK154" s="31"/>
      <c r="TYL154" s="31"/>
      <c r="TYM154" s="31"/>
      <c r="TYN154" s="31"/>
      <c r="TYO154" s="31"/>
      <c r="TYP154" s="31"/>
      <c r="TYQ154" s="31"/>
      <c r="TYR154" s="31"/>
      <c r="TYS154" s="31"/>
      <c r="TYT154" s="31"/>
      <c r="TYU154" s="31"/>
      <c r="TYV154" s="31"/>
      <c r="TYW154" s="31"/>
      <c r="TYX154" s="31"/>
      <c r="TYY154" s="31"/>
      <c r="TYZ154" s="31"/>
      <c r="TZA154" s="31"/>
      <c r="TZB154" s="31"/>
      <c r="TZC154" s="31"/>
      <c r="TZD154" s="31"/>
      <c r="TZE154" s="31"/>
      <c r="TZF154" s="31"/>
      <c r="TZG154" s="31"/>
      <c r="TZH154" s="31"/>
      <c r="TZI154" s="31"/>
      <c r="TZJ154" s="31"/>
      <c r="TZK154" s="31"/>
      <c r="TZL154" s="31"/>
      <c r="TZM154" s="31"/>
      <c r="TZN154" s="31"/>
      <c r="TZO154" s="31"/>
      <c r="TZP154" s="31"/>
      <c r="TZQ154" s="31"/>
      <c r="TZR154" s="31"/>
      <c r="TZS154" s="31"/>
      <c r="TZT154" s="31"/>
      <c r="TZU154" s="31"/>
      <c r="TZV154" s="31"/>
      <c r="TZW154" s="31"/>
      <c r="TZX154" s="31"/>
      <c r="TZY154" s="31"/>
      <c r="TZZ154" s="31"/>
      <c r="UAA154" s="31"/>
      <c r="UAB154" s="31"/>
      <c r="UAC154" s="31"/>
      <c r="UAD154" s="31"/>
      <c r="UAE154" s="31"/>
      <c r="UAF154" s="31"/>
      <c r="UAG154" s="31"/>
      <c r="UAH154" s="31"/>
      <c r="UAI154" s="31"/>
      <c r="UAJ154" s="31"/>
      <c r="UAK154" s="31"/>
      <c r="UAL154" s="31"/>
      <c r="UAM154" s="31"/>
      <c r="UAN154" s="31"/>
      <c r="UAO154" s="31"/>
      <c r="UAP154" s="31"/>
      <c r="UAQ154" s="31"/>
      <c r="UAR154" s="31"/>
      <c r="UAS154" s="31"/>
      <c r="UAT154" s="31"/>
      <c r="UAU154" s="31"/>
      <c r="UAV154" s="31"/>
      <c r="UAW154" s="31"/>
      <c r="UAX154" s="31"/>
      <c r="UAY154" s="31"/>
      <c r="UAZ154" s="31"/>
      <c r="UBA154" s="31"/>
      <c r="UBB154" s="31"/>
      <c r="UBC154" s="31"/>
      <c r="UBD154" s="31"/>
      <c r="UBE154" s="31"/>
      <c r="UBF154" s="31"/>
      <c r="UBG154" s="31"/>
      <c r="UBH154" s="31"/>
      <c r="UBI154" s="31"/>
      <c r="UBJ154" s="31"/>
      <c r="UBK154" s="31"/>
      <c r="UBL154" s="31"/>
      <c r="UBM154" s="31"/>
      <c r="UBN154" s="31"/>
      <c r="UBO154" s="31"/>
      <c r="UBP154" s="31"/>
      <c r="UBQ154" s="31"/>
      <c r="UBR154" s="31"/>
      <c r="UBS154" s="31"/>
      <c r="UBT154" s="31"/>
      <c r="UBU154" s="31"/>
      <c r="UBV154" s="31"/>
      <c r="UBW154" s="31"/>
      <c r="UBX154" s="31"/>
      <c r="UBY154" s="31"/>
      <c r="UBZ154" s="31"/>
      <c r="UCA154" s="31"/>
      <c r="UCB154" s="31"/>
      <c r="UCC154" s="31"/>
      <c r="UCD154" s="31"/>
      <c r="UCE154" s="31"/>
      <c r="UCF154" s="31"/>
      <c r="UCG154" s="31"/>
      <c r="UCH154" s="31"/>
      <c r="UCI154" s="31"/>
      <c r="UCJ154" s="31"/>
      <c r="UCK154" s="31"/>
      <c r="UCL154" s="31"/>
      <c r="UCM154" s="31"/>
      <c r="UCN154" s="31"/>
      <c r="UCO154" s="31"/>
      <c r="UCP154" s="31"/>
      <c r="UCQ154" s="31"/>
      <c r="UCR154" s="31"/>
      <c r="UCS154" s="31"/>
      <c r="UCT154" s="31"/>
      <c r="UCU154" s="31"/>
      <c r="UCV154" s="31"/>
      <c r="UCW154" s="31"/>
      <c r="UCX154" s="31"/>
      <c r="UCY154" s="31"/>
      <c r="UCZ154" s="31"/>
      <c r="UDA154" s="31"/>
      <c r="UDB154" s="31"/>
      <c r="UDC154" s="31"/>
      <c r="UDD154" s="31"/>
      <c r="UDE154" s="31"/>
      <c r="UDF154" s="31"/>
      <c r="UDG154" s="31"/>
      <c r="UDH154" s="31"/>
      <c r="UDI154" s="31"/>
      <c r="UDJ154" s="31"/>
      <c r="UDK154" s="31"/>
      <c r="UDL154" s="31"/>
      <c r="UDM154" s="31"/>
      <c r="UDN154" s="31"/>
      <c r="UDO154" s="31"/>
      <c r="UDP154" s="31"/>
      <c r="UDQ154" s="31"/>
      <c r="UDR154" s="31"/>
      <c r="UDS154" s="31"/>
      <c r="UDT154" s="31"/>
      <c r="UDU154" s="31"/>
      <c r="UDV154" s="31"/>
      <c r="UDW154" s="31"/>
      <c r="UDX154" s="31"/>
      <c r="UDY154" s="31"/>
      <c r="UDZ154" s="31"/>
      <c r="UEA154" s="31"/>
      <c r="UEB154" s="31"/>
      <c r="UEC154" s="31"/>
      <c r="UED154" s="31"/>
      <c r="UEE154" s="31"/>
      <c r="UEF154" s="31"/>
      <c r="UEG154" s="31"/>
      <c r="UEH154" s="31"/>
      <c r="UEI154" s="31"/>
      <c r="UEJ154" s="31"/>
      <c r="UEK154" s="31"/>
      <c r="UEL154" s="31"/>
      <c r="UEM154" s="31"/>
      <c r="UEN154" s="31"/>
      <c r="UEO154" s="31"/>
      <c r="UEP154" s="31"/>
      <c r="UEQ154" s="31"/>
      <c r="UER154" s="31"/>
      <c r="UES154" s="31"/>
      <c r="UET154" s="31"/>
      <c r="UEU154" s="31"/>
      <c r="UEV154" s="31"/>
      <c r="UEW154" s="31"/>
      <c r="UEX154" s="31"/>
      <c r="UEY154" s="31"/>
      <c r="UEZ154" s="31"/>
      <c r="UFA154" s="31"/>
      <c r="UFB154" s="31"/>
      <c r="UFC154" s="31"/>
      <c r="UFD154" s="31"/>
      <c r="UFE154" s="31"/>
      <c r="UFF154" s="31"/>
      <c r="UFG154" s="31"/>
      <c r="UFH154" s="31"/>
      <c r="UFI154" s="31"/>
      <c r="UFJ154" s="31"/>
      <c r="UFK154" s="31"/>
      <c r="UFL154" s="31"/>
      <c r="UFM154" s="31"/>
      <c r="UFN154" s="31"/>
      <c r="UFO154" s="31"/>
      <c r="UFP154" s="31"/>
      <c r="UFQ154" s="31"/>
      <c r="UFR154" s="31"/>
      <c r="UFS154" s="31"/>
      <c r="UFT154" s="31"/>
      <c r="UFU154" s="31"/>
      <c r="UFV154" s="31"/>
      <c r="UFW154" s="31"/>
      <c r="UFX154" s="31"/>
      <c r="UFY154" s="31"/>
      <c r="UFZ154" s="31"/>
      <c r="UGA154" s="31"/>
      <c r="UGB154" s="31"/>
      <c r="UGC154" s="31"/>
      <c r="UGD154" s="31"/>
      <c r="UGE154" s="31"/>
      <c r="UGF154" s="31"/>
      <c r="UGG154" s="31"/>
      <c r="UGH154" s="31"/>
      <c r="UGI154" s="31"/>
      <c r="UGJ154" s="31"/>
      <c r="UGK154" s="31"/>
      <c r="UGL154" s="31"/>
      <c r="UGM154" s="31"/>
      <c r="UGN154" s="31"/>
      <c r="UGO154" s="31"/>
      <c r="UGP154" s="31"/>
      <c r="UGQ154" s="31"/>
      <c r="UGR154" s="31"/>
      <c r="UGS154" s="31"/>
      <c r="UGT154" s="31"/>
      <c r="UGU154" s="31"/>
      <c r="UGV154" s="31"/>
      <c r="UGW154" s="31"/>
      <c r="UGX154" s="31"/>
      <c r="UGY154" s="31"/>
      <c r="UGZ154" s="31"/>
      <c r="UHA154" s="31"/>
      <c r="UHB154" s="31"/>
      <c r="UHC154" s="31"/>
      <c r="UHD154" s="31"/>
      <c r="UHE154" s="31"/>
      <c r="UHF154" s="31"/>
      <c r="UHG154" s="31"/>
      <c r="UHH154" s="31"/>
      <c r="UHI154" s="31"/>
      <c r="UHJ154" s="31"/>
      <c r="UHK154" s="31"/>
      <c r="UHL154" s="31"/>
      <c r="UHM154" s="31"/>
      <c r="UHN154" s="31"/>
      <c r="UHO154" s="31"/>
      <c r="UHP154" s="31"/>
      <c r="UHQ154" s="31"/>
      <c r="UHR154" s="31"/>
      <c r="UHS154" s="31"/>
      <c r="UHT154" s="31"/>
      <c r="UHU154" s="31"/>
      <c r="UHV154" s="31"/>
      <c r="UHW154" s="31"/>
      <c r="UHX154" s="31"/>
      <c r="UHY154" s="31"/>
      <c r="UHZ154" s="31"/>
      <c r="UIA154" s="31"/>
      <c r="UIB154" s="31"/>
      <c r="UIC154" s="31"/>
      <c r="UID154" s="31"/>
      <c r="UIE154" s="31"/>
      <c r="UIF154" s="31"/>
      <c r="UIG154" s="31"/>
      <c r="UIH154" s="31"/>
      <c r="UII154" s="31"/>
      <c r="UIJ154" s="31"/>
      <c r="UIK154" s="31"/>
      <c r="UIL154" s="31"/>
      <c r="UIM154" s="31"/>
      <c r="UIN154" s="31"/>
      <c r="UIO154" s="31"/>
      <c r="UIP154" s="31"/>
      <c r="UIQ154" s="31"/>
      <c r="UIR154" s="31"/>
      <c r="UIS154" s="31"/>
      <c r="UIT154" s="31"/>
      <c r="UIU154" s="31"/>
      <c r="UIV154" s="31"/>
      <c r="UIW154" s="31"/>
      <c r="UIX154" s="31"/>
      <c r="UIY154" s="31"/>
      <c r="UIZ154" s="31"/>
      <c r="UJA154" s="31"/>
      <c r="UJB154" s="31"/>
      <c r="UJC154" s="31"/>
      <c r="UJD154" s="31"/>
      <c r="UJE154" s="31"/>
      <c r="UJF154" s="31"/>
      <c r="UJG154" s="31"/>
      <c r="UJH154" s="31"/>
      <c r="UJI154" s="31"/>
      <c r="UJJ154" s="31"/>
      <c r="UJK154" s="31"/>
      <c r="UJL154" s="31"/>
      <c r="UJM154" s="31"/>
      <c r="UJN154" s="31"/>
      <c r="UJO154" s="31"/>
      <c r="UJP154" s="31"/>
      <c r="UJQ154" s="31"/>
      <c r="UJR154" s="31"/>
      <c r="UJS154" s="31"/>
      <c r="UJT154" s="31"/>
      <c r="UJU154" s="31"/>
      <c r="UJV154" s="31"/>
      <c r="UJW154" s="31"/>
      <c r="UJX154" s="31"/>
      <c r="UJY154" s="31"/>
      <c r="UJZ154" s="31"/>
      <c r="UKA154" s="31"/>
      <c r="UKB154" s="31"/>
      <c r="UKC154" s="31"/>
      <c r="UKD154" s="31"/>
      <c r="UKE154" s="31"/>
      <c r="UKF154" s="31"/>
      <c r="UKG154" s="31"/>
      <c r="UKH154" s="31"/>
      <c r="UKI154" s="31"/>
      <c r="UKJ154" s="31"/>
      <c r="UKK154" s="31"/>
      <c r="UKL154" s="31"/>
      <c r="UKM154" s="31"/>
      <c r="UKN154" s="31"/>
      <c r="UKO154" s="31"/>
      <c r="UKP154" s="31"/>
      <c r="UKQ154" s="31"/>
      <c r="UKR154" s="31"/>
      <c r="UKS154" s="31"/>
      <c r="UKT154" s="31"/>
      <c r="UKU154" s="31"/>
      <c r="UKV154" s="31"/>
      <c r="UKW154" s="31"/>
      <c r="UKX154" s="31"/>
      <c r="UKY154" s="31"/>
      <c r="UKZ154" s="31"/>
      <c r="ULA154" s="31"/>
      <c r="ULB154" s="31"/>
      <c r="ULC154" s="31"/>
      <c r="ULD154" s="31"/>
      <c r="ULE154" s="31"/>
      <c r="ULF154" s="31"/>
      <c r="ULG154" s="31"/>
      <c r="ULH154" s="31"/>
      <c r="ULI154" s="31"/>
      <c r="ULJ154" s="31"/>
      <c r="ULK154" s="31"/>
      <c r="ULL154" s="31"/>
      <c r="ULM154" s="31"/>
      <c r="ULN154" s="31"/>
      <c r="ULO154" s="31"/>
      <c r="ULP154" s="31"/>
      <c r="ULQ154" s="31"/>
      <c r="ULR154" s="31"/>
      <c r="ULS154" s="31"/>
      <c r="ULT154" s="31"/>
      <c r="ULU154" s="31"/>
      <c r="ULV154" s="31"/>
      <c r="ULW154" s="31"/>
      <c r="ULX154" s="31"/>
      <c r="ULY154" s="31"/>
      <c r="ULZ154" s="31"/>
      <c r="UMA154" s="31"/>
      <c r="UMB154" s="31"/>
      <c r="UMC154" s="31"/>
      <c r="UMD154" s="31"/>
      <c r="UME154" s="31"/>
      <c r="UMF154" s="31"/>
      <c r="UMG154" s="31"/>
      <c r="UMH154" s="31"/>
      <c r="UMI154" s="31"/>
      <c r="UMJ154" s="31"/>
      <c r="UMK154" s="31"/>
      <c r="UML154" s="31"/>
      <c r="UMM154" s="31"/>
      <c r="UMN154" s="31"/>
      <c r="UMO154" s="31"/>
      <c r="UMP154" s="31"/>
      <c r="UMQ154" s="31"/>
      <c r="UMR154" s="31"/>
      <c r="UMS154" s="31"/>
      <c r="UMT154" s="31"/>
      <c r="UMU154" s="31"/>
      <c r="UMV154" s="31"/>
      <c r="UMW154" s="31"/>
      <c r="UMX154" s="31"/>
      <c r="UMY154" s="31"/>
      <c r="UMZ154" s="31"/>
      <c r="UNA154" s="31"/>
      <c r="UNB154" s="31"/>
      <c r="UNC154" s="31"/>
      <c r="UND154" s="31"/>
      <c r="UNE154" s="31"/>
      <c r="UNF154" s="31"/>
      <c r="UNG154" s="31"/>
      <c r="UNH154" s="31"/>
      <c r="UNI154" s="31"/>
      <c r="UNJ154" s="31"/>
      <c r="UNK154" s="31"/>
      <c r="UNL154" s="31"/>
      <c r="UNM154" s="31"/>
      <c r="UNN154" s="31"/>
      <c r="UNO154" s="31"/>
      <c r="UNP154" s="31"/>
      <c r="UNQ154" s="31"/>
      <c r="UNR154" s="31"/>
      <c r="UNS154" s="31"/>
      <c r="UNT154" s="31"/>
      <c r="UNU154" s="31"/>
      <c r="UNV154" s="31"/>
      <c r="UNW154" s="31"/>
      <c r="UNX154" s="31"/>
      <c r="UNY154" s="31"/>
      <c r="UNZ154" s="31"/>
      <c r="UOA154" s="31"/>
      <c r="UOB154" s="31"/>
      <c r="UOC154" s="31"/>
      <c r="UOD154" s="31"/>
      <c r="UOE154" s="31"/>
      <c r="UOF154" s="31"/>
      <c r="UOG154" s="31"/>
      <c r="UOH154" s="31"/>
      <c r="UOI154" s="31"/>
      <c r="UOJ154" s="31"/>
      <c r="UOK154" s="31"/>
      <c r="UOL154" s="31"/>
      <c r="UOM154" s="31"/>
      <c r="UON154" s="31"/>
      <c r="UOO154" s="31"/>
      <c r="UOP154" s="31"/>
      <c r="UOQ154" s="31"/>
      <c r="UOR154" s="31"/>
      <c r="UOS154" s="31"/>
      <c r="UOT154" s="31"/>
      <c r="UOU154" s="31"/>
      <c r="UOV154" s="31"/>
      <c r="UOW154" s="31"/>
      <c r="UOX154" s="31"/>
      <c r="UOY154" s="31"/>
      <c r="UOZ154" s="31"/>
      <c r="UPA154" s="31"/>
      <c r="UPB154" s="31"/>
      <c r="UPC154" s="31"/>
      <c r="UPD154" s="31"/>
      <c r="UPE154" s="31"/>
      <c r="UPF154" s="31"/>
      <c r="UPG154" s="31"/>
      <c r="UPH154" s="31"/>
      <c r="UPI154" s="31"/>
      <c r="UPJ154" s="31"/>
      <c r="UPK154" s="31"/>
      <c r="UPL154" s="31"/>
      <c r="UPM154" s="31"/>
      <c r="UPN154" s="31"/>
      <c r="UPO154" s="31"/>
      <c r="UPP154" s="31"/>
      <c r="UPQ154" s="31"/>
      <c r="UPR154" s="31"/>
      <c r="UPS154" s="31"/>
      <c r="UPT154" s="31"/>
      <c r="UPU154" s="31"/>
      <c r="UPV154" s="31"/>
      <c r="UPW154" s="31"/>
      <c r="UPX154" s="31"/>
      <c r="UPY154" s="31"/>
      <c r="UPZ154" s="31"/>
      <c r="UQA154" s="31"/>
      <c r="UQB154" s="31"/>
      <c r="UQC154" s="31"/>
      <c r="UQD154" s="31"/>
      <c r="UQE154" s="31"/>
      <c r="UQF154" s="31"/>
      <c r="UQG154" s="31"/>
      <c r="UQH154" s="31"/>
      <c r="UQI154" s="31"/>
      <c r="UQJ154" s="31"/>
      <c r="UQK154" s="31"/>
      <c r="UQL154" s="31"/>
      <c r="UQM154" s="31"/>
      <c r="UQN154" s="31"/>
      <c r="UQO154" s="31"/>
      <c r="UQP154" s="31"/>
      <c r="UQQ154" s="31"/>
      <c r="UQR154" s="31"/>
      <c r="UQS154" s="31"/>
      <c r="UQT154" s="31"/>
      <c r="UQU154" s="31"/>
      <c r="UQV154" s="31"/>
      <c r="UQW154" s="31"/>
      <c r="UQX154" s="31"/>
      <c r="UQY154" s="31"/>
      <c r="UQZ154" s="31"/>
      <c r="URA154" s="31"/>
      <c r="URB154" s="31"/>
      <c r="URC154" s="31"/>
      <c r="URD154" s="31"/>
      <c r="URE154" s="31"/>
      <c r="URF154" s="31"/>
      <c r="URG154" s="31"/>
      <c r="URH154" s="31"/>
      <c r="URI154" s="31"/>
      <c r="URJ154" s="31"/>
      <c r="URK154" s="31"/>
      <c r="URL154" s="31"/>
      <c r="URM154" s="31"/>
      <c r="URN154" s="31"/>
      <c r="URO154" s="31"/>
      <c r="URP154" s="31"/>
      <c r="URQ154" s="31"/>
      <c r="URR154" s="31"/>
      <c r="URS154" s="31"/>
      <c r="URT154" s="31"/>
      <c r="URU154" s="31"/>
      <c r="URV154" s="31"/>
      <c r="URW154" s="31"/>
      <c r="URX154" s="31"/>
      <c r="URY154" s="31"/>
      <c r="URZ154" s="31"/>
      <c r="USA154" s="31"/>
      <c r="USB154" s="31"/>
      <c r="USC154" s="31"/>
      <c r="USD154" s="31"/>
      <c r="USE154" s="31"/>
      <c r="USF154" s="31"/>
      <c r="USG154" s="31"/>
      <c r="USH154" s="31"/>
      <c r="USI154" s="31"/>
      <c r="USJ154" s="31"/>
      <c r="USK154" s="31"/>
      <c r="USL154" s="31"/>
      <c r="USM154" s="31"/>
      <c r="USN154" s="31"/>
      <c r="USO154" s="31"/>
      <c r="USP154" s="31"/>
      <c r="USQ154" s="31"/>
      <c r="USR154" s="31"/>
      <c r="USS154" s="31"/>
      <c r="UST154" s="31"/>
      <c r="USU154" s="31"/>
      <c r="USV154" s="31"/>
      <c r="USW154" s="31"/>
      <c r="USX154" s="31"/>
      <c r="USY154" s="31"/>
      <c r="USZ154" s="31"/>
      <c r="UTA154" s="31"/>
      <c r="UTB154" s="31"/>
      <c r="UTC154" s="31"/>
      <c r="UTD154" s="31"/>
      <c r="UTE154" s="31"/>
      <c r="UTF154" s="31"/>
      <c r="UTG154" s="31"/>
      <c r="UTH154" s="31"/>
      <c r="UTI154" s="31"/>
      <c r="UTJ154" s="31"/>
      <c r="UTK154" s="31"/>
      <c r="UTL154" s="31"/>
      <c r="UTM154" s="31"/>
      <c r="UTN154" s="31"/>
      <c r="UTO154" s="31"/>
      <c r="UTP154" s="31"/>
      <c r="UTQ154" s="31"/>
      <c r="UTR154" s="31"/>
      <c r="UTS154" s="31"/>
      <c r="UTT154" s="31"/>
      <c r="UTU154" s="31"/>
      <c r="UTV154" s="31"/>
      <c r="UTW154" s="31"/>
      <c r="UTX154" s="31"/>
      <c r="UTY154" s="31"/>
      <c r="UTZ154" s="31"/>
      <c r="UUA154" s="31"/>
      <c r="UUB154" s="31"/>
      <c r="UUC154" s="31"/>
      <c r="UUD154" s="31"/>
      <c r="UUE154" s="31"/>
      <c r="UUF154" s="31"/>
      <c r="UUG154" s="31"/>
      <c r="UUH154" s="31"/>
      <c r="UUI154" s="31"/>
      <c r="UUJ154" s="31"/>
      <c r="UUK154" s="31"/>
      <c r="UUL154" s="31"/>
      <c r="UUM154" s="31"/>
      <c r="UUN154" s="31"/>
      <c r="UUO154" s="31"/>
      <c r="UUP154" s="31"/>
      <c r="UUQ154" s="31"/>
      <c r="UUR154" s="31"/>
      <c r="UUS154" s="31"/>
      <c r="UUT154" s="31"/>
      <c r="UUU154" s="31"/>
      <c r="UUV154" s="31"/>
      <c r="UUW154" s="31"/>
      <c r="UUX154" s="31"/>
      <c r="UUY154" s="31"/>
      <c r="UUZ154" s="31"/>
      <c r="UVA154" s="31"/>
      <c r="UVB154" s="31"/>
      <c r="UVC154" s="31"/>
      <c r="UVD154" s="31"/>
      <c r="UVE154" s="31"/>
      <c r="UVF154" s="31"/>
      <c r="UVG154" s="31"/>
      <c r="UVH154" s="31"/>
      <c r="UVI154" s="31"/>
      <c r="UVJ154" s="31"/>
      <c r="UVK154" s="31"/>
      <c r="UVL154" s="31"/>
      <c r="UVM154" s="31"/>
      <c r="UVN154" s="31"/>
      <c r="UVO154" s="31"/>
      <c r="UVP154" s="31"/>
      <c r="UVQ154" s="31"/>
      <c r="UVR154" s="31"/>
      <c r="UVS154" s="31"/>
      <c r="UVT154" s="31"/>
      <c r="UVU154" s="31"/>
      <c r="UVV154" s="31"/>
      <c r="UVW154" s="31"/>
      <c r="UVX154" s="31"/>
      <c r="UVY154" s="31"/>
      <c r="UVZ154" s="31"/>
      <c r="UWA154" s="31"/>
      <c r="UWB154" s="31"/>
      <c r="UWC154" s="31"/>
      <c r="UWD154" s="31"/>
      <c r="UWE154" s="31"/>
      <c r="UWF154" s="31"/>
      <c r="UWG154" s="31"/>
      <c r="UWH154" s="31"/>
      <c r="UWI154" s="31"/>
      <c r="UWJ154" s="31"/>
      <c r="UWK154" s="31"/>
      <c r="UWL154" s="31"/>
      <c r="UWM154" s="31"/>
      <c r="UWN154" s="31"/>
      <c r="UWO154" s="31"/>
      <c r="UWP154" s="31"/>
      <c r="UWQ154" s="31"/>
      <c r="UWR154" s="31"/>
      <c r="UWS154" s="31"/>
      <c r="UWT154" s="31"/>
      <c r="UWU154" s="31"/>
      <c r="UWV154" s="31"/>
      <c r="UWW154" s="31"/>
      <c r="UWX154" s="31"/>
      <c r="UWY154" s="31"/>
      <c r="UWZ154" s="31"/>
      <c r="UXA154" s="31"/>
      <c r="UXB154" s="31"/>
      <c r="UXC154" s="31"/>
      <c r="UXD154" s="31"/>
      <c r="UXE154" s="31"/>
      <c r="UXF154" s="31"/>
      <c r="UXG154" s="31"/>
      <c r="UXH154" s="31"/>
      <c r="UXI154" s="31"/>
      <c r="UXJ154" s="31"/>
      <c r="UXK154" s="31"/>
      <c r="UXL154" s="31"/>
      <c r="UXM154" s="31"/>
      <c r="UXN154" s="31"/>
      <c r="UXO154" s="31"/>
      <c r="UXP154" s="31"/>
      <c r="UXQ154" s="31"/>
      <c r="UXR154" s="31"/>
      <c r="UXS154" s="31"/>
      <c r="UXT154" s="31"/>
      <c r="UXU154" s="31"/>
      <c r="UXV154" s="31"/>
      <c r="UXW154" s="31"/>
      <c r="UXX154" s="31"/>
      <c r="UXY154" s="31"/>
      <c r="UXZ154" s="31"/>
      <c r="UYA154" s="31"/>
      <c r="UYB154" s="31"/>
      <c r="UYC154" s="31"/>
      <c r="UYD154" s="31"/>
      <c r="UYE154" s="31"/>
      <c r="UYF154" s="31"/>
      <c r="UYG154" s="31"/>
      <c r="UYH154" s="31"/>
      <c r="UYI154" s="31"/>
      <c r="UYJ154" s="31"/>
      <c r="UYK154" s="31"/>
      <c r="UYL154" s="31"/>
      <c r="UYM154" s="31"/>
      <c r="UYN154" s="31"/>
      <c r="UYO154" s="31"/>
      <c r="UYP154" s="31"/>
      <c r="UYQ154" s="31"/>
      <c r="UYR154" s="31"/>
      <c r="UYS154" s="31"/>
      <c r="UYT154" s="31"/>
      <c r="UYU154" s="31"/>
      <c r="UYV154" s="31"/>
      <c r="UYW154" s="31"/>
      <c r="UYX154" s="31"/>
      <c r="UYY154" s="31"/>
      <c r="UYZ154" s="31"/>
      <c r="UZA154" s="31"/>
      <c r="UZB154" s="31"/>
      <c r="UZC154" s="31"/>
      <c r="UZD154" s="31"/>
      <c r="UZE154" s="31"/>
      <c r="UZF154" s="31"/>
      <c r="UZG154" s="31"/>
      <c r="UZH154" s="31"/>
      <c r="UZI154" s="31"/>
      <c r="UZJ154" s="31"/>
      <c r="UZK154" s="31"/>
      <c r="UZL154" s="31"/>
      <c r="UZM154" s="31"/>
      <c r="UZN154" s="31"/>
      <c r="UZO154" s="31"/>
      <c r="UZP154" s="31"/>
      <c r="UZQ154" s="31"/>
      <c r="UZR154" s="31"/>
      <c r="UZS154" s="31"/>
      <c r="UZT154" s="31"/>
      <c r="UZU154" s="31"/>
      <c r="UZV154" s="31"/>
      <c r="UZW154" s="31"/>
      <c r="UZX154" s="31"/>
      <c r="UZY154" s="31"/>
      <c r="UZZ154" s="31"/>
      <c r="VAA154" s="31"/>
      <c r="VAB154" s="31"/>
      <c r="VAC154" s="31"/>
      <c r="VAD154" s="31"/>
      <c r="VAE154" s="31"/>
      <c r="VAF154" s="31"/>
      <c r="VAG154" s="31"/>
      <c r="VAH154" s="31"/>
      <c r="VAI154" s="31"/>
      <c r="VAJ154" s="31"/>
      <c r="VAK154" s="31"/>
      <c r="VAL154" s="31"/>
      <c r="VAM154" s="31"/>
      <c r="VAN154" s="31"/>
      <c r="VAO154" s="31"/>
      <c r="VAP154" s="31"/>
      <c r="VAQ154" s="31"/>
      <c r="VAR154" s="31"/>
      <c r="VAS154" s="31"/>
      <c r="VAT154" s="31"/>
      <c r="VAU154" s="31"/>
      <c r="VAV154" s="31"/>
      <c r="VAW154" s="31"/>
      <c r="VAX154" s="31"/>
      <c r="VAY154" s="31"/>
      <c r="VAZ154" s="31"/>
      <c r="VBA154" s="31"/>
      <c r="VBB154" s="31"/>
      <c r="VBC154" s="31"/>
      <c r="VBD154" s="31"/>
      <c r="VBE154" s="31"/>
      <c r="VBF154" s="31"/>
      <c r="VBG154" s="31"/>
      <c r="VBH154" s="31"/>
      <c r="VBI154" s="31"/>
      <c r="VBJ154" s="31"/>
      <c r="VBK154" s="31"/>
      <c r="VBL154" s="31"/>
      <c r="VBM154" s="31"/>
      <c r="VBN154" s="31"/>
      <c r="VBO154" s="31"/>
      <c r="VBP154" s="31"/>
      <c r="VBQ154" s="31"/>
      <c r="VBR154" s="31"/>
      <c r="VBS154" s="31"/>
      <c r="VBT154" s="31"/>
      <c r="VBU154" s="31"/>
      <c r="VBV154" s="31"/>
      <c r="VBW154" s="31"/>
      <c r="VBX154" s="31"/>
      <c r="VBY154" s="31"/>
      <c r="VBZ154" s="31"/>
      <c r="VCA154" s="31"/>
      <c r="VCB154" s="31"/>
      <c r="VCC154" s="31"/>
      <c r="VCD154" s="31"/>
      <c r="VCE154" s="31"/>
      <c r="VCF154" s="31"/>
      <c r="VCG154" s="31"/>
      <c r="VCH154" s="31"/>
      <c r="VCI154" s="31"/>
      <c r="VCJ154" s="31"/>
      <c r="VCK154" s="31"/>
      <c r="VCL154" s="31"/>
      <c r="VCM154" s="31"/>
      <c r="VCN154" s="31"/>
      <c r="VCO154" s="31"/>
      <c r="VCP154" s="31"/>
      <c r="VCQ154" s="31"/>
      <c r="VCR154" s="31"/>
      <c r="VCS154" s="31"/>
      <c r="VCT154" s="31"/>
      <c r="VCU154" s="31"/>
      <c r="VCV154" s="31"/>
      <c r="VCW154" s="31"/>
      <c r="VCX154" s="31"/>
      <c r="VCY154" s="31"/>
      <c r="VCZ154" s="31"/>
      <c r="VDA154" s="31"/>
      <c r="VDB154" s="31"/>
      <c r="VDC154" s="31"/>
      <c r="VDD154" s="31"/>
      <c r="VDE154" s="31"/>
      <c r="VDF154" s="31"/>
      <c r="VDG154" s="31"/>
      <c r="VDH154" s="31"/>
      <c r="VDI154" s="31"/>
      <c r="VDJ154" s="31"/>
      <c r="VDK154" s="31"/>
      <c r="VDL154" s="31"/>
      <c r="VDM154" s="31"/>
      <c r="VDN154" s="31"/>
      <c r="VDO154" s="31"/>
      <c r="VDP154" s="31"/>
      <c r="VDQ154" s="31"/>
      <c r="VDR154" s="31"/>
      <c r="VDS154" s="31"/>
      <c r="VDT154" s="31"/>
      <c r="VDU154" s="31"/>
      <c r="VDV154" s="31"/>
      <c r="VDW154" s="31"/>
      <c r="VDX154" s="31"/>
      <c r="VDY154" s="31"/>
      <c r="VDZ154" s="31"/>
      <c r="VEA154" s="31"/>
      <c r="VEB154" s="31"/>
      <c r="VEC154" s="31"/>
      <c r="VED154" s="31"/>
      <c r="VEE154" s="31"/>
      <c r="VEF154" s="31"/>
      <c r="VEG154" s="31"/>
      <c r="VEH154" s="31"/>
      <c r="VEI154" s="31"/>
      <c r="VEJ154" s="31"/>
      <c r="VEK154" s="31"/>
      <c r="VEL154" s="31"/>
      <c r="VEM154" s="31"/>
      <c r="VEN154" s="31"/>
      <c r="VEO154" s="31"/>
      <c r="VEP154" s="31"/>
      <c r="VEQ154" s="31"/>
      <c r="VER154" s="31"/>
      <c r="VES154" s="31"/>
      <c r="VET154" s="31"/>
      <c r="VEU154" s="31"/>
      <c r="VEV154" s="31"/>
      <c r="VEW154" s="31"/>
      <c r="VEX154" s="31"/>
      <c r="VEY154" s="31"/>
      <c r="VEZ154" s="31"/>
      <c r="VFA154" s="31"/>
      <c r="VFB154" s="31"/>
      <c r="VFC154" s="31"/>
      <c r="VFD154" s="31"/>
      <c r="VFE154" s="31"/>
      <c r="VFF154" s="31"/>
      <c r="VFG154" s="31"/>
      <c r="VFH154" s="31"/>
      <c r="VFI154" s="31"/>
      <c r="VFJ154" s="31"/>
      <c r="VFK154" s="31"/>
      <c r="VFL154" s="31"/>
      <c r="VFM154" s="31"/>
      <c r="VFN154" s="31"/>
      <c r="VFO154" s="31"/>
      <c r="VFP154" s="31"/>
      <c r="VFQ154" s="31"/>
      <c r="VFR154" s="31"/>
      <c r="VFS154" s="31"/>
      <c r="VFT154" s="31"/>
      <c r="VFU154" s="31"/>
      <c r="VFV154" s="31"/>
      <c r="VFW154" s="31"/>
      <c r="VFX154" s="31"/>
      <c r="VFY154" s="31"/>
      <c r="VFZ154" s="31"/>
      <c r="VGA154" s="31"/>
      <c r="VGB154" s="31"/>
      <c r="VGC154" s="31"/>
      <c r="VGD154" s="31"/>
      <c r="VGE154" s="31"/>
      <c r="VGF154" s="31"/>
      <c r="VGG154" s="31"/>
      <c r="VGH154" s="31"/>
      <c r="VGI154" s="31"/>
      <c r="VGJ154" s="31"/>
      <c r="VGK154" s="31"/>
      <c r="VGL154" s="31"/>
      <c r="VGM154" s="31"/>
      <c r="VGN154" s="31"/>
      <c r="VGO154" s="31"/>
      <c r="VGP154" s="31"/>
      <c r="VGQ154" s="31"/>
      <c r="VGR154" s="31"/>
      <c r="VGS154" s="31"/>
      <c r="VGT154" s="31"/>
      <c r="VGU154" s="31"/>
      <c r="VGV154" s="31"/>
      <c r="VGW154" s="31"/>
      <c r="VGX154" s="31"/>
      <c r="VGY154" s="31"/>
      <c r="VGZ154" s="31"/>
      <c r="VHA154" s="31"/>
      <c r="VHB154" s="31"/>
      <c r="VHC154" s="31"/>
      <c r="VHD154" s="31"/>
      <c r="VHE154" s="31"/>
      <c r="VHF154" s="31"/>
      <c r="VHG154" s="31"/>
      <c r="VHH154" s="31"/>
      <c r="VHI154" s="31"/>
      <c r="VHJ154" s="31"/>
      <c r="VHK154" s="31"/>
      <c r="VHL154" s="31"/>
      <c r="VHM154" s="31"/>
      <c r="VHN154" s="31"/>
      <c r="VHO154" s="31"/>
      <c r="VHP154" s="31"/>
      <c r="VHQ154" s="31"/>
      <c r="VHR154" s="31"/>
      <c r="VHS154" s="31"/>
      <c r="VHT154" s="31"/>
      <c r="VHU154" s="31"/>
      <c r="VHV154" s="31"/>
      <c r="VHW154" s="31"/>
      <c r="VHX154" s="31"/>
      <c r="VHY154" s="31"/>
      <c r="VHZ154" s="31"/>
      <c r="VIA154" s="31"/>
      <c r="VIB154" s="31"/>
      <c r="VIC154" s="31"/>
      <c r="VID154" s="31"/>
      <c r="VIE154" s="31"/>
      <c r="VIF154" s="31"/>
      <c r="VIG154" s="31"/>
      <c r="VIH154" s="31"/>
      <c r="VII154" s="31"/>
      <c r="VIJ154" s="31"/>
      <c r="VIK154" s="31"/>
      <c r="VIL154" s="31"/>
      <c r="VIM154" s="31"/>
      <c r="VIN154" s="31"/>
      <c r="VIO154" s="31"/>
      <c r="VIP154" s="31"/>
      <c r="VIQ154" s="31"/>
      <c r="VIR154" s="31"/>
      <c r="VIS154" s="31"/>
      <c r="VIT154" s="31"/>
      <c r="VIU154" s="31"/>
      <c r="VIV154" s="31"/>
      <c r="VIW154" s="31"/>
      <c r="VIX154" s="31"/>
      <c r="VIY154" s="31"/>
      <c r="VIZ154" s="31"/>
      <c r="VJA154" s="31"/>
      <c r="VJB154" s="31"/>
      <c r="VJC154" s="31"/>
      <c r="VJD154" s="31"/>
      <c r="VJE154" s="31"/>
      <c r="VJF154" s="31"/>
      <c r="VJG154" s="31"/>
      <c r="VJH154" s="31"/>
      <c r="VJI154" s="31"/>
      <c r="VJJ154" s="31"/>
      <c r="VJK154" s="31"/>
      <c r="VJL154" s="31"/>
      <c r="VJM154" s="31"/>
      <c r="VJN154" s="31"/>
      <c r="VJO154" s="31"/>
      <c r="VJP154" s="31"/>
      <c r="VJQ154" s="31"/>
      <c r="VJR154" s="31"/>
      <c r="VJS154" s="31"/>
      <c r="VJT154" s="31"/>
      <c r="VJU154" s="31"/>
      <c r="VJV154" s="31"/>
      <c r="VJW154" s="31"/>
      <c r="VJX154" s="31"/>
      <c r="VJY154" s="31"/>
      <c r="VJZ154" s="31"/>
      <c r="VKA154" s="31"/>
      <c r="VKB154" s="31"/>
      <c r="VKC154" s="31"/>
      <c r="VKD154" s="31"/>
      <c r="VKE154" s="31"/>
      <c r="VKF154" s="31"/>
      <c r="VKG154" s="31"/>
      <c r="VKH154" s="31"/>
      <c r="VKI154" s="31"/>
      <c r="VKJ154" s="31"/>
      <c r="VKK154" s="31"/>
      <c r="VKL154" s="31"/>
      <c r="VKM154" s="31"/>
      <c r="VKN154" s="31"/>
      <c r="VKO154" s="31"/>
      <c r="VKP154" s="31"/>
      <c r="VKQ154" s="31"/>
      <c r="VKR154" s="31"/>
      <c r="VKS154" s="31"/>
      <c r="VKT154" s="31"/>
      <c r="VKU154" s="31"/>
      <c r="VKV154" s="31"/>
      <c r="VKW154" s="31"/>
      <c r="VKX154" s="31"/>
      <c r="VKY154" s="31"/>
      <c r="VKZ154" s="31"/>
      <c r="VLA154" s="31"/>
      <c r="VLB154" s="31"/>
      <c r="VLC154" s="31"/>
      <c r="VLD154" s="31"/>
      <c r="VLE154" s="31"/>
      <c r="VLF154" s="31"/>
      <c r="VLG154" s="31"/>
      <c r="VLH154" s="31"/>
      <c r="VLI154" s="31"/>
      <c r="VLJ154" s="31"/>
      <c r="VLK154" s="31"/>
      <c r="VLL154" s="31"/>
      <c r="VLM154" s="31"/>
      <c r="VLN154" s="31"/>
      <c r="VLO154" s="31"/>
      <c r="VLP154" s="31"/>
      <c r="VLQ154" s="31"/>
      <c r="VLR154" s="31"/>
      <c r="VLS154" s="31"/>
      <c r="VLT154" s="31"/>
      <c r="VLU154" s="31"/>
      <c r="VLV154" s="31"/>
      <c r="VLW154" s="31"/>
      <c r="VLX154" s="31"/>
      <c r="VLY154" s="31"/>
      <c r="VLZ154" s="31"/>
      <c r="VMA154" s="31"/>
      <c r="VMB154" s="31"/>
      <c r="VMC154" s="31"/>
      <c r="VMD154" s="31"/>
      <c r="VME154" s="31"/>
      <c r="VMF154" s="31"/>
      <c r="VMG154" s="31"/>
      <c r="VMH154" s="31"/>
      <c r="VMI154" s="31"/>
      <c r="VMJ154" s="31"/>
      <c r="VMK154" s="31"/>
      <c r="VML154" s="31"/>
      <c r="VMM154" s="31"/>
      <c r="VMN154" s="31"/>
      <c r="VMO154" s="31"/>
      <c r="VMP154" s="31"/>
      <c r="VMQ154" s="31"/>
      <c r="VMR154" s="31"/>
      <c r="VMS154" s="31"/>
      <c r="VMT154" s="31"/>
      <c r="VMU154" s="31"/>
      <c r="VMV154" s="31"/>
      <c r="VMW154" s="31"/>
      <c r="VMX154" s="31"/>
      <c r="VMY154" s="31"/>
      <c r="VMZ154" s="31"/>
      <c r="VNA154" s="31"/>
      <c r="VNB154" s="31"/>
      <c r="VNC154" s="31"/>
      <c r="VND154" s="31"/>
      <c r="VNE154" s="31"/>
      <c r="VNF154" s="31"/>
      <c r="VNG154" s="31"/>
      <c r="VNH154" s="31"/>
      <c r="VNI154" s="31"/>
      <c r="VNJ154" s="31"/>
      <c r="VNK154" s="31"/>
      <c r="VNL154" s="31"/>
      <c r="VNM154" s="31"/>
      <c r="VNN154" s="31"/>
      <c r="VNO154" s="31"/>
      <c r="VNP154" s="31"/>
      <c r="VNQ154" s="31"/>
      <c r="VNR154" s="31"/>
      <c r="VNS154" s="31"/>
      <c r="VNT154" s="31"/>
      <c r="VNU154" s="31"/>
      <c r="VNV154" s="31"/>
      <c r="VNW154" s="31"/>
      <c r="VNX154" s="31"/>
      <c r="VNY154" s="31"/>
      <c r="VNZ154" s="31"/>
      <c r="VOA154" s="31"/>
      <c r="VOB154" s="31"/>
      <c r="VOC154" s="31"/>
      <c r="VOD154" s="31"/>
      <c r="VOE154" s="31"/>
      <c r="VOF154" s="31"/>
      <c r="VOG154" s="31"/>
      <c r="VOH154" s="31"/>
      <c r="VOI154" s="31"/>
      <c r="VOJ154" s="31"/>
      <c r="VOK154" s="31"/>
      <c r="VOL154" s="31"/>
      <c r="VOM154" s="31"/>
      <c r="VON154" s="31"/>
      <c r="VOO154" s="31"/>
      <c r="VOP154" s="31"/>
      <c r="VOQ154" s="31"/>
      <c r="VOR154" s="31"/>
      <c r="VOS154" s="31"/>
      <c r="VOT154" s="31"/>
      <c r="VOU154" s="31"/>
      <c r="VOV154" s="31"/>
      <c r="VOW154" s="31"/>
      <c r="VOX154" s="31"/>
      <c r="VOY154" s="31"/>
      <c r="VOZ154" s="31"/>
      <c r="VPA154" s="31"/>
      <c r="VPB154" s="31"/>
      <c r="VPC154" s="31"/>
      <c r="VPD154" s="31"/>
      <c r="VPE154" s="31"/>
      <c r="VPF154" s="31"/>
      <c r="VPG154" s="31"/>
      <c r="VPH154" s="31"/>
      <c r="VPI154" s="31"/>
      <c r="VPJ154" s="31"/>
      <c r="VPK154" s="31"/>
      <c r="VPL154" s="31"/>
      <c r="VPM154" s="31"/>
      <c r="VPN154" s="31"/>
      <c r="VPO154" s="31"/>
      <c r="VPP154" s="31"/>
      <c r="VPQ154" s="31"/>
      <c r="VPR154" s="31"/>
      <c r="VPS154" s="31"/>
      <c r="VPT154" s="31"/>
      <c r="VPU154" s="31"/>
      <c r="VPV154" s="31"/>
      <c r="VPW154" s="31"/>
      <c r="VPX154" s="31"/>
      <c r="VPY154" s="31"/>
      <c r="VPZ154" s="31"/>
      <c r="VQA154" s="31"/>
      <c r="VQB154" s="31"/>
      <c r="VQC154" s="31"/>
      <c r="VQD154" s="31"/>
      <c r="VQE154" s="31"/>
      <c r="VQF154" s="31"/>
      <c r="VQG154" s="31"/>
      <c r="VQH154" s="31"/>
      <c r="VQI154" s="31"/>
      <c r="VQJ154" s="31"/>
      <c r="VQK154" s="31"/>
      <c r="VQL154" s="31"/>
      <c r="VQM154" s="31"/>
      <c r="VQN154" s="31"/>
      <c r="VQO154" s="31"/>
      <c r="VQP154" s="31"/>
      <c r="VQQ154" s="31"/>
      <c r="VQR154" s="31"/>
      <c r="VQS154" s="31"/>
      <c r="VQT154" s="31"/>
      <c r="VQU154" s="31"/>
      <c r="VQV154" s="31"/>
      <c r="VQW154" s="31"/>
      <c r="VQX154" s="31"/>
      <c r="VQY154" s="31"/>
      <c r="VQZ154" s="31"/>
      <c r="VRA154" s="31"/>
      <c r="VRB154" s="31"/>
      <c r="VRC154" s="31"/>
      <c r="VRD154" s="31"/>
      <c r="VRE154" s="31"/>
      <c r="VRF154" s="31"/>
      <c r="VRG154" s="31"/>
      <c r="VRH154" s="31"/>
      <c r="VRI154" s="31"/>
      <c r="VRJ154" s="31"/>
      <c r="VRK154" s="31"/>
      <c r="VRL154" s="31"/>
      <c r="VRM154" s="31"/>
      <c r="VRN154" s="31"/>
      <c r="VRO154" s="31"/>
      <c r="VRP154" s="31"/>
      <c r="VRQ154" s="31"/>
      <c r="VRR154" s="31"/>
      <c r="VRS154" s="31"/>
      <c r="VRT154" s="31"/>
      <c r="VRU154" s="31"/>
      <c r="VRV154" s="31"/>
      <c r="VRW154" s="31"/>
      <c r="VRX154" s="31"/>
      <c r="VRY154" s="31"/>
      <c r="VRZ154" s="31"/>
      <c r="VSA154" s="31"/>
      <c r="VSB154" s="31"/>
      <c r="VSC154" s="31"/>
      <c r="VSD154" s="31"/>
      <c r="VSE154" s="31"/>
      <c r="VSF154" s="31"/>
      <c r="VSG154" s="31"/>
      <c r="VSH154" s="31"/>
      <c r="VSI154" s="31"/>
      <c r="VSJ154" s="31"/>
      <c r="VSK154" s="31"/>
      <c r="VSL154" s="31"/>
      <c r="VSM154" s="31"/>
      <c r="VSN154" s="31"/>
      <c r="VSO154" s="31"/>
      <c r="VSP154" s="31"/>
      <c r="VSQ154" s="31"/>
      <c r="VSR154" s="31"/>
      <c r="VSS154" s="31"/>
      <c r="VST154" s="31"/>
      <c r="VSU154" s="31"/>
      <c r="VSV154" s="31"/>
      <c r="VSW154" s="31"/>
      <c r="VSX154" s="31"/>
      <c r="VSY154" s="31"/>
      <c r="VSZ154" s="31"/>
      <c r="VTA154" s="31"/>
      <c r="VTB154" s="31"/>
      <c r="VTC154" s="31"/>
      <c r="VTD154" s="31"/>
      <c r="VTE154" s="31"/>
      <c r="VTF154" s="31"/>
      <c r="VTG154" s="31"/>
      <c r="VTH154" s="31"/>
      <c r="VTI154" s="31"/>
      <c r="VTJ154" s="31"/>
      <c r="VTK154" s="31"/>
      <c r="VTL154" s="31"/>
      <c r="VTM154" s="31"/>
      <c r="VTN154" s="31"/>
      <c r="VTO154" s="31"/>
      <c r="VTP154" s="31"/>
      <c r="VTQ154" s="31"/>
      <c r="VTR154" s="31"/>
      <c r="VTS154" s="31"/>
      <c r="VTT154" s="31"/>
      <c r="VTU154" s="31"/>
      <c r="VTV154" s="31"/>
      <c r="VTW154" s="31"/>
      <c r="VTX154" s="31"/>
      <c r="VTY154" s="31"/>
      <c r="VTZ154" s="31"/>
      <c r="VUA154" s="31"/>
      <c r="VUB154" s="31"/>
      <c r="VUC154" s="31"/>
      <c r="VUD154" s="31"/>
      <c r="VUE154" s="31"/>
      <c r="VUF154" s="31"/>
      <c r="VUG154" s="31"/>
      <c r="VUH154" s="31"/>
      <c r="VUI154" s="31"/>
      <c r="VUJ154" s="31"/>
      <c r="VUK154" s="31"/>
      <c r="VUL154" s="31"/>
      <c r="VUM154" s="31"/>
      <c r="VUN154" s="31"/>
      <c r="VUO154" s="31"/>
      <c r="VUP154" s="31"/>
      <c r="VUQ154" s="31"/>
      <c r="VUR154" s="31"/>
      <c r="VUS154" s="31"/>
      <c r="VUT154" s="31"/>
      <c r="VUU154" s="31"/>
      <c r="VUV154" s="31"/>
      <c r="VUW154" s="31"/>
      <c r="VUX154" s="31"/>
      <c r="VUY154" s="31"/>
      <c r="VUZ154" s="31"/>
      <c r="VVA154" s="31"/>
      <c r="VVB154" s="31"/>
      <c r="VVC154" s="31"/>
      <c r="VVD154" s="31"/>
      <c r="VVE154" s="31"/>
      <c r="VVF154" s="31"/>
      <c r="VVG154" s="31"/>
      <c r="VVH154" s="31"/>
      <c r="VVI154" s="31"/>
      <c r="VVJ154" s="31"/>
      <c r="VVK154" s="31"/>
      <c r="VVL154" s="31"/>
      <c r="VVM154" s="31"/>
      <c r="VVN154" s="31"/>
      <c r="VVO154" s="31"/>
      <c r="VVP154" s="31"/>
      <c r="VVQ154" s="31"/>
      <c r="VVR154" s="31"/>
      <c r="VVS154" s="31"/>
      <c r="VVT154" s="31"/>
      <c r="VVU154" s="31"/>
      <c r="VVV154" s="31"/>
      <c r="VVW154" s="31"/>
      <c r="VVX154" s="31"/>
      <c r="VVY154" s="31"/>
      <c r="VVZ154" s="31"/>
      <c r="VWA154" s="31"/>
      <c r="VWB154" s="31"/>
      <c r="VWC154" s="31"/>
      <c r="VWD154" s="31"/>
      <c r="VWE154" s="31"/>
      <c r="VWF154" s="31"/>
      <c r="VWG154" s="31"/>
      <c r="VWH154" s="31"/>
      <c r="VWI154" s="31"/>
      <c r="VWJ154" s="31"/>
      <c r="VWK154" s="31"/>
      <c r="VWL154" s="31"/>
      <c r="VWM154" s="31"/>
      <c r="VWN154" s="31"/>
      <c r="VWO154" s="31"/>
      <c r="VWP154" s="31"/>
      <c r="VWQ154" s="31"/>
      <c r="VWR154" s="31"/>
      <c r="VWS154" s="31"/>
      <c r="VWT154" s="31"/>
      <c r="VWU154" s="31"/>
      <c r="VWV154" s="31"/>
      <c r="VWW154" s="31"/>
      <c r="VWX154" s="31"/>
      <c r="VWY154" s="31"/>
      <c r="VWZ154" s="31"/>
      <c r="VXA154" s="31"/>
      <c r="VXB154" s="31"/>
      <c r="VXC154" s="31"/>
      <c r="VXD154" s="31"/>
      <c r="VXE154" s="31"/>
      <c r="VXF154" s="31"/>
      <c r="VXG154" s="31"/>
      <c r="VXH154" s="31"/>
      <c r="VXI154" s="31"/>
      <c r="VXJ154" s="31"/>
      <c r="VXK154" s="31"/>
      <c r="VXL154" s="31"/>
      <c r="VXM154" s="31"/>
      <c r="VXN154" s="31"/>
      <c r="VXO154" s="31"/>
      <c r="VXP154" s="31"/>
      <c r="VXQ154" s="31"/>
      <c r="VXR154" s="31"/>
      <c r="VXS154" s="31"/>
      <c r="VXT154" s="31"/>
      <c r="VXU154" s="31"/>
      <c r="VXV154" s="31"/>
      <c r="VXW154" s="31"/>
      <c r="VXX154" s="31"/>
      <c r="VXY154" s="31"/>
      <c r="VXZ154" s="31"/>
      <c r="VYA154" s="31"/>
      <c r="VYB154" s="31"/>
      <c r="VYC154" s="31"/>
      <c r="VYD154" s="31"/>
      <c r="VYE154" s="31"/>
      <c r="VYF154" s="31"/>
      <c r="VYG154" s="31"/>
      <c r="VYH154" s="31"/>
      <c r="VYI154" s="31"/>
      <c r="VYJ154" s="31"/>
      <c r="VYK154" s="31"/>
      <c r="VYL154" s="31"/>
      <c r="VYM154" s="31"/>
      <c r="VYN154" s="31"/>
      <c r="VYO154" s="31"/>
      <c r="VYP154" s="31"/>
      <c r="VYQ154" s="31"/>
      <c r="VYR154" s="31"/>
      <c r="VYS154" s="31"/>
      <c r="VYT154" s="31"/>
      <c r="VYU154" s="31"/>
      <c r="VYV154" s="31"/>
      <c r="VYW154" s="31"/>
      <c r="VYX154" s="31"/>
      <c r="VYY154" s="31"/>
      <c r="VYZ154" s="31"/>
      <c r="VZA154" s="31"/>
      <c r="VZB154" s="31"/>
      <c r="VZC154" s="31"/>
      <c r="VZD154" s="31"/>
      <c r="VZE154" s="31"/>
      <c r="VZF154" s="31"/>
      <c r="VZG154" s="31"/>
      <c r="VZH154" s="31"/>
      <c r="VZI154" s="31"/>
      <c r="VZJ154" s="31"/>
      <c r="VZK154" s="31"/>
      <c r="VZL154" s="31"/>
      <c r="VZM154" s="31"/>
      <c r="VZN154" s="31"/>
      <c r="VZO154" s="31"/>
      <c r="VZP154" s="31"/>
      <c r="VZQ154" s="31"/>
      <c r="VZR154" s="31"/>
      <c r="VZS154" s="31"/>
      <c r="VZT154" s="31"/>
      <c r="VZU154" s="31"/>
      <c r="VZV154" s="31"/>
      <c r="VZW154" s="31"/>
      <c r="VZX154" s="31"/>
      <c r="VZY154" s="31"/>
      <c r="VZZ154" s="31"/>
      <c r="WAA154" s="31"/>
      <c r="WAB154" s="31"/>
      <c r="WAC154" s="31"/>
      <c r="WAD154" s="31"/>
      <c r="WAE154" s="31"/>
      <c r="WAF154" s="31"/>
      <c r="WAG154" s="31"/>
      <c r="WAH154" s="31"/>
      <c r="WAI154" s="31"/>
      <c r="WAJ154" s="31"/>
      <c r="WAK154" s="31"/>
      <c r="WAL154" s="31"/>
      <c r="WAM154" s="31"/>
      <c r="WAN154" s="31"/>
      <c r="WAO154" s="31"/>
      <c r="WAP154" s="31"/>
      <c r="WAQ154" s="31"/>
      <c r="WAR154" s="31"/>
      <c r="WAS154" s="31"/>
      <c r="WAT154" s="31"/>
      <c r="WAU154" s="31"/>
      <c r="WAV154" s="31"/>
      <c r="WAW154" s="31"/>
      <c r="WAX154" s="31"/>
      <c r="WAY154" s="31"/>
      <c r="WAZ154" s="31"/>
      <c r="WBA154" s="31"/>
      <c r="WBB154" s="31"/>
      <c r="WBC154" s="31"/>
      <c r="WBD154" s="31"/>
      <c r="WBE154" s="31"/>
      <c r="WBF154" s="31"/>
      <c r="WBG154" s="31"/>
      <c r="WBH154" s="31"/>
      <c r="WBI154" s="31"/>
      <c r="WBJ154" s="31"/>
      <c r="WBK154" s="31"/>
      <c r="WBL154" s="31"/>
      <c r="WBM154" s="31"/>
      <c r="WBN154" s="31"/>
      <c r="WBO154" s="31"/>
      <c r="WBP154" s="31"/>
      <c r="WBQ154" s="31"/>
      <c r="WBR154" s="31"/>
      <c r="WBS154" s="31"/>
      <c r="WBT154" s="31"/>
      <c r="WBU154" s="31"/>
      <c r="WBV154" s="31"/>
      <c r="WBW154" s="31"/>
      <c r="WBX154" s="31"/>
      <c r="WBY154" s="31"/>
      <c r="WBZ154" s="31"/>
      <c r="WCA154" s="31"/>
      <c r="WCB154" s="31"/>
      <c r="WCC154" s="31"/>
      <c r="WCD154" s="31"/>
      <c r="WCE154" s="31"/>
      <c r="WCF154" s="31"/>
      <c r="WCG154" s="31"/>
      <c r="WCH154" s="31"/>
      <c r="WCI154" s="31"/>
      <c r="WCJ154" s="31"/>
      <c r="WCK154" s="31"/>
      <c r="WCL154" s="31"/>
      <c r="WCM154" s="31"/>
      <c r="WCN154" s="31"/>
      <c r="WCO154" s="31"/>
      <c r="WCP154" s="31"/>
      <c r="WCQ154" s="31"/>
      <c r="WCR154" s="31"/>
      <c r="WCS154" s="31"/>
      <c r="WCT154" s="31"/>
      <c r="WCU154" s="31"/>
      <c r="WCV154" s="31"/>
      <c r="WCW154" s="31"/>
      <c r="WCX154" s="31"/>
      <c r="WCY154" s="31"/>
      <c r="WCZ154" s="31"/>
      <c r="WDA154" s="31"/>
      <c r="WDB154" s="31"/>
      <c r="WDC154" s="31"/>
      <c r="WDD154" s="31"/>
      <c r="WDE154" s="31"/>
      <c r="WDF154" s="31"/>
      <c r="WDG154" s="31"/>
      <c r="WDH154" s="31"/>
      <c r="WDI154" s="31"/>
      <c r="WDJ154" s="31"/>
      <c r="WDK154" s="31"/>
      <c r="WDL154" s="31"/>
      <c r="WDM154" s="31"/>
      <c r="WDN154" s="31"/>
      <c r="WDO154" s="31"/>
      <c r="WDP154" s="31"/>
      <c r="WDQ154" s="31"/>
      <c r="WDR154" s="31"/>
      <c r="WDS154" s="31"/>
      <c r="WDT154" s="31"/>
      <c r="WDU154" s="31"/>
      <c r="WDV154" s="31"/>
      <c r="WDW154" s="31"/>
      <c r="WDX154" s="31"/>
      <c r="WDY154" s="31"/>
      <c r="WDZ154" s="31"/>
      <c r="WEA154" s="31"/>
      <c r="WEB154" s="31"/>
      <c r="WEC154" s="31"/>
      <c r="WED154" s="31"/>
      <c r="WEE154" s="31"/>
      <c r="WEF154" s="31"/>
      <c r="WEG154" s="31"/>
      <c r="WEH154" s="31"/>
      <c r="WEI154" s="31"/>
      <c r="WEJ154" s="31"/>
      <c r="WEK154" s="31"/>
      <c r="WEL154" s="31"/>
      <c r="WEM154" s="31"/>
      <c r="WEN154" s="31"/>
      <c r="WEO154" s="31"/>
      <c r="WEP154" s="31"/>
      <c r="WEQ154" s="31"/>
      <c r="WER154" s="31"/>
      <c r="WES154" s="31"/>
      <c r="WET154" s="31"/>
      <c r="WEU154" s="31"/>
      <c r="WEV154" s="31"/>
      <c r="WEW154" s="31"/>
      <c r="WEX154" s="31"/>
      <c r="WEY154" s="31"/>
      <c r="WEZ154" s="31"/>
      <c r="WFA154" s="31"/>
      <c r="WFB154" s="31"/>
      <c r="WFC154" s="31"/>
      <c r="WFD154" s="31"/>
      <c r="WFE154" s="31"/>
      <c r="WFF154" s="31"/>
      <c r="WFG154" s="31"/>
      <c r="WFH154" s="31"/>
      <c r="WFI154" s="31"/>
      <c r="WFJ154" s="31"/>
      <c r="WFK154" s="31"/>
      <c r="WFL154" s="31"/>
      <c r="WFM154" s="31"/>
      <c r="WFN154" s="31"/>
      <c r="WFO154" s="31"/>
      <c r="WFP154" s="31"/>
      <c r="WFQ154" s="31"/>
      <c r="WFR154" s="31"/>
      <c r="WFS154" s="31"/>
      <c r="WFT154" s="31"/>
      <c r="WFU154" s="31"/>
      <c r="WFV154" s="31"/>
      <c r="WFW154" s="31"/>
      <c r="WFX154" s="31"/>
      <c r="WFY154" s="31"/>
      <c r="WFZ154" s="31"/>
      <c r="WGA154" s="31"/>
      <c r="WGB154" s="31"/>
      <c r="WGC154" s="31"/>
      <c r="WGD154" s="31"/>
      <c r="WGE154" s="31"/>
      <c r="WGF154" s="31"/>
      <c r="WGG154" s="31"/>
      <c r="WGH154" s="31"/>
      <c r="WGI154" s="31"/>
      <c r="WGJ154" s="31"/>
      <c r="WGK154" s="31"/>
      <c r="WGL154" s="31"/>
      <c r="WGM154" s="31"/>
      <c r="WGN154" s="31"/>
      <c r="WGO154" s="31"/>
      <c r="WGP154" s="31"/>
      <c r="WGQ154" s="31"/>
      <c r="WGR154" s="31"/>
      <c r="WGS154" s="31"/>
      <c r="WGT154" s="31"/>
      <c r="WGU154" s="31"/>
      <c r="WGV154" s="31"/>
      <c r="WGW154" s="31"/>
      <c r="WGX154" s="31"/>
      <c r="WGY154" s="31"/>
      <c r="WGZ154" s="31"/>
      <c r="WHA154" s="31"/>
      <c r="WHB154" s="31"/>
      <c r="WHC154" s="31"/>
      <c r="WHD154" s="31"/>
      <c r="WHE154" s="31"/>
      <c r="WHF154" s="31"/>
      <c r="WHG154" s="31"/>
      <c r="WHH154" s="31"/>
      <c r="WHI154" s="31"/>
      <c r="WHJ154" s="31"/>
      <c r="WHK154" s="31"/>
      <c r="WHL154" s="31"/>
      <c r="WHM154" s="31"/>
      <c r="WHN154" s="31"/>
      <c r="WHO154" s="31"/>
      <c r="WHP154" s="31"/>
      <c r="WHQ154" s="31"/>
      <c r="WHR154" s="31"/>
      <c r="WHS154" s="31"/>
      <c r="WHT154" s="31"/>
      <c r="WHU154" s="31"/>
      <c r="WHV154" s="31"/>
      <c r="WHW154" s="31"/>
      <c r="WHX154" s="31"/>
      <c r="WHY154" s="31"/>
      <c r="WHZ154" s="31"/>
      <c r="WIA154" s="31"/>
      <c r="WIB154" s="31"/>
      <c r="WIC154" s="31"/>
      <c r="WID154" s="31"/>
      <c r="WIE154" s="31"/>
      <c r="WIF154" s="31"/>
      <c r="WIG154" s="31"/>
      <c r="WIH154" s="31"/>
      <c r="WII154" s="31"/>
      <c r="WIJ154" s="31"/>
      <c r="WIK154" s="31"/>
      <c r="WIL154" s="31"/>
      <c r="WIM154" s="31"/>
      <c r="WIN154" s="31"/>
      <c r="WIO154" s="31"/>
      <c r="WIP154" s="31"/>
      <c r="WIQ154" s="31"/>
      <c r="WIR154" s="31"/>
      <c r="WIS154" s="31"/>
      <c r="WIT154" s="31"/>
      <c r="WIU154" s="31"/>
      <c r="WIV154" s="31"/>
      <c r="WIW154" s="31"/>
      <c r="WIX154" s="31"/>
      <c r="WIY154" s="31"/>
      <c r="WIZ154" s="31"/>
      <c r="WJA154" s="31"/>
      <c r="WJB154" s="31"/>
      <c r="WJC154" s="31"/>
      <c r="WJD154" s="31"/>
      <c r="WJE154" s="31"/>
      <c r="WJF154" s="31"/>
      <c r="WJG154" s="31"/>
      <c r="WJH154" s="31"/>
      <c r="WJI154" s="31"/>
      <c r="WJJ154" s="31"/>
      <c r="WJK154" s="31"/>
      <c r="WJL154" s="31"/>
      <c r="WJM154" s="31"/>
      <c r="WJN154" s="31"/>
      <c r="WJO154" s="31"/>
      <c r="WJP154" s="31"/>
      <c r="WJQ154" s="31"/>
      <c r="WJR154" s="31"/>
      <c r="WJS154" s="31"/>
      <c r="WJT154" s="31"/>
      <c r="WJU154" s="31"/>
      <c r="WJV154" s="31"/>
      <c r="WJW154" s="31"/>
      <c r="WJX154" s="31"/>
      <c r="WJY154" s="31"/>
      <c r="WJZ154" s="31"/>
      <c r="WKA154" s="31"/>
      <c r="WKB154" s="31"/>
      <c r="WKC154" s="31"/>
      <c r="WKD154" s="31"/>
      <c r="WKE154" s="31"/>
      <c r="WKF154" s="31"/>
      <c r="WKG154" s="31"/>
      <c r="WKH154" s="31"/>
      <c r="WKI154" s="31"/>
      <c r="WKJ154" s="31"/>
      <c r="WKK154" s="31"/>
      <c r="WKL154" s="31"/>
      <c r="WKM154" s="31"/>
      <c r="WKN154" s="31"/>
      <c r="WKO154" s="31"/>
      <c r="WKP154" s="31"/>
      <c r="WKQ154" s="31"/>
      <c r="WKR154" s="31"/>
      <c r="WKS154" s="31"/>
      <c r="WKT154" s="31"/>
      <c r="WKU154" s="31"/>
      <c r="WKV154" s="31"/>
      <c r="WKW154" s="31"/>
      <c r="WKX154" s="31"/>
      <c r="WKY154" s="31"/>
      <c r="WKZ154" s="31"/>
      <c r="WLA154" s="31"/>
      <c r="WLB154" s="31"/>
      <c r="WLC154" s="31"/>
      <c r="WLD154" s="31"/>
      <c r="WLE154" s="31"/>
      <c r="WLF154" s="31"/>
      <c r="WLG154" s="31"/>
      <c r="WLH154" s="31"/>
      <c r="WLI154" s="31"/>
      <c r="WLJ154" s="31"/>
      <c r="WLK154" s="31"/>
      <c r="WLL154" s="31"/>
      <c r="WLM154" s="31"/>
      <c r="WLN154" s="31"/>
      <c r="WLO154" s="31"/>
      <c r="WLP154" s="31"/>
      <c r="WLQ154" s="31"/>
      <c r="WLR154" s="31"/>
      <c r="WLS154" s="31"/>
      <c r="WLT154" s="31"/>
      <c r="WLU154" s="31"/>
      <c r="WLV154" s="31"/>
      <c r="WLW154" s="31"/>
      <c r="WLX154" s="31"/>
      <c r="WLY154" s="31"/>
      <c r="WLZ154" s="31"/>
      <c r="WMA154" s="31"/>
      <c r="WMB154" s="31"/>
      <c r="WMC154" s="31"/>
      <c r="WMD154" s="31"/>
      <c r="WME154" s="31"/>
      <c r="WMF154" s="31"/>
      <c r="WMG154" s="31"/>
      <c r="WMH154" s="31"/>
      <c r="WMI154" s="31"/>
      <c r="WMJ154" s="31"/>
      <c r="WMK154" s="31"/>
      <c r="WML154" s="31"/>
      <c r="WMM154" s="31"/>
      <c r="WMN154" s="31"/>
      <c r="WMO154" s="31"/>
      <c r="WMP154" s="31"/>
      <c r="WMQ154" s="31"/>
      <c r="WMR154" s="31"/>
      <c r="WMS154" s="31"/>
      <c r="WMT154" s="31"/>
      <c r="WMU154" s="31"/>
      <c r="WMV154" s="31"/>
      <c r="WMW154" s="31"/>
      <c r="WMX154" s="31"/>
      <c r="WMY154" s="31"/>
      <c r="WMZ154" s="31"/>
      <c r="WNA154" s="31"/>
      <c r="WNB154" s="31"/>
      <c r="WNC154" s="31"/>
      <c r="WND154" s="31"/>
      <c r="WNE154" s="31"/>
      <c r="WNF154" s="31"/>
      <c r="WNG154" s="31"/>
      <c r="WNH154" s="31"/>
      <c r="WNI154" s="31"/>
      <c r="WNJ154" s="31"/>
      <c r="WNK154" s="31"/>
      <c r="WNL154" s="31"/>
      <c r="WNM154" s="31"/>
      <c r="WNN154" s="31"/>
      <c r="WNO154" s="31"/>
      <c r="WNP154" s="31"/>
      <c r="WNQ154" s="31"/>
      <c r="WNR154" s="31"/>
      <c r="WNS154" s="31"/>
      <c r="WNT154" s="31"/>
      <c r="WNU154" s="31"/>
      <c r="WNV154" s="31"/>
      <c r="WNW154" s="31"/>
      <c r="WNX154" s="31"/>
      <c r="WNY154" s="31"/>
      <c r="WNZ154" s="31"/>
      <c r="WOA154" s="31"/>
      <c r="WOB154" s="31"/>
      <c r="WOC154" s="31"/>
      <c r="WOD154" s="31"/>
      <c r="WOE154" s="31"/>
      <c r="WOF154" s="31"/>
      <c r="WOG154" s="31"/>
      <c r="WOH154" s="31"/>
      <c r="WOI154" s="31"/>
      <c r="WOJ154" s="31"/>
      <c r="WOK154" s="31"/>
      <c r="WOL154" s="31"/>
      <c r="WOM154" s="31"/>
      <c r="WON154" s="31"/>
      <c r="WOO154" s="31"/>
      <c r="WOP154" s="31"/>
      <c r="WOQ154" s="31"/>
      <c r="WOR154" s="31"/>
      <c r="WOS154" s="31"/>
      <c r="WOT154" s="31"/>
      <c r="WOU154" s="31"/>
      <c r="WOV154" s="31"/>
      <c r="WOW154" s="31"/>
      <c r="WOX154" s="31"/>
      <c r="WOY154" s="31"/>
      <c r="WOZ154" s="31"/>
      <c r="WPA154" s="31"/>
      <c r="WPB154" s="31"/>
      <c r="WPC154" s="31"/>
      <c r="WPD154" s="31"/>
      <c r="WPE154" s="31"/>
      <c r="WPF154" s="31"/>
      <c r="WPG154" s="31"/>
      <c r="WPH154" s="31"/>
      <c r="WPI154" s="31"/>
      <c r="WPJ154" s="31"/>
      <c r="WPK154" s="31"/>
      <c r="WPL154" s="31"/>
      <c r="WPM154" s="31"/>
      <c r="WPN154" s="31"/>
      <c r="WPO154" s="31"/>
      <c r="WPP154" s="31"/>
      <c r="WPQ154" s="31"/>
      <c r="WPR154" s="31"/>
      <c r="WPS154" s="31"/>
      <c r="WPT154" s="31"/>
      <c r="WPU154" s="31"/>
      <c r="WPV154" s="31"/>
      <c r="WPW154" s="31"/>
      <c r="WPX154" s="31"/>
      <c r="WPY154" s="31"/>
      <c r="WPZ154" s="31"/>
      <c r="WQA154" s="31"/>
      <c r="WQB154" s="31"/>
      <c r="WQC154" s="31"/>
      <c r="WQD154" s="31"/>
      <c r="WQE154" s="31"/>
      <c r="WQF154" s="31"/>
      <c r="WQG154" s="31"/>
      <c r="WQH154" s="31"/>
      <c r="WQI154" s="31"/>
      <c r="WQJ154" s="31"/>
      <c r="WQK154" s="31"/>
      <c r="WQL154" s="31"/>
      <c r="WQM154" s="31"/>
      <c r="WQN154" s="31"/>
      <c r="WQO154" s="31"/>
      <c r="WQP154" s="31"/>
      <c r="WQQ154" s="31"/>
      <c r="WQR154" s="31"/>
      <c r="WQS154" s="31"/>
      <c r="WQT154" s="31"/>
      <c r="WQU154" s="31"/>
      <c r="WQV154" s="31"/>
      <c r="WQW154" s="31"/>
      <c r="WQX154" s="31"/>
      <c r="WQY154" s="31"/>
      <c r="WQZ154" s="31"/>
      <c r="WRA154" s="31"/>
      <c r="WRB154" s="31"/>
      <c r="WRC154" s="31"/>
      <c r="WRD154" s="31"/>
      <c r="WRE154" s="31"/>
      <c r="WRF154" s="31"/>
      <c r="WRG154" s="31"/>
      <c r="WRH154" s="31"/>
      <c r="WRI154" s="31"/>
      <c r="WRJ154" s="31"/>
      <c r="WRK154" s="31"/>
      <c r="WRL154" s="31"/>
      <c r="WRM154" s="31"/>
      <c r="WRN154" s="31"/>
      <c r="WRO154" s="31"/>
      <c r="WRP154" s="31"/>
      <c r="WRQ154" s="31"/>
      <c r="WRR154" s="31"/>
      <c r="WRS154" s="31"/>
      <c r="WRT154" s="31"/>
      <c r="WRU154" s="31"/>
      <c r="WRV154" s="31"/>
      <c r="WRW154" s="31"/>
      <c r="WRX154" s="31"/>
      <c r="WRY154" s="31"/>
      <c r="WRZ154" s="31"/>
      <c r="WSA154" s="31"/>
      <c r="WSB154" s="31"/>
      <c r="WSC154" s="31"/>
      <c r="WSD154" s="31"/>
      <c r="WSE154" s="31"/>
      <c r="WSF154" s="31"/>
      <c r="WSG154" s="31"/>
      <c r="WSH154" s="31"/>
      <c r="WSI154" s="31"/>
      <c r="WSJ154" s="31"/>
      <c r="WSK154" s="31"/>
      <c r="WSL154" s="31"/>
      <c r="WSM154" s="31"/>
      <c r="WSN154" s="31"/>
      <c r="WSO154" s="31"/>
      <c r="WSP154" s="31"/>
      <c r="WSQ154" s="31"/>
      <c r="WSR154" s="31"/>
      <c r="WSS154" s="31"/>
      <c r="WST154" s="31"/>
      <c r="WSU154" s="31"/>
      <c r="WSV154" s="31"/>
      <c r="WSW154" s="31"/>
      <c r="WSX154" s="31"/>
      <c r="WSY154" s="31"/>
      <c r="WSZ154" s="31"/>
      <c r="WTA154" s="31"/>
      <c r="WTB154" s="31"/>
      <c r="WTC154" s="31"/>
      <c r="WTD154" s="31"/>
      <c r="WTE154" s="31"/>
      <c r="WTF154" s="31"/>
      <c r="WTG154" s="31"/>
      <c r="WTH154" s="31"/>
      <c r="WTI154" s="31"/>
      <c r="WTJ154" s="31"/>
      <c r="WTK154" s="31"/>
      <c r="WTL154" s="31"/>
      <c r="WTM154" s="31"/>
      <c r="WTN154" s="31"/>
      <c r="WTO154" s="31"/>
      <c r="WTP154" s="31"/>
      <c r="WTQ154" s="31"/>
      <c r="WTR154" s="31"/>
      <c r="WTS154" s="31"/>
      <c r="WTT154" s="31"/>
      <c r="WTU154" s="31"/>
      <c r="WTV154" s="31"/>
      <c r="WTW154" s="31"/>
      <c r="WTX154" s="31"/>
      <c r="WTY154" s="31"/>
      <c r="WTZ154" s="31"/>
      <c r="WUA154" s="31"/>
      <c r="WUB154" s="31"/>
      <c r="WUC154" s="31"/>
      <c r="WUD154" s="31"/>
      <c r="WUE154" s="31"/>
      <c r="WUF154" s="31"/>
      <c r="WUG154" s="31"/>
      <c r="WUH154" s="31"/>
      <c r="WUI154" s="31"/>
      <c r="WUJ154" s="31"/>
      <c r="WUK154" s="31"/>
      <c r="WUL154" s="31"/>
      <c r="WUM154" s="31"/>
      <c r="WUN154" s="31"/>
      <c r="WUO154" s="31"/>
      <c r="WUP154" s="31"/>
      <c r="WUQ154" s="31"/>
      <c r="WUR154" s="31"/>
      <c r="WUS154" s="31"/>
      <c r="WUT154" s="31"/>
      <c r="WUU154" s="31"/>
      <c r="WUV154" s="31"/>
      <c r="WUW154" s="31"/>
      <c r="WUX154" s="31"/>
      <c r="WUY154" s="31"/>
      <c r="WUZ154" s="31"/>
      <c r="WVA154" s="31"/>
      <c r="WVB154" s="31"/>
      <c r="WVC154" s="31"/>
      <c r="WVD154" s="31"/>
      <c r="WVE154" s="31"/>
      <c r="WVF154" s="31"/>
      <c r="WVG154" s="31"/>
      <c r="WVH154" s="31"/>
      <c r="WVI154" s="31"/>
      <c r="WVJ154" s="31"/>
      <c r="WVK154" s="31"/>
      <c r="WVL154" s="31"/>
      <c r="WVM154" s="31"/>
      <c r="WVN154" s="31"/>
      <c r="WVO154" s="31"/>
      <c r="WVP154" s="31"/>
      <c r="WVQ154" s="31"/>
      <c r="WVR154" s="31"/>
      <c r="WVS154" s="31"/>
      <c r="WVT154" s="31"/>
      <c r="WVU154" s="31"/>
      <c r="WVV154" s="31"/>
      <c r="WVW154" s="31"/>
      <c r="WVX154" s="31"/>
      <c r="WVY154" s="31"/>
      <c r="WVZ154" s="31"/>
      <c r="WWA154" s="31"/>
      <c r="WWB154" s="31"/>
      <c r="WWC154" s="31"/>
      <c r="WWD154" s="31"/>
      <c r="WWE154" s="31"/>
      <c r="WWF154" s="31"/>
      <c r="WWG154" s="31"/>
      <c r="WWH154" s="31"/>
      <c r="WWI154" s="31"/>
      <c r="WWJ154" s="31"/>
      <c r="WWK154" s="31"/>
      <c r="WWL154" s="31"/>
      <c r="WWM154" s="31"/>
      <c r="WWN154" s="31"/>
      <c r="WWO154" s="31"/>
      <c r="WWP154" s="31"/>
      <c r="WWQ154" s="31"/>
      <c r="WWR154" s="31"/>
      <c r="WWS154" s="31"/>
      <c r="WWT154" s="31"/>
      <c r="WWU154" s="31"/>
      <c r="WWV154" s="31"/>
      <c r="WWW154" s="31"/>
      <c r="WWX154" s="31"/>
      <c r="WWY154" s="31"/>
      <c r="WWZ154" s="31"/>
      <c r="WXA154" s="31"/>
      <c r="WXB154" s="31"/>
      <c r="WXC154" s="31"/>
      <c r="WXD154" s="31"/>
      <c r="WXE154" s="31"/>
      <c r="WXF154" s="31"/>
      <c r="WXG154" s="31"/>
      <c r="WXH154" s="31"/>
      <c r="WXI154" s="31"/>
      <c r="WXJ154" s="31"/>
      <c r="WXK154" s="31"/>
      <c r="WXL154" s="31"/>
      <c r="WXM154" s="31"/>
      <c r="WXN154" s="31"/>
      <c r="WXO154" s="31"/>
      <c r="WXP154" s="31"/>
      <c r="WXQ154" s="31"/>
      <c r="WXR154" s="31"/>
      <c r="WXS154" s="31"/>
      <c r="WXT154" s="31"/>
      <c r="WXU154" s="31"/>
      <c r="WXV154" s="31"/>
      <c r="WXW154" s="31"/>
      <c r="WXX154" s="31"/>
      <c r="WXY154" s="31"/>
      <c r="WXZ154" s="31"/>
      <c r="WYA154" s="31"/>
      <c r="WYB154" s="31"/>
      <c r="WYC154" s="31"/>
      <c r="WYD154" s="31"/>
      <c r="WYE154" s="31"/>
      <c r="WYF154" s="31"/>
      <c r="WYG154" s="31"/>
      <c r="WYH154" s="31"/>
      <c r="WYI154" s="31"/>
      <c r="WYJ154" s="31"/>
      <c r="WYK154" s="31"/>
      <c r="WYL154" s="31"/>
      <c r="WYM154" s="31"/>
      <c r="WYN154" s="31"/>
      <c r="WYO154" s="31"/>
      <c r="WYP154" s="31"/>
      <c r="WYQ154" s="31"/>
      <c r="WYR154" s="31"/>
      <c r="WYS154" s="31"/>
      <c r="WYT154" s="31"/>
      <c r="WYU154" s="31"/>
      <c r="WYV154" s="31"/>
      <c r="WYW154" s="31"/>
      <c r="WYX154" s="31"/>
      <c r="WYY154" s="31"/>
      <c r="WYZ154" s="31"/>
      <c r="WZA154" s="31"/>
      <c r="WZB154" s="31"/>
      <c r="WZC154" s="31"/>
      <c r="WZD154" s="31"/>
      <c r="WZE154" s="31"/>
      <c r="WZF154" s="31"/>
      <c r="WZG154" s="31"/>
      <c r="WZH154" s="31"/>
      <c r="WZI154" s="31"/>
      <c r="WZJ154" s="31"/>
      <c r="WZK154" s="31"/>
      <c r="WZL154" s="31"/>
      <c r="WZM154" s="31"/>
      <c r="WZN154" s="31"/>
      <c r="WZO154" s="31"/>
      <c r="WZP154" s="31"/>
      <c r="WZQ154" s="31"/>
      <c r="WZR154" s="31"/>
      <c r="WZS154" s="31"/>
      <c r="WZT154" s="31"/>
      <c r="WZU154" s="31"/>
      <c r="WZV154" s="31"/>
      <c r="WZW154" s="31"/>
      <c r="WZX154" s="31"/>
      <c r="WZY154" s="31"/>
      <c r="WZZ154" s="31"/>
      <c r="XAA154" s="31"/>
      <c r="XAB154" s="31"/>
      <c r="XAC154" s="31"/>
      <c r="XAD154" s="31"/>
      <c r="XAE154" s="31"/>
      <c r="XAF154" s="31"/>
      <c r="XAG154" s="31"/>
      <c r="XAH154" s="31"/>
      <c r="XAI154" s="31"/>
      <c r="XAJ154" s="31"/>
      <c r="XAK154" s="31"/>
      <c r="XAL154" s="31"/>
      <c r="XAM154" s="31"/>
      <c r="XAN154" s="31"/>
      <c r="XAO154" s="31"/>
      <c r="XAP154" s="31"/>
      <c r="XAQ154" s="31"/>
      <c r="XAR154" s="31"/>
      <c r="XAS154" s="31"/>
      <c r="XAT154" s="31"/>
      <c r="XAU154" s="31"/>
      <c r="XAV154" s="31"/>
      <c r="XAW154" s="31"/>
      <c r="XAX154" s="31"/>
      <c r="XAY154" s="31"/>
      <c r="XAZ154" s="31"/>
      <c r="XBA154" s="31"/>
      <c r="XBB154" s="31"/>
      <c r="XBC154" s="31"/>
      <c r="XBD154" s="31"/>
      <c r="XBE154" s="31"/>
      <c r="XBF154" s="31"/>
      <c r="XBG154" s="31"/>
      <c r="XBH154" s="31"/>
      <c r="XBI154" s="31"/>
      <c r="XBJ154" s="31"/>
      <c r="XBK154" s="31"/>
      <c r="XBL154" s="31"/>
      <c r="XBM154" s="31"/>
      <c r="XBN154" s="31"/>
      <c r="XBO154" s="31"/>
      <c r="XBP154" s="31"/>
      <c r="XBQ154" s="31"/>
      <c r="XBR154" s="31"/>
      <c r="XBS154" s="31"/>
      <c r="XBT154" s="31"/>
      <c r="XBU154" s="31"/>
      <c r="XBV154" s="31"/>
      <c r="XBW154" s="31"/>
      <c r="XBX154" s="31"/>
      <c r="XBY154" s="31"/>
      <c r="XBZ154" s="31"/>
      <c r="XCA154" s="31"/>
      <c r="XCB154" s="31"/>
      <c r="XCC154" s="31"/>
      <c r="XCD154" s="31"/>
      <c r="XCE154" s="31"/>
      <c r="XCF154" s="31"/>
      <c r="XCG154" s="31"/>
      <c r="XCH154" s="31"/>
      <c r="XCI154" s="31"/>
      <c r="XCJ154" s="31"/>
      <c r="XCK154" s="31"/>
      <c r="XCL154" s="31"/>
      <c r="XCM154" s="31"/>
      <c r="XCN154" s="31"/>
      <c r="XCO154" s="31"/>
      <c r="XCP154" s="31"/>
      <c r="XCQ154" s="31"/>
      <c r="XCR154" s="31"/>
      <c r="XCS154" s="31"/>
      <c r="XCT154" s="31"/>
      <c r="XCU154" s="31"/>
      <c r="XCV154" s="31"/>
      <c r="XCW154" s="31"/>
      <c r="XCX154" s="31"/>
      <c r="XCY154" s="31"/>
      <c r="XCZ154" s="31"/>
      <c r="XDA154" s="31"/>
      <c r="XDB154" s="31"/>
      <c r="XDC154" s="31"/>
      <c r="XDD154" s="31"/>
      <c r="XDE154" s="31"/>
      <c r="XDF154" s="31"/>
      <c r="XDG154" s="31"/>
      <c r="XDH154" s="31"/>
      <c r="XDI154" s="31"/>
      <c r="XDJ154" s="31"/>
      <c r="XDK154" s="31"/>
      <c r="XDL154" s="31"/>
      <c r="XDM154" s="31"/>
      <c r="XDN154" s="31"/>
      <c r="XDO154" s="31"/>
      <c r="XDP154" s="31"/>
      <c r="XDQ154" s="31"/>
      <c r="XDR154" s="31"/>
      <c r="XDS154" s="31"/>
      <c r="XDT154" s="31"/>
      <c r="XDU154" s="31"/>
      <c r="XDV154" s="31"/>
      <c r="XDW154" s="31"/>
      <c r="XDX154" s="31"/>
      <c r="XDY154" s="31"/>
      <c r="XDZ154" s="31"/>
      <c r="XEA154" s="31"/>
      <c r="XEB154" s="31"/>
      <c r="XEC154" s="31"/>
      <c r="XED154" s="31"/>
      <c r="XEE154" s="31"/>
      <c r="XEF154" s="31"/>
      <c r="XEG154" s="31"/>
      <c r="XEH154" s="31"/>
      <c r="XEI154" s="31"/>
      <c r="XEJ154" s="31"/>
      <c r="XEK154" s="31"/>
      <c r="XEL154" s="31"/>
      <c r="XEM154" s="31"/>
      <c r="XEN154" s="31"/>
      <c r="XEO154" s="31"/>
      <c r="XEP154" s="31"/>
      <c r="XEQ154" s="31"/>
    </row>
    <row r="155" spans="1:16371" s="22" customFormat="1" ht="97.2" x14ac:dyDescent="0.2">
      <c r="A155" s="4" t="s">
        <v>302</v>
      </c>
      <c r="B155" s="4" t="s">
        <v>461</v>
      </c>
      <c r="C155" s="4" t="s">
        <v>462</v>
      </c>
      <c r="D155" s="4" t="s">
        <v>463</v>
      </c>
      <c r="E155" s="4"/>
      <c r="F155" s="31"/>
      <c r="G155" s="31"/>
      <c r="H155" s="31"/>
      <c r="I155" s="31"/>
      <c r="J155" s="31"/>
      <c r="K155" s="31"/>
      <c r="L155" s="31"/>
      <c r="M155" s="31"/>
      <c r="N155" s="31"/>
      <c r="O155" s="31"/>
      <c r="P155" s="31"/>
      <c r="Q155" s="31"/>
      <c r="R155" s="31"/>
      <c r="S155" s="31"/>
      <c r="T155" s="31"/>
      <c r="U155" s="31"/>
      <c r="V155" s="31"/>
      <c r="W155" s="31"/>
      <c r="X155" s="31"/>
      <c r="Y155" s="31"/>
      <c r="Z155" s="31"/>
      <c r="AA155" s="31"/>
      <c r="AB155" s="31"/>
      <c r="AC155" s="31"/>
      <c r="AD155" s="31"/>
      <c r="AE155" s="31"/>
      <c r="AF155" s="31"/>
      <c r="AG155" s="31"/>
      <c r="AH155" s="31"/>
      <c r="AI155" s="31"/>
      <c r="AJ155" s="31"/>
      <c r="AK155" s="31"/>
      <c r="AL155" s="31"/>
      <c r="AM155" s="31"/>
      <c r="AN155" s="31"/>
      <c r="AO155" s="31"/>
      <c r="AP155" s="31"/>
      <c r="AQ155" s="31"/>
      <c r="AR155" s="31"/>
      <c r="AS155" s="31"/>
      <c r="AT155" s="31"/>
      <c r="AU155" s="31"/>
      <c r="AV155" s="31"/>
      <c r="AW155" s="31"/>
      <c r="AX155" s="31"/>
      <c r="AY155" s="31"/>
      <c r="AZ155" s="31"/>
      <c r="BA155" s="31"/>
      <c r="BB155" s="31"/>
      <c r="BC155" s="31"/>
      <c r="BD155" s="31"/>
      <c r="BE155" s="31"/>
      <c r="BF155" s="31"/>
      <c r="BG155" s="31"/>
      <c r="BH155" s="31"/>
      <c r="BI155" s="31"/>
      <c r="BJ155" s="31"/>
      <c r="BK155" s="31"/>
      <c r="BL155" s="31"/>
      <c r="BM155" s="31"/>
      <c r="BN155" s="31"/>
      <c r="BO155" s="31"/>
      <c r="BP155" s="31"/>
      <c r="BQ155" s="31"/>
      <c r="BR155" s="31"/>
      <c r="BS155" s="31"/>
      <c r="BT155" s="31"/>
      <c r="BU155" s="31"/>
      <c r="BV155" s="31"/>
      <c r="BW155" s="31"/>
      <c r="BX155" s="31"/>
      <c r="BY155" s="31"/>
      <c r="BZ155" s="31"/>
      <c r="CA155" s="31"/>
      <c r="CB155" s="31"/>
      <c r="CC155" s="31"/>
      <c r="CD155" s="31"/>
      <c r="CE155" s="31"/>
      <c r="CF155" s="31"/>
      <c r="CG155" s="31"/>
      <c r="CH155" s="31"/>
      <c r="CI155" s="31"/>
      <c r="CJ155" s="31"/>
      <c r="CK155" s="31"/>
      <c r="CL155" s="31"/>
      <c r="CM155" s="31"/>
      <c r="CN155" s="31"/>
      <c r="CO155" s="31"/>
      <c r="CP155" s="31"/>
      <c r="CQ155" s="31"/>
      <c r="CR155" s="31"/>
      <c r="CS155" s="31"/>
      <c r="CT155" s="31"/>
      <c r="CU155" s="31"/>
      <c r="CV155" s="31"/>
      <c r="CW155" s="31"/>
      <c r="CX155" s="31"/>
      <c r="CY155" s="31"/>
      <c r="CZ155" s="31"/>
      <c r="DA155" s="31"/>
      <c r="DB155" s="31"/>
      <c r="DC155" s="31"/>
      <c r="DD155" s="31"/>
      <c r="DE155" s="31"/>
      <c r="DF155" s="31"/>
      <c r="DG155" s="31"/>
      <c r="DH155" s="31"/>
      <c r="DI155" s="31"/>
      <c r="DJ155" s="31"/>
      <c r="DK155" s="31"/>
      <c r="DL155" s="31"/>
      <c r="DM155" s="31"/>
      <c r="DN155" s="31"/>
      <c r="DO155" s="31"/>
      <c r="DP155" s="31"/>
      <c r="DQ155" s="31"/>
      <c r="DR155" s="31"/>
      <c r="DS155" s="31"/>
      <c r="DT155" s="31"/>
      <c r="DU155" s="31"/>
      <c r="DV155" s="31"/>
      <c r="DW155" s="31"/>
      <c r="DX155" s="31"/>
      <c r="DY155" s="31"/>
      <c r="DZ155" s="31"/>
      <c r="EA155" s="31"/>
      <c r="EB155" s="31"/>
      <c r="EC155" s="31"/>
      <c r="ED155" s="31"/>
      <c r="EE155" s="31"/>
      <c r="EF155" s="31"/>
      <c r="EG155" s="31"/>
      <c r="EH155" s="31"/>
      <c r="EI155" s="31"/>
      <c r="EJ155" s="31"/>
      <c r="EK155" s="31"/>
      <c r="EL155" s="31"/>
      <c r="EM155" s="31"/>
      <c r="EN155" s="31"/>
      <c r="EO155" s="31"/>
      <c r="EP155" s="31"/>
      <c r="EQ155" s="31"/>
      <c r="ER155" s="31"/>
      <c r="ES155" s="31"/>
      <c r="ET155" s="31"/>
      <c r="EU155" s="31"/>
      <c r="EV155" s="31"/>
      <c r="EW155" s="31"/>
      <c r="EX155" s="31"/>
      <c r="EY155" s="31"/>
      <c r="EZ155" s="31"/>
      <c r="FA155" s="31"/>
      <c r="FB155" s="31"/>
      <c r="FC155" s="31"/>
      <c r="FD155" s="31"/>
      <c r="FE155" s="31"/>
      <c r="FF155" s="31"/>
      <c r="FG155" s="31"/>
      <c r="FH155" s="31"/>
      <c r="FI155" s="31"/>
      <c r="FJ155" s="31"/>
      <c r="FK155" s="31"/>
      <c r="FL155" s="31"/>
      <c r="FM155" s="31"/>
      <c r="FN155" s="31"/>
      <c r="FO155" s="31"/>
      <c r="FP155" s="31"/>
      <c r="FQ155" s="31"/>
      <c r="FR155" s="31"/>
      <c r="FS155" s="31"/>
      <c r="FT155" s="31"/>
      <c r="FU155" s="31"/>
      <c r="FV155" s="31"/>
      <c r="FW155" s="31"/>
      <c r="FX155" s="31"/>
      <c r="FY155" s="31"/>
      <c r="FZ155" s="31"/>
      <c r="GA155" s="31"/>
      <c r="GB155" s="31"/>
      <c r="GC155" s="31"/>
      <c r="GD155" s="31"/>
      <c r="GE155" s="31"/>
      <c r="GF155" s="31"/>
      <c r="GG155" s="31"/>
      <c r="GH155" s="31"/>
      <c r="GI155" s="31"/>
      <c r="GJ155" s="31"/>
      <c r="GK155" s="31"/>
      <c r="GL155" s="31"/>
      <c r="GM155" s="31"/>
      <c r="GN155" s="31"/>
      <c r="GO155" s="31"/>
      <c r="GP155" s="31"/>
      <c r="GQ155" s="31"/>
      <c r="GR155" s="31"/>
      <c r="GS155" s="31"/>
      <c r="GT155" s="31"/>
      <c r="GU155" s="31"/>
      <c r="GV155" s="31"/>
      <c r="GW155" s="31"/>
      <c r="GX155" s="31"/>
      <c r="GY155" s="31"/>
      <c r="GZ155" s="31"/>
      <c r="HA155" s="31"/>
      <c r="HB155" s="31"/>
      <c r="HC155" s="31"/>
      <c r="HD155" s="31"/>
      <c r="HE155" s="31"/>
      <c r="HF155" s="31"/>
      <c r="HG155" s="31"/>
      <c r="HH155" s="31"/>
      <c r="HI155" s="31"/>
      <c r="HJ155" s="31"/>
      <c r="HK155" s="31"/>
      <c r="HL155" s="31"/>
      <c r="HM155" s="31"/>
      <c r="HN155" s="31"/>
      <c r="HO155" s="31"/>
      <c r="HP155" s="31"/>
      <c r="HQ155" s="31"/>
      <c r="HR155" s="31"/>
      <c r="HS155" s="31"/>
      <c r="HT155" s="31"/>
      <c r="HU155" s="31"/>
      <c r="HV155" s="31"/>
      <c r="HW155" s="31"/>
      <c r="HX155" s="31"/>
      <c r="HY155" s="31"/>
      <c r="HZ155" s="31"/>
      <c r="IA155" s="31"/>
      <c r="IB155" s="31"/>
      <c r="IC155" s="31"/>
      <c r="ID155" s="31"/>
      <c r="IE155" s="31"/>
      <c r="IF155" s="31"/>
      <c r="IG155" s="31"/>
      <c r="IH155" s="31"/>
      <c r="II155" s="31"/>
      <c r="IJ155" s="31"/>
      <c r="IK155" s="31"/>
      <c r="IL155" s="31"/>
      <c r="IM155" s="31"/>
      <c r="IN155" s="31"/>
      <c r="IO155" s="31"/>
      <c r="IP155" s="31"/>
      <c r="IQ155" s="31"/>
      <c r="IR155" s="31"/>
      <c r="IS155" s="31"/>
      <c r="IT155" s="31"/>
      <c r="IU155" s="31"/>
      <c r="IV155" s="31"/>
      <c r="IW155" s="31"/>
      <c r="IX155" s="31"/>
      <c r="IY155" s="31"/>
      <c r="IZ155" s="31"/>
      <c r="JA155" s="31"/>
      <c r="JB155" s="31"/>
      <c r="JC155" s="31"/>
      <c r="JD155" s="31"/>
      <c r="JE155" s="31"/>
      <c r="JF155" s="31"/>
      <c r="JG155" s="31"/>
      <c r="JH155" s="31"/>
      <c r="JI155" s="31"/>
      <c r="JJ155" s="31"/>
      <c r="JK155" s="31"/>
      <c r="JL155" s="31"/>
      <c r="JM155" s="31"/>
      <c r="JN155" s="31"/>
      <c r="JO155" s="31"/>
      <c r="JP155" s="31"/>
      <c r="JQ155" s="31"/>
      <c r="JR155" s="31"/>
      <c r="JS155" s="31"/>
      <c r="JT155" s="31"/>
      <c r="JU155" s="31"/>
      <c r="JV155" s="31"/>
      <c r="JW155" s="31"/>
      <c r="JX155" s="31"/>
      <c r="JY155" s="31"/>
      <c r="JZ155" s="31"/>
      <c r="KA155" s="31"/>
      <c r="KB155" s="31"/>
      <c r="KC155" s="31"/>
      <c r="KD155" s="31"/>
      <c r="KE155" s="31"/>
      <c r="KF155" s="31"/>
      <c r="KG155" s="31"/>
      <c r="KH155" s="31"/>
      <c r="KI155" s="31"/>
      <c r="KJ155" s="31"/>
      <c r="KK155" s="31"/>
      <c r="KL155" s="31"/>
      <c r="KM155" s="31"/>
      <c r="KN155" s="31"/>
      <c r="KO155" s="31"/>
      <c r="KP155" s="31"/>
      <c r="KQ155" s="31"/>
      <c r="KR155" s="31"/>
      <c r="KS155" s="31"/>
      <c r="KT155" s="31"/>
      <c r="KU155" s="31"/>
      <c r="KV155" s="31"/>
      <c r="KW155" s="31"/>
      <c r="KX155" s="31"/>
      <c r="KY155" s="31"/>
      <c r="KZ155" s="31"/>
      <c r="LA155" s="31"/>
      <c r="LB155" s="31"/>
      <c r="LC155" s="31"/>
      <c r="LD155" s="31"/>
      <c r="LE155" s="31"/>
      <c r="LF155" s="31"/>
      <c r="LG155" s="31"/>
      <c r="LH155" s="31"/>
      <c r="LI155" s="31"/>
      <c r="LJ155" s="31"/>
      <c r="LK155" s="31"/>
      <c r="LL155" s="31"/>
      <c r="LM155" s="31"/>
      <c r="LN155" s="31"/>
      <c r="LO155" s="31"/>
      <c r="LP155" s="31"/>
      <c r="LQ155" s="31"/>
      <c r="LR155" s="31"/>
      <c r="LS155" s="31"/>
      <c r="LT155" s="31"/>
      <c r="LU155" s="31"/>
      <c r="LV155" s="31"/>
      <c r="LW155" s="31"/>
      <c r="LX155" s="31"/>
      <c r="LY155" s="31"/>
      <c r="LZ155" s="31"/>
      <c r="MA155" s="31"/>
      <c r="MB155" s="31"/>
      <c r="MC155" s="31"/>
      <c r="MD155" s="31"/>
      <c r="ME155" s="31"/>
      <c r="MF155" s="31"/>
      <c r="MG155" s="31"/>
      <c r="MH155" s="31"/>
      <c r="MI155" s="31"/>
      <c r="MJ155" s="31"/>
      <c r="MK155" s="31"/>
      <c r="ML155" s="31"/>
      <c r="MM155" s="31"/>
      <c r="MN155" s="31"/>
      <c r="MO155" s="31"/>
      <c r="MP155" s="31"/>
      <c r="MQ155" s="31"/>
      <c r="MR155" s="31"/>
      <c r="MS155" s="31"/>
      <c r="MT155" s="31"/>
      <c r="MU155" s="31"/>
      <c r="MV155" s="31"/>
      <c r="MW155" s="31"/>
      <c r="MX155" s="31"/>
      <c r="MY155" s="31"/>
      <c r="MZ155" s="31"/>
      <c r="NA155" s="31"/>
      <c r="NB155" s="31"/>
      <c r="NC155" s="31"/>
      <c r="ND155" s="31"/>
      <c r="NE155" s="31"/>
      <c r="NF155" s="31"/>
      <c r="NG155" s="31"/>
      <c r="NH155" s="31"/>
      <c r="NI155" s="31"/>
      <c r="NJ155" s="31"/>
      <c r="NK155" s="31"/>
      <c r="NL155" s="31"/>
      <c r="NM155" s="31"/>
      <c r="NN155" s="31"/>
      <c r="NO155" s="31"/>
      <c r="NP155" s="31"/>
      <c r="NQ155" s="31"/>
      <c r="NR155" s="31"/>
      <c r="NS155" s="31"/>
      <c r="NT155" s="31"/>
      <c r="NU155" s="31"/>
      <c r="NV155" s="31"/>
      <c r="NW155" s="31"/>
      <c r="NX155" s="31"/>
      <c r="NY155" s="31"/>
      <c r="NZ155" s="31"/>
      <c r="OA155" s="31"/>
      <c r="OB155" s="31"/>
      <c r="OC155" s="31"/>
      <c r="OD155" s="31"/>
      <c r="OE155" s="31"/>
      <c r="OF155" s="31"/>
      <c r="OG155" s="31"/>
      <c r="OH155" s="31"/>
      <c r="OI155" s="31"/>
      <c r="OJ155" s="31"/>
      <c r="OK155" s="31"/>
      <c r="OL155" s="31"/>
      <c r="OM155" s="31"/>
      <c r="ON155" s="31"/>
      <c r="OO155" s="31"/>
      <c r="OP155" s="31"/>
      <c r="OQ155" s="31"/>
      <c r="OR155" s="31"/>
      <c r="OS155" s="31"/>
      <c r="OT155" s="31"/>
      <c r="OU155" s="31"/>
      <c r="OV155" s="31"/>
      <c r="OW155" s="31"/>
      <c r="OX155" s="31"/>
      <c r="OY155" s="31"/>
      <c r="OZ155" s="31"/>
      <c r="PA155" s="31"/>
      <c r="PB155" s="31"/>
      <c r="PC155" s="31"/>
      <c r="PD155" s="31"/>
      <c r="PE155" s="31"/>
      <c r="PF155" s="31"/>
      <c r="PG155" s="31"/>
      <c r="PH155" s="31"/>
      <c r="PI155" s="31"/>
      <c r="PJ155" s="31"/>
      <c r="PK155" s="31"/>
      <c r="PL155" s="31"/>
      <c r="PM155" s="31"/>
      <c r="PN155" s="31"/>
      <c r="PO155" s="31"/>
      <c r="PP155" s="31"/>
      <c r="PQ155" s="31"/>
      <c r="PR155" s="31"/>
      <c r="PS155" s="31"/>
      <c r="PT155" s="31"/>
      <c r="PU155" s="31"/>
      <c r="PV155" s="31"/>
      <c r="PW155" s="31"/>
      <c r="PX155" s="31"/>
      <c r="PY155" s="31"/>
      <c r="PZ155" s="31"/>
      <c r="QA155" s="31"/>
      <c r="QB155" s="31"/>
      <c r="QC155" s="31"/>
      <c r="QD155" s="31"/>
      <c r="QE155" s="31"/>
      <c r="QF155" s="31"/>
      <c r="QG155" s="31"/>
      <c r="QH155" s="31"/>
      <c r="QI155" s="31"/>
      <c r="QJ155" s="31"/>
      <c r="QK155" s="31"/>
      <c r="QL155" s="31"/>
      <c r="QM155" s="31"/>
      <c r="QN155" s="31"/>
      <c r="QO155" s="31"/>
      <c r="QP155" s="31"/>
      <c r="QQ155" s="31"/>
      <c r="QR155" s="31"/>
      <c r="QS155" s="31"/>
      <c r="QT155" s="31"/>
      <c r="QU155" s="31"/>
      <c r="QV155" s="31"/>
      <c r="QW155" s="31"/>
      <c r="QX155" s="31"/>
      <c r="QY155" s="31"/>
      <c r="QZ155" s="31"/>
      <c r="RA155" s="31"/>
      <c r="RB155" s="31"/>
      <c r="RC155" s="31"/>
      <c r="RD155" s="31"/>
      <c r="RE155" s="31"/>
      <c r="RF155" s="31"/>
      <c r="RG155" s="31"/>
      <c r="RH155" s="31"/>
      <c r="RI155" s="31"/>
      <c r="RJ155" s="31"/>
      <c r="RK155" s="31"/>
      <c r="RL155" s="31"/>
      <c r="RM155" s="31"/>
      <c r="RN155" s="31"/>
      <c r="RO155" s="31"/>
      <c r="RP155" s="31"/>
      <c r="RQ155" s="31"/>
      <c r="RR155" s="31"/>
      <c r="RS155" s="31"/>
      <c r="RT155" s="31"/>
      <c r="RU155" s="31"/>
      <c r="RV155" s="31"/>
      <c r="RW155" s="31"/>
      <c r="RX155" s="31"/>
      <c r="RY155" s="31"/>
      <c r="RZ155" s="31"/>
      <c r="SA155" s="31"/>
      <c r="SB155" s="31"/>
      <c r="SC155" s="31"/>
      <c r="SD155" s="31"/>
      <c r="SE155" s="31"/>
      <c r="SF155" s="31"/>
      <c r="SG155" s="31"/>
      <c r="SH155" s="31"/>
      <c r="SI155" s="31"/>
      <c r="SJ155" s="31"/>
      <c r="SK155" s="31"/>
      <c r="SL155" s="31"/>
      <c r="SM155" s="31"/>
      <c r="SN155" s="31"/>
      <c r="SO155" s="31"/>
      <c r="SP155" s="31"/>
      <c r="SQ155" s="31"/>
      <c r="SR155" s="31"/>
      <c r="SS155" s="31"/>
      <c r="ST155" s="31"/>
      <c r="SU155" s="31"/>
      <c r="SV155" s="31"/>
      <c r="SW155" s="31"/>
      <c r="SX155" s="31"/>
      <c r="SY155" s="31"/>
      <c r="SZ155" s="31"/>
      <c r="TA155" s="31"/>
      <c r="TB155" s="31"/>
      <c r="TC155" s="31"/>
      <c r="TD155" s="31"/>
      <c r="TE155" s="31"/>
      <c r="TF155" s="31"/>
      <c r="TG155" s="31"/>
      <c r="TH155" s="31"/>
      <c r="TI155" s="31"/>
      <c r="TJ155" s="31"/>
      <c r="TK155" s="31"/>
      <c r="TL155" s="31"/>
      <c r="TM155" s="31"/>
      <c r="TN155" s="31"/>
      <c r="TO155" s="31"/>
      <c r="TP155" s="31"/>
      <c r="TQ155" s="31"/>
      <c r="TR155" s="31"/>
      <c r="TS155" s="31"/>
      <c r="TT155" s="31"/>
      <c r="TU155" s="31"/>
      <c r="TV155" s="31"/>
      <c r="TW155" s="31"/>
      <c r="TX155" s="31"/>
      <c r="TY155" s="31"/>
      <c r="TZ155" s="31"/>
      <c r="UA155" s="31"/>
      <c r="UB155" s="31"/>
      <c r="UC155" s="31"/>
      <c r="UD155" s="31"/>
      <c r="UE155" s="31"/>
      <c r="UF155" s="31"/>
      <c r="UG155" s="31"/>
      <c r="UH155" s="31"/>
      <c r="UI155" s="31"/>
      <c r="UJ155" s="31"/>
      <c r="UK155" s="31"/>
      <c r="UL155" s="31"/>
      <c r="UM155" s="31"/>
      <c r="UN155" s="31"/>
      <c r="UO155" s="31"/>
      <c r="UP155" s="31"/>
      <c r="UQ155" s="31"/>
      <c r="UR155" s="31"/>
      <c r="US155" s="31"/>
      <c r="UT155" s="31"/>
      <c r="UU155" s="31"/>
      <c r="UV155" s="31"/>
      <c r="UW155" s="31"/>
      <c r="UX155" s="31"/>
      <c r="UY155" s="31"/>
      <c r="UZ155" s="31"/>
      <c r="VA155" s="31"/>
      <c r="VB155" s="31"/>
      <c r="VC155" s="31"/>
      <c r="VD155" s="31"/>
      <c r="VE155" s="31"/>
      <c r="VF155" s="31"/>
      <c r="VG155" s="31"/>
      <c r="VH155" s="31"/>
      <c r="VI155" s="31"/>
      <c r="VJ155" s="31"/>
      <c r="VK155" s="31"/>
      <c r="VL155" s="31"/>
      <c r="VM155" s="31"/>
      <c r="VN155" s="31"/>
      <c r="VO155" s="31"/>
      <c r="VP155" s="31"/>
      <c r="VQ155" s="31"/>
      <c r="VR155" s="31"/>
      <c r="VS155" s="31"/>
      <c r="VT155" s="31"/>
      <c r="VU155" s="31"/>
      <c r="VV155" s="31"/>
      <c r="VW155" s="31"/>
      <c r="VX155" s="31"/>
      <c r="VY155" s="31"/>
      <c r="VZ155" s="31"/>
      <c r="WA155" s="31"/>
      <c r="WB155" s="31"/>
      <c r="WC155" s="31"/>
      <c r="WD155" s="31"/>
      <c r="WE155" s="31"/>
      <c r="WF155" s="31"/>
      <c r="WG155" s="31"/>
      <c r="WH155" s="31"/>
      <c r="WI155" s="31"/>
      <c r="WJ155" s="31"/>
      <c r="WK155" s="31"/>
      <c r="WL155" s="31"/>
      <c r="WM155" s="31"/>
      <c r="WN155" s="31"/>
      <c r="WO155" s="31"/>
      <c r="WP155" s="31"/>
      <c r="WQ155" s="31"/>
      <c r="WR155" s="31"/>
      <c r="WS155" s="31"/>
      <c r="WT155" s="31"/>
      <c r="WU155" s="31"/>
      <c r="WV155" s="31"/>
      <c r="WW155" s="31"/>
      <c r="WX155" s="31"/>
      <c r="WY155" s="31"/>
      <c r="WZ155" s="31"/>
      <c r="XA155" s="31"/>
      <c r="XB155" s="31"/>
      <c r="XC155" s="31"/>
      <c r="XD155" s="31"/>
      <c r="XE155" s="31"/>
      <c r="XF155" s="31"/>
      <c r="XG155" s="31"/>
      <c r="XH155" s="31"/>
      <c r="XI155" s="31"/>
      <c r="XJ155" s="31"/>
      <c r="XK155" s="31"/>
      <c r="XL155" s="31"/>
      <c r="XM155" s="31"/>
      <c r="XN155" s="31"/>
      <c r="XO155" s="31"/>
      <c r="XP155" s="31"/>
      <c r="XQ155" s="31"/>
      <c r="XR155" s="31"/>
      <c r="XS155" s="31"/>
      <c r="XT155" s="31"/>
      <c r="XU155" s="31"/>
      <c r="XV155" s="31"/>
      <c r="XW155" s="31"/>
      <c r="XX155" s="31"/>
      <c r="XY155" s="31"/>
      <c r="XZ155" s="31"/>
      <c r="YA155" s="31"/>
      <c r="YB155" s="31"/>
      <c r="YC155" s="31"/>
      <c r="YD155" s="31"/>
      <c r="YE155" s="31"/>
      <c r="YF155" s="31"/>
      <c r="YG155" s="31"/>
      <c r="YH155" s="31"/>
      <c r="YI155" s="31"/>
      <c r="YJ155" s="31"/>
      <c r="YK155" s="31"/>
      <c r="YL155" s="31"/>
      <c r="YM155" s="31"/>
      <c r="YN155" s="31"/>
      <c r="YO155" s="31"/>
      <c r="YP155" s="31"/>
      <c r="YQ155" s="31"/>
      <c r="YR155" s="31"/>
      <c r="YS155" s="31"/>
      <c r="YT155" s="31"/>
      <c r="YU155" s="31"/>
      <c r="YV155" s="31"/>
      <c r="YW155" s="31"/>
      <c r="YX155" s="31"/>
      <c r="YY155" s="31"/>
      <c r="YZ155" s="31"/>
      <c r="ZA155" s="31"/>
      <c r="ZB155" s="31"/>
      <c r="ZC155" s="31"/>
      <c r="ZD155" s="31"/>
      <c r="ZE155" s="31"/>
      <c r="ZF155" s="31"/>
      <c r="ZG155" s="31"/>
      <c r="ZH155" s="31"/>
      <c r="ZI155" s="31"/>
      <c r="ZJ155" s="31"/>
      <c r="ZK155" s="31"/>
      <c r="ZL155" s="31"/>
      <c r="ZM155" s="31"/>
      <c r="ZN155" s="31"/>
      <c r="ZO155" s="31"/>
      <c r="ZP155" s="31"/>
      <c r="ZQ155" s="31"/>
      <c r="ZR155" s="31"/>
      <c r="ZS155" s="31"/>
      <c r="ZT155" s="31"/>
      <c r="ZU155" s="31"/>
      <c r="ZV155" s="31"/>
      <c r="ZW155" s="31"/>
      <c r="ZX155" s="31"/>
      <c r="ZY155" s="31"/>
      <c r="ZZ155" s="31"/>
      <c r="AAA155" s="31"/>
      <c r="AAB155" s="31"/>
      <c r="AAC155" s="31"/>
      <c r="AAD155" s="31"/>
      <c r="AAE155" s="31"/>
      <c r="AAF155" s="31"/>
      <c r="AAG155" s="31"/>
      <c r="AAH155" s="31"/>
      <c r="AAI155" s="31"/>
      <c r="AAJ155" s="31"/>
      <c r="AAK155" s="31"/>
      <c r="AAL155" s="31"/>
      <c r="AAM155" s="31"/>
      <c r="AAN155" s="31"/>
      <c r="AAO155" s="31"/>
      <c r="AAP155" s="31"/>
      <c r="AAQ155" s="31"/>
      <c r="AAR155" s="31"/>
      <c r="AAS155" s="31"/>
      <c r="AAT155" s="31"/>
      <c r="AAU155" s="31"/>
      <c r="AAV155" s="31"/>
      <c r="AAW155" s="31"/>
      <c r="AAX155" s="31"/>
      <c r="AAY155" s="31"/>
      <c r="AAZ155" s="31"/>
      <c r="ABA155" s="31"/>
      <c r="ABB155" s="31"/>
      <c r="ABC155" s="31"/>
      <c r="ABD155" s="31"/>
      <c r="ABE155" s="31"/>
      <c r="ABF155" s="31"/>
      <c r="ABG155" s="31"/>
      <c r="ABH155" s="31"/>
      <c r="ABI155" s="31"/>
      <c r="ABJ155" s="31"/>
      <c r="ABK155" s="31"/>
      <c r="ABL155" s="31"/>
      <c r="ABM155" s="31"/>
      <c r="ABN155" s="31"/>
      <c r="ABO155" s="31"/>
      <c r="ABP155" s="31"/>
      <c r="ABQ155" s="31"/>
      <c r="ABR155" s="31"/>
      <c r="ABS155" s="31"/>
      <c r="ABT155" s="31"/>
      <c r="ABU155" s="31"/>
      <c r="ABV155" s="31"/>
      <c r="ABW155" s="31"/>
      <c r="ABX155" s="31"/>
      <c r="ABY155" s="31"/>
      <c r="ABZ155" s="31"/>
      <c r="ACA155" s="31"/>
      <c r="ACB155" s="31"/>
      <c r="ACC155" s="31"/>
      <c r="ACD155" s="31"/>
      <c r="ACE155" s="31"/>
      <c r="ACF155" s="31"/>
      <c r="ACG155" s="31"/>
      <c r="ACH155" s="31"/>
      <c r="ACI155" s="31"/>
      <c r="ACJ155" s="31"/>
      <c r="ACK155" s="31"/>
      <c r="ACL155" s="31"/>
      <c r="ACM155" s="31"/>
      <c r="ACN155" s="31"/>
      <c r="ACO155" s="31"/>
      <c r="ACP155" s="31"/>
      <c r="ACQ155" s="31"/>
      <c r="ACR155" s="31"/>
      <c r="ACS155" s="31"/>
      <c r="ACT155" s="31"/>
      <c r="ACU155" s="31"/>
      <c r="ACV155" s="31"/>
      <c r="ACW155" s="31"/>
      <c r="ACX155" s="31"/>
      <c r="ACY155" s="31"/>
      <c r="ACZ155" s="31"/>
      <c r="ADA155" s="31"/>
      <c r="ADB155" s="31"/>
      <c r="ADC155" s="31"/>
      <c r="ADD155" s="31"/>
      <c r="ADE155" s="31"/>
      <c r="ADF155" s="31"/>
      <c r="ADG155" s="31"/>
      <c r="ADH155" s="31"/>
      <c r="ADI155" s="31"/>
      <c r="ADJ155" s="31"/>
      <c r="ADK155" s="31"/>
      <c r="ADL155" s="31"/>
      <c r="ADM155" s="31"/>
      <c r="ADN155" s="31"/>
      <c r="ADO155" s="31"/>
      <c r="ADP155" s="31"/>
      <c r="ADQ155" s="31"/>
      <c r="ADR155" s="31"/>
      <c r="ADS155" s="31"/>
      <c r="ADT155" s="31"/>
      <c r="ADU155" s="31"/>
      <c r="ADV155" s="31"/>
      <c r="ADW155" s="31"/>
      <c r="ADX155" s="31"/>
      <c r="ADY155" s="31"/>
      <c r="ADZ155" s="31"/>
      <c r="AEA155" s="31"/>
      <c r="AEB155" s="31"/>
      <c r="AEC155" s="31"/>
      <c r="AED155" s="31"/>
      <c r="AEE155" s="31"/>
      <c r="AEF155" s="31"/>
      <c r="AEG155" s="31"/>
      <c r="AEH155" s="31"/>
      <c r="AEI155" s="31"/>
      <c r="AEJ155" s="31"/>
      <c r="AEK155" s="31"/>
      <c r="AEL155" s="31"/>
      <c r="AEM155" s="31"/>
      <c r="AEN155" s="31"/>
      <c r="AEO155" s="31"/>
      <c r="AEP155" s="31"/>
      <c r="AEQ155" s="31"/>
      <c r="AER155" s="31"/>
      <c r="AES155" s="31"/>
      <c r="AET155" s="31"/>
      <c r="AEU155" s="31"/>
      <c r="AEV155" s="31"/>
      <c r="AEW155" s="31"/>
      <c r="AEX155" s="31"/>
      <c r="AEY155" s="31"/>
      <c r="AEZ155" s="31"/>
      <c r="AFA155" s="31"/>
      <c r="AFB155" s="31"/>
      <c r="AFC155" s="31"/>
      <c r="AFD155" s="31"/>
      <c r="AFE155" s="31"/>
      <c r="AFF155" s="31"/>
      <c r="AFG155" s="31"/>
      <c r="AFH155" s="31"/>
      <c r="AFI155" s="31"/>
      <c r="AFJ155" s="31"/>
      <c r="AFK155" s="31"/>
      <c r="AFL155" s="31"/>
      <c r="AFM155" s="31"/>
      <c r="AFN155" s="31"/>
      <c r="AFO155" s="31"/>
      <c r="AFP155" s="31"/>
      <c r="AFQ155" s="31"/>
      <c r="AFR155" s="31"/>
      <c r="AFS155" s="31"/>
      <c r="AFT155" s="31"/>
      <c r="AFU155" s="31"/>
      <c r="AFV155" s="31"/>
      <c r="AFW155" s="31"/>
      <c r="AFX155" s="31"/>
      <c r="AFY155" s="31"/>
      <c r="AFZ155" s="31"/>
      <c r="AGA155" s="31"/>
      <c r="AGB155" s="31"/>
      <c r="AGC155" s="31"/>
      <c r="AGD155" s="31"/>
      <c r="AGE155" s="31"/>
      <c r="AGF155" s="31"/>
      <c r="AGG155" s="31"/>
      <c r="AGH155" s="31"/>
      <c r="AGI155" s="31"/>
      <c r="AGJ155" s="31"/>
      <c r="AGK155" s="31"/>
      <c r="AGL155" s="31"/>
      <c r="AGM155" s="31"/>
      <c r="AGN155" s="31"/>
      <c r="AGO155" s="31"/>
      <c r="AGP155" s="31"/>
      <c r="AGQ155" s="31"/>
      <c r="AGR155" s="31"/>
      <c r="AGS155" s="31"/>
      <c r="AGT155" s="31"/>
      <c r="AGU155" s="31"/>
      <c r="AGV155" s="31"/>
      <c r="AGW155" s="31"/>
      <c r="AGX155" s="31"/>
      <c r="AGY155" s="31"/>
      <c r="AGZ155" s="31"/>
      <c r="AHA155" s="31"/>
      <c r="AHB155" s="31"/>
      <c r="AHC155" s="31"/>
      <c r="AHD155" s="31"/>
      <c r="AHE155" s="31"/>
      <c r="AHF155" s="31"/>
      <c r="AHG155" s="31"/>
      <c r="AHH155" s="31"/>
      <c r="AHI155" s="31"/>
      <c r="AHJ155" s="31"/>
      <c r="AHK155" s="31"/>
      <c r="AHL155" s="31"/>
      <c r="AHM155" s="31"/>
      <c r="AHN155" s="31"/>
      <c r="AHO155" s="31"/>
      <c r="AHP155" s="31"/>
      <c r="AHQ155" s="31"/>
      <c r="AHR155" s="31"/>
      <c r="AHS155" s="31"/>
      <c r="AHT155" s="31"/>
      <c r="AHU155" s="31"/>
      <c r="AHV155" s="31"/>
      <c r="AHW155" s="31"/>
      <c r="AHX155" s="31"/>
      <c r="AHY155" s="31"/>
      <c r="AHZ155" s="31"/>
      <c r="AIA155" s="31"/>
      <c r="AIB155" s="31"/>
      <c r="AIC155" s="31"/>
      <c r="AID155" s="31"/>
      <c r="AIE155" s="31"/>
      <c r="AIF155" s="31"/>
      <c r="AIG155" s="31"/>
      <c r="AIH155" s="31"/>
      <c r="AII155" s="31"/>
      <c r="AIJ155" s="31"/>
      <c r="AIK155" s="31"/>
      <c r="AIL155" s="31"/>
      <c r="AIM155" s="31"/>
      <c r="AIN155" s="31"/>
      <c r="AIO155" s="31"/>
      <c r="AIP155" s="31"/>
      <c r="AIQ155" s="31"/>
      <c r="AIR155" s="31"/>
      <c r="AIS155" s="31"/>
      <c r="AIT155" s="31"/>
      <c r="AIU155" s="31"/>
      <c r="AIV155" s="31"/>
      <c r="AIW155" s="31"/>
      <c r="AIX155" s="31"/>
      <c r="AIY155" s="31"/>
      <c r="AIZ155" s="31"/>
      <c r="AJA155" s="31"/>
      <c r="AJB155" s="31"/>
      <c r="AJC155" s="31"/>
      <c r="AJD155" s="31"/>
      <c r="AJE155" s="31"/>
      <c r="AJF155" s="31"/>
      <c r="AJG155" s="31"/>
      <c r="AJH155" s="31"/>
      <c r="AJI155" s="31"/>
      <c r="AJJ155" s="31"/>
      <c r="AJK155" s="31"/>
      <c r="AJL155" s="31"/>
      <c r="AJM155" s="31"/>
      <c r="AJN155" s="31"/>
      <c r="AJO155" s="31"/>
      <c r="AJP155" s="31"/>
      <c r="AJQ155" s="31"/>
      <c r="AJR155" s="31"/>
      <c r="AJS155" s="31"/>
      <c r="AJT155" s="31"/>
      <c r="AJU155" s="31"/>
      <c r="AJV155" s="31"/>
      <c r="AJW155" s="31"/>
      <c r="AJX155" s="31"/>
      <c r="AJY155" s="31"/>
      <c r="AJZ155" s="31"/>
      <c r="AKA155" s="31"/>
      <c r="AKB155" s="31"/>
      <c r="AKC155" s="31"/>
      <c r="AKD155" s="31"/>
      <c r="AKE155" s="31"/>
      <c r="AKF155" s="31"/>
      <c r="AKG155" s="31"/>
      <c r="AKH155" s="31"/>
      <c r="AKI155" s="31"/>
      <c r="AKJ155" s="31"/>
      <c r="AKK155" s="31"/>
      <c r="AKL155" s="31"/>
      <c r="AKM155" s="31"/>
      <c r="AKN155" s="31"/>
      <c r="AKO155" s="31"/>
      <c r="AKP155" s="31"/>
      <c r="AKQ155" s="31"/>
      <c r="AKR155" s="31"/>
      <c r="AKS155" s="31"/>
      <c r="AKT155" s="31"/>
      <c r="AKU155" s="31"/>
      <c r="AKV155" s="31"/>
      <c r="AKW155" s="31"/>
      <c r="AKX155" s="31"/>
      <c r="AKY155" s="31"/>
      <c r="AKZ155" s="31"/>
      <c r="ALA155" s="31"/>
      <c r="ALB155" s="31"/>
      <c r="ALC155" s="31"/>
      <c r="ALD155" s="31"/>
      <c r="ALE155" s="31"/>
      <c r="ALF155" s="31"/>
      <c r="ALG155" s="31"/>
      <c r="ALH155" s="31"/>
      <c r="ALI155" s="31"/>
      <c r="ALJ155" s="31"/>
      <c r="ALK155" s="31"/>
      <c r="ALL155" s="31"/>
      <c r="ALM155" s="31"/>
      <c r="ALN155" s="31"/>
      <c r="ALO155" s="31"/>
      <c r="ALP155" s="31"/>
      <c r="ALQ155" s="31"/>
      <c r="ALR155" s="31"/>
      <c r="ALS155" s="31"/>
      <c r="ALT155" s="31"/>
      <c r="ALU155" s="31"/>
      <c r="ALV155" s="31"/>
      <c r="ALW155" s="31"/>
      <c r="ALX155" s="31"/>
      <c r="ALY155" s="31"/>
      <c r="ALZ155" s="31"/>
      <c r="AMA155" s="31"/>
      <c r="AMB155" s="31"/>
      <c r="AMC155" s="31"/>
      <c r="AMD155" s="31"/>
      <c r="AME155" s="31"/>
      <c r="AMF155" s="31"/>
      <c r="AMG155" s="31"/>
      <c r="AMH155" s="31"/>
      <c r="AMI155" s="31"/>
      <c r="AMJ155" s="31"/>
      <c r="AMK155" s="31"/>
      <c r="AML155" s="31"/>
      <c r="AMM155" s="31"/>
      <c r="AMN155" s="31"/>
      <c r="AMO155" s="31"/>
      <c r="AMP155" s="31"/>
      <c r="AMQ155" s="31"/>
      <c r="AMR155" s="31"/>
      <c r="AMS155" s="31"/>
      <c r="AMT155" s="31"/>
      <c r="AMU155" s="31"/>
      <c r="AMV155" s="31"/>
      <c r="AMW155" s="31"/>
      <c r="AMX155" s="31"/>
      <c r="AMY155" s="31"/>
      <c r="AMZ155" s="31"/>
      <c r="ANA155" s="31"/>
      <c r="ANB155" s="31"/>
      <c r="ANC155" s="31"/>
      <c r="AND155" s="31"/>
      <c r="ANE155" s="31"/>
      <c r="ANF155" s="31"/>
      <c r="ANG155" s="31"/>
      <c r="ANH155" s="31"/>
      <c r="ANI155" s="31"/>
      <c r="ANJ155" s="31"/>
      <c r="ANK155" s="31"/>
      <c r="ANL155" s="31"/>
      <c r="ANM155" s="31"/>
      <c r="ANN155" s="31"/>
      <c r="ANO155" s="31"/>
      <c r="ANP155" s="31"/>
      <c r="ANQ155" s="31"/>
      <c r="ANR155" s="31"/>
      <c r="ANS155" s="31"/>
      <c r="ANT155" s="31"/>
      <c r="ANU155" s="31"/>
      <c r="ANV155" s="31"/>
      <c r="ANW155" s="31"/>
      <c r="ANX155" s="31"/>
      <c r="ANY155" s="31"/>
      <c r="ANZ155" s="31"/>
      <c r="AOA155" s="31"/>
      <c r="AOB155" s="31"/>
      <c r="AOC155" s="31"/>
      <c r="AOD155" s="31"/>
      <c r="AOE155" s="31"/>
      <c r="AOF155" s="31"/>
      <c r="AOG155" s="31"/>
      <c r="AOH155" s="31"/>
      <c r="AOI155" s="31"/>
      <c r="AOJ155" s="31"/>
      <c r="AOK155" s="31"/>
      <c r="AOL155" s="31"/>
      <c r="AOM155" s="31"/>
      <c r="AON155" s="31"/>
      <c r="AOO155" s="31"/>
      <c r="AOP155" s="31"/>
      <c r="AOQ155" s="31"/>
      <c r="AOR155" s="31"/>
      <c r="AOS155" s="31"/>
      <c r="AOT155" s="31"/>
      <c r="AOU155" s="31"/>
      <c r="AOV155" s="31"/>
      <c r="AOW155" s="31"/>
      <c r="AOX155" s="31"/>
      <c r="AOY155" s="31"/>
      <c r="AOZ155" s="31"/>
      <c r="APA155" s="31"/>
      <c r="APB155" s="31"/>
      <c r="APC155" s="31"/>
      <c r="APD155" s="31"/>
      <c r="APE155" s="31"/>
      <c r="APF155" s="31"/>
      <c r="APG155" s="31"/>
      <c r="APH155" s="31"/>
      <c r="API155" s="31"/>
      <c r="APJ155" s="31"/>
      <c r="APK155" s="31"/>
      <c r="APL155" s="31"/>
      <c r="APM155" s="31"/>
      <c r="APN155" s="31"/>
      <c r="APO155" s="31"/>
      <c r="APP155" s="31"/>
      <c r="APQ155" s="31"/>
      <c r="APR155" s="31"/>
      <c r="APS155" s="31"/>
      <c r="APT155" s="31"/>
      <c r="APU155" s="31"/>
      <c r="APV155" s="31"/>
      <c r="APW155" s="31"/>
      <c r="APX155" s="31"/>
      <c r="APY155" s="31"/>
      <c r="APZ155" s="31"/>
      <c r="AQA155" s="31"/>
      <c r="AQB155" s="31"/>
      <c r="AQC155" s="31"/>
      <c r="AQD155" s="31"/>
      <c r="AQE155" s="31"/>
      <c r="AQF155" s="31"/>
      <c r="AQG155" s="31"/>
      <c r="AQH155" s="31"/>
      <c r="AQI155" s="31"/>
      <c r="AQJ155" s="31"/>
      <c r="AQK155" s="31"/>
      <c r="AQL155" s="31"/>
      <c r="AQM155" s="31"/>
      <c r="AQN155" s="31"/>
      <c r="AQO155" s="31"/>
      <c r="AQP155" s="31"/>
      <c r="AQQ155" s="31"/>
      <c r="AQR155" s="31"/>
      <c r="AQS155" s="31"/>
      <c r="AQT155" s="31"/>
      <c r="AQU155" s="31"/>
      <c r="AQV155" s="31"/>
      <c r="AQW155" s="31"/>
      <c r="AQX155" s="31"/>
      <c r="AQY155" s="31"/>
      <c r="AQZ155" s="31"/>
      <c r="ARA155" s="31"/>
      <c r="ARB155" s="31"/>
      <c r="ARC155" s="31"/>
      <c r="ARD155" s="31"/>
      <c r="ARE155" s="31"/>
      <c r="ARF155" s="31"/>
      <c r="ARG155" s="31"/>
      <c r="ARH155" s="31"/>
      <c r="ARI155" s="31"/>
      <c r="ARJ155" s="31"/>
      <c r="ARK155" s="31"/>
      <c r="ARL155" s="31"/>
      <c r="ARM155" s="31"/>
      <c r="ARN155" s="31"/>
      <c r="ARO155" s="31"/>
      <c r="ARP155" s="31"/>
      <c r="ARQ155" s="31"/>
      <c r="ARR155" s="31"/>
      <c r="ARS155" s="31"/>
      <c r="ART155" s="31"/>
      <c r="ARU155" s="31"/>
      <c r="ARV155" s="31"/>
      <c r="ARW155" s="31"/>
      <c r="ARX155" s="31"/>
      <c r="ARY155" s="31"/>
      <c r="ARZ155" s="31"/>
      <c r="ASA155" s="31"/>
      <c r="ASB155" s="31"/>
      <c r="ASC155" s="31"/>
      <c r="ASD155" s="31"/>
      <c r="ASE155" s="31"/>
      <c r="ASF155" s="31"/>
      <c r="ASG155" s="31"/>
      <c r="ASH155" s="31"/>
      <c r="ASI155" s="31"/>
      <c r="ASJ155" s="31"/>
      <c r="ASK155" s="31"/>
      <c r="ASL155" s="31"/>
      <c r="ASM155" s="31"/>
      <c r="ASN155" s="31"/>
      <c r="ASO155" s="31"/>
      <c r="ASP155" s="31"/>
      <c r="ASQ155" s="31"/>
      <c r="ASR155" s="31"/>
      <c r="ASS155" s="31"/>
      <c r="AST155" s="31"/>
      <c r="ASU155" s="31"/>
      <c r="ASV155" s="31"/>
      <c r="ASW155" s="31"/>
      <c r="ASX155" s="31"/>
      <c r="ASY155" s="31"/>
      <c r="ASZ155" s="31"/>
      <c r="ATA155" s="31"/>
      <c r="ATB155" s="31"/>
      <c r="ATC155" s="31"/>
      <c r="ATD155" s="31"/>
      <c r="ATE155" s="31"/>
      <c r="ATF155" s="31"/>
      <c r="ATG155" s="31"/>
      <c r="ATH155" s="31"/>
      <c r="ATI155" s="31"/>
      <c r="ATJ155" s="31"/>
      <c r="ATK155" s="31"/>
      <c r="ATL155" s="31"/>
      <c r="ATM155" s="31"/>
      <c r="ATN155" s="31"/>
      <c r="ATO155" s="31"/>
      <c r="ATP155" s="31"/>
      <c r="ATQ155" s="31"/>
      <c r="ATR155" s="31"/>
      <c r="ATS155" s="31"/>
      <c r="ATT155" s="31"/>
      <c r="ATU155" s="31"/>
      <c r="ATV155" s="31"/>
      <c r="ATW155" s="31"/>
      <c r="ATX155" s="31"/>
      <c r="ATY155" s="31"/>
      <c r="ATZ155" s="31"/>
      <c r="AUA155" s="31"/>
      <c r="AUB155" s="31"/>
      <c r="AUC155" s="31"/>
      <c r="AUD155" s="31"/>
      <c r="AUE155" s="31"/>
      <c r="AUF155" s="31"/>
      <c r="AUG155" s="31"/>
      <c r="AUH155" s="31"/>
      <c r="AUI155" s="31"/>
      <c r="AUJ155" s="31"/>
      <c r="AUK155" s="31"/>
      <c r="AUL155" s="31"/>
      <c r="AUM155" s="31"/>
      <c r="AUN155" s="31"/>
      <c r="AUO155" s="31"/>
      <c r="AUP155" s="31"/>
      <c r="AUQ155" s="31"/>
      <c r="AUR155" s="31"/>
      <c r="AUS155" s="31"/>
      <c r="AUT155" s="31"/>
      <c r="AUU155" s="31"/>
      <c r="AUV155" s="31"/>
      <c r="AUW155" s="31"/>
      <c r="AUX155" s="31"/>
      <c r="AUY155" s="31"/>
      <c r="AUZ155" s="31"/>
      <c r="AVA155" s="31"/>
      <c r="AVB155" s="31"/>
      <c r="AVC155" s="31"/>
      <c r="AVD155" s="31"/>
      <c r="AVE155" s="31"/>
      <c r="AVF155" s="31"/>
      <c r="AVG155" s="31"/>
      <c r="AVH155" s="31"/>
      <c r="AVI155" s="31"/>
      <c r="AVJ155" s="31"/>
      <c r="AVK155" s="31"/>
      <c r="AVL155" s="31"/>
      <c r="AVM155" s="31"/>
      <c r="AVN155" s="31"/>
      <c r="AVO155" s="31"/>
      <c r="AVP155" s="31"/>
      <c r="AVQ155" s="31"/>
      <c r="AVR155" s="31"/>
      <c r="AVS155" s="31"/>
      <c r="AVT155" s="31"/>
      <c r="AVU155" s="31"/>
      <c r="AVV155" s="31"/>
      <c r="AVW155" s="31"/>
      <c r="AVX155" s="31"/>
      <c r="AVY155" s="31"/>
      <c r="AVZ155" s="31"/>
      <c r="AWA155" s="31"/>
      <c r="AWB155" s="31"/>
      <c r="AWC155" s="31"/>
      <c r="AWD155" s="31"/>
      <c r="AWE155" s="31"/>
      <c r="AWF155" s="31"/>
      <c r="AWG155" s="31"/>
      <c r="AWH155" s="31"/>
      <c r="AWI155" s="31"/>
      <c r="AWJ155" s="31"/>
      <c r="AWK155" s="31"/>
      <c r="AWL155" s="31"/>
      <c r="AWM155" s="31"/>
      <c r="AWN155" s="31"/>
      <c r="AWO155" s="31"/>
      <c r="AWP155" s="31"/>
      <c r="AWQ155" s="31"/>
      <c r="AWR155" s="31"/>
      <c r="AWS155" s="31"/>
      <c r="AWT155" s="31"/>
      <c r="AWU155" s="31"/>
      <c r="AWV155" s="31"/>
      <c r="AWW155" s="31"/>
      <c r="AWX155" s="31"/>
      <c r="AWY155" s="31"/>
      <c r="AWZ155" s="31"/>
      <c r="AXA155" s="31"/>
      <c r="AXB155" s="31"/>
      <c r="AXC155" s="31"/>
      <c r="AXD155" s="31"/>
      <c r="AXE155" s="31"/>
      <c r="AXF155" s="31"/>
      <c r="AXG155" s="31"/>
      <c r="AXH155" s="31"/>
      <c r="AXI155" s="31"/>
      <c r="AXJ155" s="31"/>
      <c r="AXK155" s="31"/>
      <c r="AXL155" s="31"/>
      <c r="AXM155" s="31"/>
      <c r="AXN155" s="31"/>
      <c r="AXO155" s="31"/>
      <c r="AXP155" s="31"/>
      <c r="AXQ155" s="31"/>
      <c r="AXR155" s="31"/>
      <c r="AXS155" s="31"/>
      <c r="AXT155" s="31"/>
      <c r="AXU155" s="31"/>
      <c r="AXV155" s="31"/>
      <c r="AXW155" s="31"/>
      <c r="AXX155" s="31"/>
      <c r="AXY155" s="31"/>
      <c r="AXZ155" s="31"/>
      <c r="AYA155" s="31"/>
      <c r="AYB155" s="31"/>
      <c r="AYC155" s="31"/>
      <c r="AYD155" s="31"/>
      <c r="AYE155" s="31"/>
      <c r="AYF155" s="31"/>
      <c r="AYG155" s="31"/>
      <c r="AYH155" s="31"/>
      <c r="AYI155" s="31"/>
      <c r="AYJ155" s="31"/>
      <c r="AYK155" s="31"/>
      <c r="AYL155" s="31"/>
      <c r="AYM155" s="31"/>
      <c r="AYN155" s="31"/>
      <c r="AYO155" s="31"/>
      <c r="AYP155" s="31"/>
      <c r="AYQ155" s="31"/>
      <c r="AYR155" s="31"/>
      <c r="AYS155" s="31"/>
      <c r="AYT155" s="31"/>
      <c r="AYU155" s="31"/>
      <c r="AYV155" s="31"/>
      <c r="AYW155" s="31"/>
      <c r="AYX155" s="31"/>
      <c r="AYY155" s="31"/>
      <c r="AYZ155" s="31"/>
      <c r="AZA155" s="31"/>
      <c r="AZB155" s="31"/>
      <c r="AZC155" s="31"/>
      <c r="AZD155" s="31"/>
      <c r="AZE155" s="31"/>
      <c r="AZF155" s="31"/>
      <c r="AZG155" s="31"/>
      <c r="AZH155" s="31"/>
      <c r="AZI155" s="31"/>
      <c r="AZJ155" s="31"/>
      <c r="AZK155" s="31"/>
      <c r="AZL155" s="31"/>
      <c r="AZM155" s="31"/>
      <c r="AZN155" s="31"/>
      <c r="AZO155" s="31"/>
      <c r="AZP155" s="31"/>
      <c r="AZQ155" s="31"/>
      <c r="AZR155" s="31"/>
      <c r="AZS155" s="31"/>
      <c r="AZT155" s="31"/>
      <c r="AZU155" s="31"/>
      <c r="AZV155" s="31"/>
      <c r="AZW155" s="31"/>
      <c r="AZX155" s="31"/>
      <c r="AZY155" s="31"/>
      <c r="AZZ155" s="31"/>
      <c r="BAA155" s="31"/>
      <c r="BAB155" s="31"/>
      <c r="BAC155" s="31"/>
      <c r="BAD155" s="31"/>
      <c r="BAE155" s="31"/>
      <c r="BAF155" s="31"/>
      <c r="BAG155" s="31"/>
      <c r="BAH155" s="31"/>
      <c r="BAI155" s="31"/>
      <c r="BAJ155" s="31"/>
      <c r="BAK155" s="31"/>
      <c r="BAL155" s="31"/>
      <c r="BAM155" s="31"/>
      <c r="BAN155" s="31"/>
      <c r="BAO155" s="31"/>
      <c r="BAP155" s="31"/>
      <c r="BAQ155" s="31"/>
      <c r="BAR155" s="31"/>
      <c r="BAS155" s="31"/>
      <c r="BAT155" s="31"/>
      <c r="BAU155" s="31"/>
      <c r="BAV155" s="31"/>
      <c r="BAW155" s="31"/>
      <c r="BAX155" s="31"/>
      <c r="BAY155" s="31"/>
      <c r="BAZ155" s="31"/>
      <c r="BBA155" s="31"/>
      <c r="BBB155" s="31"/>
      <c r="BBC155" s="31"/>
      <c r="BBD155" s="31"/>
      <c r="BBE155" s="31"/>
      <c r="BBF155" s="31"/>
      <c r="BBG155" s="31"/>
      <c r="BBH155" s="31"/>
      <c r="BBI155" s="31"/>
      <c r="BBJ155" s="31"/>
      <c r="BBK155" s="31"/>
      <c r="BBL155" s="31"/>
      <c r="BBM155" s="31"/>
      <c r="BBN155" s="31"/>
      <c r="BBO155" s="31"/>
      <c r="BBP155" s="31"/>
      <c r="BBQ155" s="31"/>
      <c r="BBR155" s="31"/>
      <c r="BBS155" s="31"/>
      <c r="BBT155" s="31"/>
      <c r="BBU155" s="31"/>
      <c r="BBV155" s="31"/>
      <c r="BBW155" s="31"/>
      <c r="BBX155" s="31"/>
      <c r="BBY155" s="31"/>
      <c r="BBZ155" s="31"/>
      <c r="BCA155" s="31"/>
      <c r="BCB155" s="31"/>
      <c r="BCC155" s="31"/>
      <c r="BCD155" s="31"/>
      <c r="BCE155" s="31"/>
      <c r="BCF155" s="31"/>
      <c r="BCG155" s="31"/>
      <c r="BCH155" s="31"/>
      <c r="BCI155" s="31"/>
      <c r="BCJ155" s="31"/>
      <c r="BCK155" s="31"/>
      <c r="BCL155" s="31"/>
      <c r="BCM155" s="31"/>
      <c r="BCN155" s="31"/>
      <c r="BCO155" s="31"/>
      <c r="BCP155" s="31"/>
      <c r="BCQ155" s="31"/>
      <c r="BCR155" s="31"/>
      <c r="BCS155" s="31"/>
      <c r="BCT155" s="31"/>
      <c r="BCU155" s="31"/>
      <c r="BCV155" s="31"/>
      <c r="BCW155" s="31"/>
      <c r="BCX155" s="31"/>
      <c r="BCY155" s="31"/>
      <c r="BCZ155" s="31"/>
      <c r="BDA155" s="31"/>
      <c r="BDB155" s="31"/>
      <c r="BDC155" s="31"/>
      <c r="BDD155" s="31"/>
      <c r="BDE155" s="31"/>
      <c r="BDF155" s="31"/>
      <c r="BDG155" s="31"/>
      <c r="BDH155" s="31"/>
      <c r="BDI155" s="31"/>
      <c r="BDJ155" s="31"/>
      <c r="BDK155" s="31"/>
      <c r="BDL155" s="31"/>
      <c r="BDM155" s="31"/>
      <c r="BDN155" s="31"/>
      <c r="BDO155" s="31"/>
      <c r="BDP155" s="31"/>
      <c r="BDQ155" s="31"/>
      <c r="BDR155" s="31"/>
      <c r="BDS155" s="31"/>
      <c r="BDT155" s="31"/>
      <c r="BDU155" s="31"/>
      <c r="BDV155" s="31"/>
      <c r="BDW155" s="31"/>
      <c r="BDX155" s="31"/>
      <c r="BDY155" s="31"/>
      <c r="BDZ155" s="31"/>
      <c r="BEA155" s="31"/>
      <c r="BEB155" s="31"/>
      <c r="BEC155" s="31"/>
      <c r="BED155" s="31"/>
      <c r="BEE155" s="31"/>
      <c r="BEF155" s="31"/>
      <c r="BEG155" s="31"/>
      <c r="BEH155" s="31"/>
      <c r="BEI155" s="31"/>
      <c r="BEJ155" s="31"/>
      <c r="BEK155" s="31"/>
      <c r="BEL155" s="31"/>
      <c r="BEM155" s="31"/>
      <c r="BEN155" s="31"/>
      <c r="BEO155" s="31"/>
      <c r="BEP155" s="31"/>
      <c r="BEQ155" s="31"/>
      <c r="BER155" s="31"/>
      <c r="BES155" s="31"/>
      <c r="BET155" s="31"/>
      <c r="BEU155" s="31"/>
      <c r="BEV155" s="31"/>
      <c r="BEW155" s="31"/>
      <c r="BEX155" s="31"/>
      <c r="BEY155" s="31"/>
      <c r="BEZ155" s="31"/>
      <c r="BFA155" s="31"/>
      <c r="BFB155" s="31"/>
      <c r="BFC155" s="31"/>
      <c r="BFD155" s="31"/>
      <c r="BFE155" s="31"/>
      <c r="BFF155" s="31"/>
      <c r="BFG155" s="31"/>
      <c r="BFH155" s="31"/>
      <c r="BFI155" s="31"/>
      <c r="BFJ155" s="31"/>
      <c r="BFK155" s="31"/>
      <c r="BFL155" s="31"/>
      <c r="BFM155" s="31"/>
      <c r="BFN155" s="31"/>
      <c r="BFO155" s="31"/>
      <c r="BFP155" s="31"/>
      <c r="BFQ155" s="31"/>
      <c r="BFR155" s="31"/>
      <c r="BFS155" s="31"/>
      <c r="BFT155" s="31"/>
      <c r="BFU155" s="31"/>
      <c r="BFV155" s="31"/>
      <c r="BFW155" s="31"/>
      <c r="BFX155" s="31"/>
      <c r="BFY155" s="31"/>
      <c r="BFZ155" s="31"/>
      <c r="BGA155" s="31"/>
      <c r="BGB155" s="31"/>
      <c r="BGC155" s="31"/>
      <c r="BGD155" s="31"/>
      <c r="BGE155" s="31"/>
      <c r="BGF155" s="31"/>
      <c r="BGG155" s="31"/>
      <c r="BGH155" s="31"/>
      <c r="BGI155" s="31"/>
      <c r="BGJ155" s="31"/>
      <c r="BGK155" s="31"/>
      <c r="BGL155" s="31"/>
      <c r="BGM155" s="31"/>
      <c r="BGN155" s="31"/>
      <c r="BGO155" s="31"/>
      <c r="BGP155" s="31"/>
      <c r="BGQ155" s="31"/>
      <c r="BGR155" s="31"/>
      <c r="BGS155" s="31"/>
      <c r="BGT155" s="31"/>
      <c r="BGU155" s="31"/>
      <c r="BGV155" s="31"/>
      <c r="BGW155" s="31"/>
      <c r="BGX155" s="31"/>
      <c r="BGY155" s="31"/>
      <c r="BGZ155" s="31"/>
      <c r="BHA155" s="31"/>
      <c r="BHB155" s="31"/>
      <c r="BHC155" s="31"/>
      <c r="BHD155" s="31"/>
      <c r="BHE155" s="31"/>
      <c r="BHF155" s="31"/>
      <c r="BHG155" s="31"/>
      <c r="BHH155" s="31"/>
      <c r="BHI155" s="31"/>
      <c r="BHJ155" s="31"/>
      <c r="BHK155" s="31"/>
      <c r="BHL155" s="31"/>
      <c r="BHM155" s="31"/>
      <c r="BHN155" s="31"/>
      <c r="BHO155" s="31"/>
      <c r="BHP155" s="31"/>
      <c r="BHQ155" s="31"/>
      <c r="BHR155" s="31"/>
      <c r="BHS155" s="31"/>
      <c r="BHT155" s="31"/>
      <c r="BHU155" s="31"/>
      <c r="BHV155" s="31"/>
      <c r="BHW155" s="31"/>
      <c r="BHX155" s="31"/>
      <c r="BHY155" s="31"/>
      <c r="BHZ155" s="31"/>
      <c r="BIA155" s="31"/>
      <c r="BIB155" s="31"/>
      <c r="BIC155" s="31"/>
      <c r="BID155" s="31"/>
      <c r="BIE155" s="31"/>
      <c r="BIF155" s="31"/>
      <c r="BIG155" s="31"/>
      <c r="BIH155" s="31"/>
      <c r="BII155" s="31"/>
      <c r="BIJ155" s="31"/>
      <c r="BIK155" s="31"/>
      <c r="BIL155" s="31"/>
      <c r="BIM155" s="31"/>
      <c r="BIN155" s="31"/>
      <c r="BIO155" s="31"/>
      <c r="BIP155" s="31"/>
      <c r="BIQ155" s="31"/>
      <c r="BIR155" s="31"/>
      <c r="BIS155" s="31"/>
      <c r="BIT155" s="31"/>
      <c r="BIU155" s="31"/>
      <c r="BIV155" s="31"/>
      <c r="BIW155" s="31"/>
      <c r="BIX155" s="31"/>
      <c r="BIY155" s="31"/>
      <c r="BIZ155" s="31"/>
      <c r="BJA155" s="31"/>
      <c r="BJB155" s="31"/>
      <c r="BJC155" s="31"/>
      <c r="BJD155" s="31"/>
      <c r="BJE155" s="31"/>
      <c r="BJF155" s="31"/>
      <c r="BJG155" s="31"/>
      <c r="BJH155" s="31"/>
      <c r="BJI155" s="31"/>
      <c r="BJJ155" s="31"/>
      <c r="BJK155" s="31"/>
      <c r="BJL155" s="31"/>
      <c r="BJM155" s="31"/>
      <c r="BJN155" s="31"/>
      <c r="BJO155" s="31"/>
      <c r="BJP155" s="31"/>
      <c r="BJQ155" s="31"/>
      <c r="BJR155" s="31"/>
      <c r="BJS155" s="31"/>
      <c r="BJT155" s="31"/>
      <c r="BJU155" s="31"/>
      <c r="BJV155" s="31"/>
      <c r="BJW155" s="31"/>
      <c r="BJX155" s="31"/>
      <c r="BJY155" s="31"/>
      <c r="BJZ155" s="31"/>
      <c r="BKA155" s="31"/>
      <c r="BKB155" s="31"/>
      <c r="BKC155" s="31"/>
      <c r="BKD155" s="31"/>
      <c r="BKE155" s="31"/>
      <c r="BKF155" s="31"/>
      <c r="BKG155" s="31"/>
      <c r="BKH155" s="31"/>
      <c r="BKI155" s="31"/>
      <c r="BKJ155" s="31"/>
      <c r="BKK155" s="31"/>
      <c r="BKL155" s="31"/>
      <c r="BKM155" s="31"/>
      <c r="BKN155" s="31"/>
      <c r="BKO155" s="31"/>
      <c r="BKP155" s="31"/>
      <c r="BKQ155" s="31"/>
      <c r="BKR155" s="31"/>
      <c r="BKS155" s="31"/>
      <c r="BKT155" s="31"/>
      <c r="BKU155" s="31"/>
      <c r="BKV155" s="31"/>
      <c r="BKW155" s="31"/>
      <c r="BKX155" s="31"/>
      <c r="BKY155" s="31"/>
      <c r="BKZ155" s="31"/>
      <c r="BLA155" s="31"/>
      <c r="BLB155" s="31"/>
      <c r="BLC155" s="31"/>
      <c r="BLD155" s="31"/>
      <c r="BLE155" s="31"/>
      <c r="BLF155" s="31"/>
      <c r="BLG155" s="31"/>
      <c r="BLH155" s="31"/>
      <c r="BLI155" s="31"/>
      <c r="BLJ155" s="31"/>
      <c r="BLK155" s="31"/>
      <c r="BLL155" s="31"/>
      <c r="BLM155" s="31"/>
      <c r="BLN155" s="31"/>
      <c r="BLO155" s="31"/>
      <c r="BLP155" s="31"/>
      <c r="BLQ155" s="31"/>
      <c r="BLR155" s="31"/>
      <c r="BLS155" s="31"/>
      <c r="BLT155" s="31"/>
      <c r="BLU155" s="31"/>
      <c r="BLV155" s="31"/>
      <c r="BLW155" s="31"/>
      <c r="BLX155" s="31"/>
      <c r="BLY155" s="31"/>
      <c r="BLZ155" s="31"/>
      <c r="BMA155" s="31"/>
      <c r="BMB155" s="31"/>
      <c r="BMC155" s="31"/>
      <c r="BMD155" s="31"/>
      <c r="BME155" s="31"/>
      <c r="BMF155" s="31"/>
      <c r="BMG155" s="31"/>
      <c r="BMH155" s="31"/>
      <c r="BMI155" s="31"/>
      <c r="BMJ155" s="31"/>
      <c r="BMK155" s="31"/>
      <c r="BML155" s="31"/>
      <c r="BMM155" s="31"/>
      <c r="BMN155" s="31"/>
      <c r="BMO155" s="31"/>
      <c r="BMP155" s="31"/>
      <c r="BMQ155" s="31"/>
      <c r="BMR155" s="31"/>
      <c r="BMS155" s="31"/>
      <c r="BMT155" s="31"/>
      <c r="BMU155" s="31"/>
      <c r="BMV155" s="31"/>
      <c r="BMW155" s="31"/>
      <c r="BMX155" s="31"/>
      <c r="BMY155" s="31"/>
      <c r="BMZ155" s="31"/>
      <c r="BNA155" s="31"/>
      <c r="BNB155" s="31"/>
      <c r="BNC155" s="31"/>
      <c r="BND155" s="31"/>
      <c r="BNE155" s="31"/>
      <c r="BNF155" s="31"/>
      <c r="BNG155" s="31"/>
      <c r="BNH155" s="31"/>
      <c r="BNI155" s="31"/>
      <c r="BNJ155" s="31"/>
      <c r="BNK155" s="31"/>
      <c r="BNL155" s="31"/>
      <c r="BNM155" s="31"/>
      <c r="BNN155" s="31"/>
      <c r="BNO155" s="31"/>
      <c r="BNP155" s="31"/>
      <c r="BNQ155" s="31"/>
      <c r="BNR155" s="31"/>
      <c r="BNS155" s="31"/>
      <c r="BNT155" s="31"/>
      <c r="BNU155" s="31"/>
      <c r="BNV155" s="31"/>
      <c r="BNW155" s="31"/>
      <c r="BNX155" s="31"/>
      <c r="BNY155" s="31"/>
      <c r="BNZ155" s="31"/>
      <c r="BOA155" s="31"/>
      <c r="BOB155" s="31"/>
      <c r="BOC155" s="31"/>
      <c r="BOD155" s="31"/>
      <c r="BOE155" s="31"/>
      <c r="BOF155" s="31"/>
      <c r="BOG155" s="31"/>
      <c r="BOH155" s="31"/>
      <c r="BOI155" s="31"/>
      <c r="BOJ155" s="31"/>
      <c r="BOK155" s="31"/>
      <c r="BOL155" s="31"/>
      <c r="BOM155" s="31"/>
      <c r="BON155" s="31"/>
      <c r="BOO155" s="31"/>
      <c r="BOP155" s="31"/>
      <c r="BOQ155" s="31"/>
      <c r="BOR155" s="31"/>
      <c r="BOS155" s="31"/>
      <c r="BOT155" s="31"/>
      <c r="BOU155" s="31"/>
      <c r="BOV155" s="31"/>
      <c r="BOW155" s="31"/>
      <c r="BOX155" s="31"/>
      <c r="BOY155" s="31"/>
      <c r="BOZ155" s="31"/>
      <c r="BPA155" s="31"/>
      <c r="BPB155" s="31"/>
      <c r="BPC155" s="31"/>
      <c r="BPD155" s="31"/>
      <c r="BPE155" s="31"/>
      <c r="BPF155" s="31"/>
      <c r="BPG155" s="31"/>
      <c r="BPH155" s="31"/>
      <c r="BPI155" s="31"/>
      <c r="BPJ155" s="31"/>
      <c r="BPK155" s="31"/>
      <c r="BPL155" s="31"/>
      <c r="BPM155" s="31"/>
      <c r="BPN155" s="31"/>
      <c r="BPO155" s="31"/>
      <c r="BPP155" s="31"/>
      <c r="BPQ155" s="31"/>
      <c r="BPR155" s="31"/>
      <c r="BPS155" s="31"/>
      <c r="BPT155" s="31"/>
      <c r="BPU155" s="31"/>
      <c r="BPV155" s="31"/>
      <c r="BPW155" s="31"/>
      <c r="BPX155" s="31"/>
      <c r="BPY155" s="31"/>
      <c r="BPZ155" s="31"/>
      <c r="BQA155" s="31"/>
      <c r="BQB155" s="31"/>
      <c r="BQC155" s="31"/>
      <c r="BQD155" s="31"/>
      <c r="BQE155" s="31"/>
      <c r="BQF155" s="31"/>
      <c r="BQG155" s="31"/>
      <c r="BQH155" s="31"/>
      <c r="BQI155" s="31"/>
      <c r="BQJ155" s="31"/>
      <c r="BQK155" s="31"/>
      <c r="BQL155" s="31"/>
      <c r="BQM155" s="31"/>
      <c r="BQN155" s="31"/>
      <c r="BQO155" s="31"/>
      <c r="BQP155" s="31"/>
      <c r="BQQ155" s="31"/>
      <c r="BQR155" s="31"/>
      <c r="BQS155" s="31"/>
      <c r="BQT155" s="31"/>
      <c r="BQU155" s="31"/>
      <c r="BQV155" s="31"/>
      <c r="BQW155" s="31"/>
      <c r="BQX155" s="31"/>
      <c r="BQY155" s="31"/>
      <c r="BQZ155" s="31"/>
      <c r="BRA155" s="31"/>
      <c r="BRB155" s="31"/>
      <c r="BRC155" s="31"/>
      <c r="BRD155" s="31"/>
      <c r="BRE155" s="31"/>
      <c r="BRF155" s="31"/>
      <c r="BRG155" s="31"/>
      <c r="BRH155" s="31"/>
      <c r="BRI155" s="31"/>
      <c r="BRJ155" s="31"/>
      <c r="BRK155" s="31"/>
      <c r="BRL155" s="31"/>
      <c r="BRM155" s="31"/>
      <c r="BRN155" s="31"/>
      <c r="BRO155" s="31"/>
      <c r="BRP155" s="31"/>
      <c r="BRQ155" s="31"/>
      <c r="BRR155" s="31"/>
      <c r="BRS155" s="31"/>
      <c r="BRT155" s="31"/>
      <c r="BRU155" s="31"/>
      <c r="BRV155" s="31"/>
      <c r="BRW155" s="31"/>
      <c r="BRX155" s="31"/>
      <c r="BRY155" s="31"/>
      <c r="BRZ155" s="31"/>
      <c r="BSA155" s="31"/>
      <c r="BSB155" s="31"/>
      <c r="BSC155" s="31"/>
      <c r="BSD155" s="31"/>
      <c r="BSE155" s="31"/>
      <c r="BSF155" s="31"/>
      <c r="BSG155" s="31"/>
      <c r="BSH155" s="31"/>
      <c r="BSI155" s="31"/>
      <c r="BSJ155" s="31"/>
      <c r="BSK155" s="31"/>
      <c r="BSL155" s="31"/>
      <c r="BSM155" s="31"/>
      <c r="BSN155" s="31"/>
      <c r="BSO155" s="31"/>
      <c r="BSP155" s="31"/>
      <c r="BSQ155" s="31"/>
      <c r="BSR155" s="31"/>
      <c r="BSS155" s="31"/>
      <c r="BST155" s="31"/>
      <c r="BSU155" s="31"/>
      <c r="BSV155" s="31"/>
      <c r="BSW155" s="31"/>
      <c r="BSX155" s="31"/>
      <c r="BSY155" s="31"/>
      <c r="BSZ155" s="31"/>
      <c r="BTA155" s="31"/>
      <c r="BTB155" s="31"/>
      <c r="BTC155" s="31"/>
      <c r="BTD155" s="31"/>
      <c r="BTE155" s="31"/>
      <c r="BTF155" s="31"/>
      <c r="BTG155" s="31"/>
      <c r="BTH155" s="31"/>
      <c r="BTI155" s="31"/>
      <c r="BTJ155" s="31"/>
      <c r="BTK155" s="31"/>
      <c r="BTL155" s="31"/>
      <c r="BTM155" s="31"/>
      <c r="BTN155" s="31"/>
      <c r="BTO155" s="31"/>
      <c r="BTP155" s="31"/>
      <c r="BTQ155" s="31"/>
      <c r="BTR155" s="31"/>
      <c r="BTS155" s="31"/>
      <c r="BTT155" s="31"/>
      <c r="BTU155" s="31"/>
      <c r="BTV155" s="31"/>
      <c r="BTW155" s="31"/>
      <c r="BTX155" s="31"/>
      <c r="BTY155" s="31"/>
      <c r="BTZ155" s="31"/>
      <c r="BUA155" s="31"/>
      <c r="BUB155" s="31"/>
      <c r="BUC155" s="31"/>
      <c r="BUD155" s="31"/>
      <c r="BUE155" s="31"/>
      <c r="BUF155" s="31"/>
      <c r="BUG155" s="31"/>
      <c r="BUH155" s="31"/>
      <c r="BUI155" s="31"/>
      <c r="BUJ155" s="31"/>
      <c r="BUK155" s="31"/>
      <c r="BUL155" s="31"/>
      <c r="BUM155" s="31"/>
      <c r="BUN155" s="31"/>
      <c r="BUO155" s="31"/>
      <c r="BUP155" s="31"/>
      <c r="BUQ155" s="31"/>
      <c r="BUR155" s="31"/>
      <c r="BUS155" s="31"/>
      <c r="BUT155" s="31"/>
      <c r="BUU155" s="31"/>
      <c r="BUV155" s="31"/>
      <c r="BUW155" s="31"/>
      <c r="BUX155" s="31"/>
      <c r="BUY155" s="31"/>
      <c r="BUZ155" s="31"/>
      <c r="BVA155" s="31"/>
      <c r="BVB155" s="31"/>
      <c r="BVC155" s="31"/>
      <c r="BVD155" s="31"/>
      <c r="BVE155" s="31"/>
      <c r="BVF155" s="31"/>
      <c r="BVG155" s="31"/>
      <c r="BVH155" s="31"/>
      <c r="BVI155" s="31"/>
      <c r="BVJ155" s="31"/>
      <c r="BVK155" s="31"/>
      <c r="BVL155" s="31"/>
      <c r="BVM155" s="31"/>
      <c r="BVN155" s="31"/>
      <c r="BVO155" s="31"/>
      <c r="BVP155" s="31"/>
      <c r="BVQ155" s="31"/>
      <c r="BVR155" s="31"/>
      <c r="BVS155" s="31"/>
      <c r="BVT155" s="31"/>
      <c r="BVU155" s="31"/>
      <c r="BVV155" s="31"/>
      <c r="BVW155" s="31"/>
      <c r="BVX155" s="31"/>
      <c r="BVY155" s="31"/>
      <c r="BVZ155" s="31"/>
      <c r="BWA155" s="31"/>
      <c r="BWB155" s="31"/>
      <c r="BWC155" s="31"/>
      <c r="BWD155" s="31"/>
      <c r="BWE155" s="31"/>
      <c r="BWF155" s="31"/>
      <c r="BWG155" s="31"/>
      <c r="BWH155" s="31"/>
      <c r="BWI155" s="31"/>
      <c r="BWJ155" s="31"/>
      <c r="BWK155" s="31"/>
      <c r="BWL155" s="31"/>
      <c r="BWM155" s="31"/>
      <c r="BWN155" s="31"/>
      <c r="BWO155" s="31"/>
      <c r="BWP155" s="31"/>
      <c r="BWQ155" s="31"/>
      <c r="BWR155" s="31"/>
      <c r="BWS155" s="31"/>
      <c r="BWT155" s="31"/>
      <c r="BWU155" s="31"/>
      <c r="BWV155" s="31"/>
      <c r="BWW155" s="31"/>
      <c r="BWX155" s="31"/>
      <c r="BWY155" s="31"/>
      <c r="BWZ155" s="31"/>
      <c r="BXA155" s="31"/>
      <c r="BXB155" s="31"/>
      <c r="BXC155" s="31"/>
      <c r="BXD155" s="31"/>
      <c r="BXE155" s="31"/>
      <c r="BXF155" s="31"/>
      <c r="BXG155" s="31"/>
      <c r="BXH155" s="31"/>
      <c r="BXI155" s="31"/>
      <c r="BXJ155" s="31"/>
      <c r="BXK155" s="31"/>
      <c r="BXL155" s="31"/>
      <c r="BXM155" s="31"/>
      <c r="BXN155" s="31"/>
      <c r="BXO155" s="31"/>
      <c r="BXP155" s="31"/>
      <c r="BXQ155" s="31"/>
      <c r="BXR155" s="31"/>
      <c r="BXS155" s="31"/>
      <c r="BXT155" s="31"/>
      <c r="BXU155" s="31"/>
      <c r="BXV155" s="31"/>
      <c r="BXW155" s="31"/>
      <c r="BXX155" s="31"/>
      <c r="BXY155" s="31"/>
      <c r="BXZ155" s="31"/>
      <c r="BYA155" s="31"/>
      <c r="BYB155" s="31"/>
      <c r="BYC155" s="31"/>
      <c r="BYD155" s="31"/>
      <c r="BYE155" s="31"/>
      <c r="BYF155" s="31"/>
      <c r="BYG155" s="31"/>
      <c r="BYH155" s="31"/>
      <c r="BYI155" s="31"/>
      <c r="BYJ155" s="31"/>
      <c r="BYK155" s="31"/>
      <c r="BYL155" s="31"/>
      <c r="BYM155" s="31"/>
      <c r="BYN155" s="31"/>
      <c r="BYO155" s="31"/>
      <c r="BYP155" s="31"/>
      <c r="BYQ155" s="31"/>
      <c r="BYR155" s="31"/>
      <c r="BYS155" s="31"/>
      <c r="BYT155" s="31"/>
      <c r="BYU155" s="31"/>
      <c r="BYV155" s="31"/>
      <c r="BYW155" s="31"/>
      <c r="BYX155" s="31"/>
      <c r="BYY155" s="31"/>
      <c r="BYZ155" s="31"/>
      <c r="BZA155" s="31"/>
      <c r="BZB155" s="31"/>
      <c r="BZC155" s="31"/>
      <c r="BZD155" s="31"/>
      <c r="BZE155" s="31"/>
      <c r="BZF155" s="31"/>
      <c r="BZG155" s="31"/>
      <c r="BZH155" s="31"/>
      <c r="BZI155" s="31"/>
      <c r="BZJ155" s="31"/>
      <c r="BZK155" s="31"/>
      <c r="BZL155" s="31"/>
      <c r="BZM155" s="31"/>
      <c r="BZN155" s="31"/>
      <c r="BZO155" s="31"/>
      <c r="BZP155" s="31"/>
      <c r="BZQ155" s="31"/>
      <c r="BZR155" s="31"/>
      <c r="BZS155" s="31"/>
      <c r="BZT155" s="31"/>
      <c r="BZU155" s="31"/>
      <c r="BZV155" s="31"/>
      <c r="BZW155" s="31"/>
      <c r="BZX155" s="31"/>
      <c r="BZY155" s="31"/>
      <c r="BZZ155" s="31"/>
      <c r="CAA155" s="31"/>
      <c r="CAB155" s="31"/>
      <c r="CAC155" s="31"/>
      <c r="CAD155" s="31"/>
      <c r="CAE155" s="31"/>
      <c r="CAF155" s="31"/>
      <c r="CAG155" s="31"/>
      <c r="CAH155" s="31"/>
      <c r="CAI155" s="31"/>
      <c r="CAJ155" s="31"/>
      <c r="CAK155" s="31"/>
      <c r="CAL155" s="31"/>
      <c r="CAM155" s="31"/>
      <c r="CAN155" s="31"/>
      <c r="CAO155" s="31"/>
      <c r="CAP155" s="31"/>
      <c r="CAQ155" s="31"/>
      <c r="CAR155" s="31"/>
      <c r="CAS155" s="31"/>
      <c r="CAT155" s="31"/>
      <c r="CAU155" s="31"/>
      <c r="CAV155" s="31"/>
      <c r="CAW155" s="31"/>
      <c r="CAX155" s="31"/>
      <c r="CAY155" s="31"/>
      <c r="CAZ155" s="31"/>
      <c r="CBA155" s="31"/>
      <c r="CBB155" s="31"/>
      <c r="CBC155" s="31"/>
      <c r="CBD155" s="31"/>
      <c r="CBE155" s="31"/>
      <c r="CBF155" s="31"/>
      <c r="CBG155" s="31"/>
      <c r="CBH155" s="31"/>
      <c r="CBI155" s="31"/>
      <c r="CBJ155" s="31"/>
      <c r="CBK155" s="31"/>
      <c r="CBL155" s="31"/>
      <c r="CBM155" s="31"/>
      <c r="CBN155" s="31"/>
      <c r="CBO155" s="31"/>
      <c r="CBP155" s="31"/>
      <c r="CBQ155" s="31"/>
      <c r="CBR155" s="31"/>
      <c r="CBS155" s="31"/>
      <c r="CBT155" s="31"/>
      <c r="CBU155" s="31"/>
      <c r="CBV155" s="31"/>
      <c r="CBW155" s="31"/>
      <c r="CBX155" s="31"/>
      <c r="CBY155" s="31"/>
      <c r="CBZ155" s="31"/>
      <c r="CCA155" s="31"/>
      <c r="CCB155" s="31"/>
      <c r="CCC155" s="31"/>
      <c r="CCD155" s="31"/>
      <c r="CCE155" s="31"/>
      <c r="CCF155" s="31"/>
      <c r="CCG155" s="31"/>
      <c r="CCH155" s="31"/>
      <c r="CCI155" s="31"/>
      <c r="CCJ155" s="31"/>
      <c r="CCK155" s="31"/>
      <c r="CCL155" s="31"/>
      <c r="CCM155" s="31"/>
      <c r="CCN155" s="31"/>
      <c r="CCO155" s="31"/>
      <c r="CCP155" s="31"/>
      <c r="CCQ155" s="31"/>
      <c r="CCR155" s="31"/>
      <c r="CCS155" s="31"/>
      <c r="CCT155" s="31"/>
      <c r="CCU155" s="31"/>
      <c r="CCV155" s="31"/>
      <c r="CCW155" s="31"/>
      <c r="CCX155" s="31"/>
      <c r="CCY155" s="31"/>
      <c r="CCZ155" s="31"/>
      <c r="CDA155" s="31"/>
      <c r="CDB155" s="31"/>
      <c r="CDC155" s="31"/>
      <c r="CDD155" s="31"/>
      <c r="CDE155" s="31"/>
      <c r="CDF155" s="31"/>
      <c r="CDG155" s="31"/>
      <c r="CDH155" s="31"/>
      <c r="CDI155" s="31"/>
      <c r="CDJ155" s="31"/>
      <c r="CDK155" s="31"/>
      <c r="CDL155" s="31"/>
      <c r="CDM155" s="31"/>
      <c r="CDN155" s="31"/>
      <c r="CDO155" s="31"/>
      <c r="CDP155" s="31"/>
      <c r="CDQ155" s="31"/>
      <c r="CDR155" s="31"/>
      <c r="CDS155" s="31"/>
      <c r="CDT155" s="31"/>
      <c r="CDU155" s="31"/>
      <c r="CDV155" s="31"/>
      <c r="CDW155" s="31"/>
      <c r="CDX155" s="31"/>
      <c r="CDY155" s="31"/>
      <c r="CDZ155" s="31"/>
      <c r="CEA155" s="31"/>
      <c r="CEB155" s="31"/>
      <c r="CEC155" s="31"/>
      <c r="CED155" s="31"/>
      <c r="CEE155" s="31"/>
      <c r="CEF155" s="31"/>
      <c r="CEG155" s="31"/>
      <c r="CEH155" s="31"/>
      <c r="CEI155" s="31"/>
      <c r="CEJ155" s="31"/>
      <c r="CEK155" s="31"/>
      <c r="CEL155" s="31"/>
      <c r="CEM155" s="31"/>
      <c r="CEN155" s="31"/>
      <c r="CEO155" s="31"/>
      <c r="CEP155" s="31"/>
      <c r="CEQ155" s="31"/>
      <c r="CER155" s="31"/>
      <c r="CES155" s="31"/>
      <c r="CET155" s="31"/>
      <c r="CEU155" s="31"/>
      <c r="CEV155" s="31"/>
      <c r="CEW155" s="31"/>
      <c r="CEX155" s="31"/>
      <c r="CEY155" s="31"/>
      <c r="CEZ155" s="31"/>
      <c r="CFA155" s="31"/>
      <c r="CFB155" s="31"/>
      <c r="CFC155" s="31"/>
      <c r="CFD155" s="31"/>
      <c r="CFE155" s="31"/>
      <c r="CFF155" s="31"/>
      <c r="CFG155" s="31"/>
      <c r="CFH155" s="31"/>
      <c r="CFI155" s="31"/>
      <c r="CFJ155" s="31"/>
      <c r="CFK155" s="31"/>
      <c r="CFL155" s="31"/>
      <c r="CFM155" s="31"/>
      <c r="CFN155" s="31"/>
      <c r="CFO155" s="31"/>
      <c r="CFP155" s="31"/>
      <c r="CFQ155" s="31"/>
      <c r="CFR155" s="31"/>
      <c r="CFS155" s="31"/>
      <c r="CFT155" s="31"/>
      <c r="CFU155" s="31"/>
      <c r="CFV155" s="31"/>
      <c r="CFW155" s="31"/>
      <c r="CFX155" s="31"/>
      <c r="CFY155" s="31"/>
      <c r="CFZ155" s="31"/>
      <c r="CGA155" s="31"/>
      <c r="CGB155" s="31"/>
      <c r="CGC155" s="31"/>
      <c r="CGD155" s="31"/>
      <c r="CGE155" s="31"/>
      <c r="CGF155" s="31"/>
      <c r="CGG155" s="31"/>
      <c r="CGH155" s="31"/>
      <c r="CGI155" s="31"/>
      <c r="CGJ155" s="31"/>
      <c r="CGK155" s="31"/>
      <c r="CGL155" s="31"/>
      <c r="CGM155" s="31"/>
      <c r="CGN155" s="31"/>
      <c r="CGO155" s="31"/>
      <c r="CGP155" s="31"/>
      <c r="CGQ155" s="31"/>
      <c r="CGR155" s="31"/>
      <c r="CGS155" s="31"/>
      <c r="CGT155" s="31"/>
      <c r="CGU155" s="31"/>
      <c r="CGV155" s="31"/>
      <c r="CGW155" s="31"/>
      <c r="CGX155" s="31"/>
      <c r="CGY155" s="31"/>
      <c r="CGZ155" s="31"/>
      <c r="CHA155" s="31"/>
      <c r="CHB155" s="31"/>
      <c r="CHC155" s="31"/>
      <c r="CHD155" s="31"/>
      <c r="CHE155" s="31"/>
      <c r="CHF155" s="31"/>
      <c r="CHG155" s="31"/>
      <c r="CHH155" s="31"/>
      <c r="CHI155" s="31"/>
      <c r="CHJ155" s="31"/>
      <c r="CHK155" s="31"/>
      <c r="CHL155" s="31"/>
      <c r="CHM155" s="31"/>
      <c r="CHN155" s="31"/>
      <c r="CHO155" s="31"/>
      <c r="CHP155" s="31"/>
      <c r="CHQ155" s="31"/>
      <c r="CHR155" s="31"/>
      <c r="CHS155" s="31"/>
      <c r="CHT155" s="31"/>
      <c r="CHU155" s="31"/>
      <c r="CHV155" s="31"/>
      <c r="CHW155" s="31"/>
      <c r="CHX155" s="31"/>
      <c r="CHY155" s="31"/>
      <c r="CHZ155" s="31"/>
      <c r="CIA155" s="31"/>
      <c r="CIB155" s="31"/>
      <c r="CIC155" s="31"/>
      <c r="CID155" s="31"/>
      <c r="CIE155" s="31"/>
      <c r="CIF155" s="31"/>
      <c r="CIG155" s="31"/>
      <c r="CIH155" s="31"/>
      <c r="CII155" s="31"/>
      <c r="CIJ155" s="31"/>
      <c r="CIK155" s="31"/>
      <c r="CIL155" s="31"/>
      <c r="CIM155" s="31"/>
      <c r="CIN155" s="31"/>
      <c r="CIO155" s="31"/>
      <c r="CIP155" s="31"/>
      <c r="CIQ155" s="31"/>
      <c r="CIR155" s="31"/>
      <c r="CIS155" s="31"/>
      <c r="CIT155" s="31"/>
      <c r="CIU155" s="31"/>
      <c r="CIV155" s="31"/>
      <c r="CIW155" s="31"/>
      <c r="CIX155" s="31"/>
      <c r="CIY155" s="31"/>
      <c r="CIZ155" s="31"/>
      <c r="CJA155" s="31"/>
      <c r="CJB155" s="31"/>
      <c r="CJC155" s="31"/>
      <c r="CJD155" s="31"/>
      <c r="CJE155" s="31"/>
      <c r="CJF155" s="31"/>
      <c r="CJG155" s="31"/>
      <c r="CJH155" s="31"/>
      <c r="CJI155" s="31"/>
      <c r="CJJ155" s="31"/>
      <c r="CJK155" s="31"/>
      <c r="CJL155" s="31"/>
      <c r="CJM155" s="31"/>
      <c r="CJN155" s="31"/>
      <c r="CJO155" s="31"/>
      <c r="CJP155" s="31"/>
      <c r="CJQ155" s="31"/>
      <c r="CJR155" s="31"/>
      <c r="CJS155" s="31"/>
      <c r="CJT155" s="31"/>
      <c r="CJU155" s="31"/>
      <c r="CJV155" s="31"/>
      <c r="CJW155" s="31"/>
      <c r="CJX155" s="31"/>
      <c r="CJY155" s="31"/>
      <c r="CJZ155" s="31"/>
      <c r="CKA155" s="31"/>
      <c r="CKB155" s="31"/>
      <c r="CKC155" s="31"/>
      <c r="CKD155" s="31"/>
      <c r="CKE155" s="31"/>
      <c r="CKF155" s="31"/>
      <c r="CKG155" s="31"/>
      <c r="CKH155" s="31"/>
      <c r="CKI155" s="31"/>
      <c r="CKJ155" s="31"/>
      <c r="CKK155" s="31"/>
      <c r="CKL155" s="31"/>
      <c r="CKM155" s="31"/>
      <c r="CKN155" s="31"/>
      <c r="CKO155" s="31"/>
      <c r="CKP155" s="31"/>
      <c r="CKQ155" s="31"/>
      <c r="CKR155" s="31"/>
      <c r="CKS155" s="31"/>
      <c r="CKT155" s="31"/>
      <c r="CKU155" s="31"/>
      <c r="CKV155" s="31"/>
      <c r="CKW155" s="31"/>
      <c r="CKX155" s="31"/>
      <c r="CKY155" s="31"/>
      <c r="CKZ155" s="31"/>
      <c r="CLA155" s="31"/>
      <c r="CLB155" s="31"/>
      <c r="CLC155" s="31"/>
      <c r="CLD155" s="31"/>
      <c r="CLE155" s="31"/>
      <c r="CLF155" s="31"/>
      <c r="CLG155" s="31"/>
      <c r="CLH155" s="31"/>
      <c r="CLI155" s="31"/>
      <c r="CLJ155" s="31"/>
      <c r="CLK155" s="31"/>
      <c r="CLL155" s="31"/>
      <c r="CLM155" s="31"/>
      <c r="CLN155" s="31"/>
      <c r="CLO155" s="31"/>
      <c r="CLP155" s="31"/>
      <c r="CLQ155" s="31"/>
      <c r="CLR155" s="31"/>
      <c r="CLS155" s="31"/>
      <c r="CLT155" s="31"/>
      <c r="CLU155" s="31"/>
      <c r="CLV155" s="31"/>
      <c r="CLW155" s="31"/>
      <c r="CLX155" s="31"/>
      <c r="CLY155" s="31"/>
      <c r="CLZ155" s="31"/>
      <c r="CMA155" s="31"/>
      <c r="CMB155" s="31"/>
      <c r="CMC155" s="31"/>
      <c r="CMD155" s="31"/>
      <c r="CME155" s="31"/>
      <c r="CMF155" s="31"/>
      <c r="CMG155" s="31"/>
      <c r="CMH155" s="31"/>
      <c r="CMI155" s="31"/>
      <c r="CMJ155" s="31"/>
      <c r="CMK155" s="31"/>
      <c r="CML155" s="31"/>
      <c r="CMM155" s="31"/>
      <c r="CMN155" s="31"/>
      <c r="CMO155" s="31"/>
      <c r="CMP155" s="31"/>
      <c r="CMQ155" s="31"/>
      <c r="CMR155" s="31"/>
      <c r="CMS155" s="31"/>
      <c r="CMT155" s="31"/>
      <c r="CMU155" s="31"/>
      <c r="CMV155" s="31"/>
      <c r="CMW155" s="31"/>
      <c r="CMX155" s="31"/>
      <c r="CMY155" s="31"/>
      <c r="CMZ155" s="31"/>
      <c r="CNA155" s="31"/>
      <c r="CNB155" s="31"/>
      <c r="CNC155" s="31"/>
      <c r="CND155" s="31"/>
      <c r="CNE155" s="31"/>
      <c r="CNF155" s="31"/>
      <c r="CNG155" s="31"/>
      <c r="CNH155" s="31"/>
      <c r="CNI155" s="31"/>
      <c r="CNJ155" s="31"/>
      <c r="CNK155" s="31"/>
      <c r="CNL155" s="31"/>
      <c r="CNM155" s="31"/>
      <c r="CNN155" s="31"/>
      <c r="CNO155" s="31"/>
      <c r="CNP155" s="31"/>
      <c r="CNQ155" s="31"/>
      <c r="CNR155" s="31"/>
      <c r="CNS155" s="31"/>
      <c r="CNT155" s="31"/>
      <c r="CNU155" s="31"/>
      <c r="CNV155" s="31"/>
      <c r="CNW155" s="31"/>
      <c r="CNX155" s="31"/>
      <c r="CNY155" s="31"/>
      <c r="CNZ155" s="31"/>
      <c r="COA155" s="31"/>
      <c r="COB155" s="31"/>
      <c r="COC155" s="31"/>
      <c r="COD155" s="31"/>
      <c r="COE155" s="31"/>
      <c r="COF155" s="31"/>
      <c r="COG155" s="31"/>
      <c r="COH155" s="31"/>
      <c r="COI155" s="31"/>
      <c r="COJ155" s="31"/>
      <c r="COK155" s="31"/>
      <c r="COL155" s="31"/>
      <c r="COM155" s="31"/>
      <c r="CON155" s="31"/>
      <c r="COO155" s="31"/>
      <c r="COP155" s="31"/>
      <c r="COQ155" s="31"/>
      <c r="COR155" s="31"/>
      <c r="COS155" s="31"/>
      <c r="COT155" s="31"/>
      <c r="COU155" s="31"/>
      <c r="COV155" s="31"/>
      <c r="COW155" s="31"/>
      <c r="COX155" s="31"/>
      <c r="COY155" s="31"/>
      <c r="COZ155" s="31"/>
      <c r="CPA155" s="31"/>
      <c r="CPB155" s="31"/>
      <c r="CPC155" s="31"/>
      <c r="CPD155" s="31"/>
      <c r="CPE155" s="31"/>
      <c r="CPF155" s="31"/>
      <c r="CPG155" s="31"/>
      <c r="CPH155" s="31"/>
      <c r="CPI155" s="31"/>
      <c r="CPJ155" s="31"/>
      <c r="CPK155" s="31"/>
      <c r="CPL155" s="31"/>
      <c r="CPM155" s="31"/>
      <c r="CPN155" s="31"/>
      <c r="CPO155" s="31"/>
      <c r="CPP155" s="31"/>
      <c r="CPQ155" s="31"/>
      <c r="CPR155" s="31"/>
      <c r="CPS155" s="31"/>
      <c r="CPT155" s="31"/>
      <c r="CPU155" s="31"/>
      <c r="CPV155" s="31"/>
      <c r="CPW155" s="31"/>
      <c r="CPX155" s="31"/>
      <c r="CPY155" s="31"/>
      <c r="CPZ155" s="31"/>
      <c r="CQA155" s="31"/>
      <c r="CQB155" s="31"/>
      <c r="CQC155" s="31"/>
      <c r="CQD155" s="31"/>
      <c r="CQE155" s="31"/>
      <c r="CQF155" s="31"/>
      <c r="CQG155" s="31"/>
      <c r="CQH155" s="31"/>
      <c r="CQI155" s="31"/>
      <c r="CQJ155" s="31"/>
      <c r="CQK155" s="31"/>
      <c r="CQL155" s="31"/>
      <c r="CQM155" s="31"/>
      <c r="CQN155" s="31"/>
      <c r="CQO155" s="31"/>
      <c r="CQP155" s="31"/>
      <c r="CQQ155" s="31"/>
      <c r="CQR155" s="31"/>
      <c r="CQS155" s="31"/>
      <c r="CQT155" s="31"/>
      <c r="CQU155" s="31"/>
      <c r="CQV155" s="31"/>
      <c r="CQW155" s="31"/>
      <c r="CQX155" s="31"/>
      <c r="CQY155" s="31"/>
      <c r="CQZ155" s="31"/>
      <c r="CRA155" s="31"/>
      <c r="CRB155" s="31"/>
      <c r="CRC155" s="31"/>
      <c r="CRD155" s="31"/>
      <c r="CRE155" s="31"/>
      <c r="CRF155" s="31"/>
      <c r="CRG155" s="31"/>
      <c r="CRH155" s="31"/>
      <c r="CRI155" s="31"/>
      <c r="CRJ155" s="31"/>
      <c r="CRK155" s="31"/>
      <c r="CRL155" s="31"/>
      <c r="CRM155" s="31"/>
      <c r="CRN155" s="31"/>
      <c r="CRO155" s="31"/>
      <c r="CRP155" s="31"/>
      <c r="CRQ155" s="31"/>
      <c r="CRR155" s="31"/>
      <c r="CRS155" s="31"/>
      <c r="CRT155" s="31"/>
      <c r="CRU155" s="31"/>
      <c r="CRV155" s="31"/>
      <c r="CRW155" s="31"/>
      <c r="CRX155" s="31"/>
      <c r="CRY155" s="31"/>
      <c r="CRZ155" s="31"/>
      <c r="CSA155" s="31"/>
      <c r="CSB155" s="31"/>
      <c r="CSC155" s="31"/>
      <c r="CSD155" s="31"/>
      <c r="CSE155" s="31"/>
      <c r="CSF155" s="31"/>
      <c r="CSG155" s="31"/>
      <c r="CSH155" s="31"/>
      <c r="CSI155" s="31"/>
      <c r="CSJ155" s="31"/>
      <c r="CSK155" s="31"/>
      <c r="CSL155" s="31"/>
      <c r="CSM155" s="31"/>
      <c r="CSN155" s="31"/>
      <c r="CSO155" s="31"/>
      <c r="CSP155" s="31"/>
      <c r="CSQ155" s="31"/>
      <c r="CSR155" s="31"/>
      <c r="CSS155" s="31"/>
      <c r="CST155" s="31"/>
      <c r="CSU155" s="31"/>
      <c r="CSV155" s="31"/>
      <c r="CSW155" s="31"/>
      <c r="CSX155" s="31"/>
      <c r="CSY155" s="31"/>
      <c r="CSZ155" s="31"/>
      <c r="CTA155" s="31"/>
      <c r="CTB155" s="31"/>
      <c r="CTC155" s="31"/>
      <c r="CTD155" s="31"/>
      <c r="CTE155" s="31"/>
      <c r="CTF155" s="31"/>
      <c r="CTG155" s="31"/>
      <c r="CTH155" s="31"/>
      <c r="CTI155" s="31"/>
      <c r="CTJ155" s="31"/>
      <c r="CTK155" s="31"/>
      <c r="CTL155" s="31"/>
      <c r="CTM155" s="31"/>
      <c r="CTN155" s="31"/>
      <c r="CTO155" s="31"/>
      <c r="CTP155" s="31"/>
      <c r="CTQ155" s="31"/>
      <c r="CTR155" s="31"/>
      <c r="CTS155" s="31"/>
      <c r="CTT155" s="31"/>
      <c r="CTU155" s="31"/>
      <c r="CTV155" s="31"/>
      <c r="CTW155" s="31"/>
      <c r="CTX155" s="31"/>
      <c r="CTY155" s="31"/>
      <c r="CTZ155" s="31"/>
      <c r="CUA155" s="31"/>
      <c r="CUB155" s="31"/>
      <c r="CUC155" s="31"/>
      <c r="CUD155" s="31"/>
      <c r="CUE155" s="31"/>
      <c r="CUF155" s="31"/>
      <c r="CUG155" s="31"/>
      <c r="CUH155" s="31"/>
      <c r="CUI155" s="31"/>
      <c r="CUJ155" s="31"/>
      <c r="CUK155" s="31"/>
      <c r="CUL155" s="31"/>
      <c r="CUM155" s="31"/>
      <c r="CUN155" s="31"/>
      <c r="CUO155" s="31"/>
      <c r="CUP155" s="31"/>
      <c r="CUQ155" s="31"/>
      <c r="CUR155" s="31"/>
      <c r="CUS155" s="31"/>
      <c r="CUT155" s="31"/>
      <c r="CUU155" s="31"/>
      <c r="CUV155" s="31"/>
      <c r="CUW155" s="31"/>
      <c r="CUX155" s="31"/>
      <c r="CUY155" s="31"/>
      <c r="CUZ155" s="31"/>
      <c r="CVA155" s="31"/>
      <c r="CVB155" s="31"/>
      <c r="CVC155" s="31"/>
      <c r="CVD155" s="31"/>
      <c r="CVE155" s="31"/>
      <c r="CVF155" s="31"/>
      <c r="CVG155" s="31"/>
      <c r="CVH155" s="31"/>
      <c r="CVI155" s="31"/>
      <c r="CVJ155" s="31"/>
      <c r="CVK155" s="31"/>
      <c r="CVL155" s="31"/>
      <c r="CVM155" s="31"/>
      <c r="CVN155" s="31"/>
      <c r="CVO155" s="31"/>
      <c r="CVP155" s="31"/>
      <c r="CVQ155" s="31"/>
      <c r="CVR155" s="31"/>
      <c r="CVS155" s="31"/>
      <c r="CVT155" s="31"/>
      <c r="CVU155" s="31"/>
      <c r="CVV155" s="31"/>
      <c r="CVW155" s="31"/>
      <c r="CVX155" s="31"/>
      <c r="CVY155" s="31"/>
      <c r="CVZ155" s="31"/>
      <c r="CWA155" s="31"/>
      <c r="CWB155" s="31"/>
      <c r="CWC155" s="31"/>
      <c r="CWD155" s="31"/>
      <c r="CWE155" s="31"/>
      <c r="CWF155" s="31"/>
      <c r="CWG155" s="31"/>
      <c r="CWH155" s="31"/>
      <c r="CWI155" s="31"/>
      <c r="CWJ155" s="31"/>
      <c r="CWK155" s="31"/>
      <c r="CWL155" s="31"/>
      <c r="CWM155" s="31"/>
      <c r="CWN155" s="31"/>
      <c r="CWO155" s="31"/>
      <c r="CWP155" s="31"/>
      <c r="CWQ155" s="31"/>
      <c r="CWR155" s="31"/>
      <c r="CWS155" s="31"/>
      <c r="CWT155" s="31"/>
      <c r="CWU155" s="31"/>
      <c r="CWV155" s="31"/>
      <c r="CWW155" s="31"/>
      <c r="CWX155" s="31"/>
      <c r="CWY155" s="31"/>
      <c r="CWZ155" s="31"/>
      <c r="CXA155" s="31"/>
      <c r="CXB155" s="31"/>
      <c r="CXC155" s="31"/>
      <c r="CXD155" s="31"/>
      <c r="CXE155" s="31"/>
      <c r="CXF155" s="31"/>
      <c r="CXG155" s="31"/>
      <c r="CXH155" s="31"/>
      <c r="CXI155" s="31"/>
      <c r="CXJ155" s="31"/>
      <c r="CXK155" s="31"/>
      <c r="CXL155" s="31"/>
      <c r="CXM155" s="31"/>
      <c r="CXN155" s="31"/>
      <c r="CXO155" s="31"/>
      <c r="CXP155" s="31"/>
      <c r="CXQ155" s="31"/>
      <c r="CXR155" s="31"/>
      <c r="CXS155" s="31"/>
      <c r="CXT155" s="31"/>
      <c r="CXU155" s="31"/>
      <c r="CXV155" s="31"/>
      <c r="CXW155" s="31"/>
      <c r="CXX155" s="31"/>
      <c r="CXY155" s="31"/>
      <c r="CXZ155" s="31"/>
      <c r="CYA155" s="31"/>
      <c r="CYB155" s="31"/>
      <c r="CYC155" s="31"/>
      <c r="CYD155" s="31"/>
      <c r="CYE155" s="31"/>
      <c r="CYF155" s="31"/>
      <c r="CYG155" s="31"/>
      <c r="CYH155" s="31"/>
      <c r="CYI155" s="31"/>
      <c r="CYJ155" s="31"/>
      <c r="CYK155" s="31"/>
      <c r="CYL155" s="31"/>
      <c r="CYM155" s="31"/>
      <c r="CYN155" s="31"/>
      <c r="CYO155" s="31"/>
      <c r="CYP155" s="31"/>
      <c r="CYQ155" s="31"/>
      <c r="CYR155" s="31"/>
      <c r="CYS155" s="31"/>
      <c r="CYT155" s="31"/>
      <c r="CYU155" s="31"/>
      <c r="CYV155" s="31"/>
      <c r="CYW155" s="31"/>
      <c r="CYX155" s="31"/>
      <c r="CYY155" s="31"/>
      <c r="CYZ155" s="31"/>
      <c r="CZA155" s="31"/>
      <c r="CZB155" s="31"/>
      <c r="CZC155" s="31"/>
      <c r="CZD155" s="31"/>
      <c r="CZE155" s="31"/>
      <c r="CZF155" s="31"/>
      <c r="CZG155" s="31"/>
      <c r="CZH155" s="31"/>
      <c r="CZI155" s="31"/>
      <c r="CZJ155" s="31"/>
      <c r="CZK155" s="31"/>
      <c r="CZL155" s="31"/>
      <c r="CZM155" s="31"/>
      <c r="CZN155" s="31"/>
      <c r="CZO155" s="31"/>
      <c r="CZP155" s="31"/>
      <c r="CZQ155" s="31"/>
      <c r="CZR155" s="31"/>
      <c r="CZS155" s="31"/>
      <c r="CZT155" s="31"/>
      <c r="CZU155" s="31"/>
      <c r="CZV155" s="31"/>
      <c r="CZW155" s="31"/>
      <c r="CZX155" s="31"/>
      <c r="CZY155" s="31"/>
      <c r="CZZ155" s="31"/>
      <c r="DAA155" s="31"/>
      <c r="DAB155" s="31"/>
      <c r="DAC155" s="31"/>
      <c r="DAD155" s="31"/>
      <c r="DAE155" s="31"/>
      <c r="DAF155" s="31"/>
      <c r="DAG155" s="31"/>
      <c r="DAH155" s="31"/>
      <c r="DAI155" s="31"/>
      <c r="DAJ155" s="31"/>
      <c r="DAK155" s="31"/>
      <c r="DAL155" s="31"/>
      <c r="DAM155" s="31"/>
      <c r="DAN155" s="31"/>
      <c r="DAO155" s="31"/>
      <c r="DAP155" s="31"/>
      <c r="DAQ155" s="31"/>
      <c r="DAR155" s="31"/>
      <c r="DAS155" s="31"/>
      <c r="DAT155" s="31"/>
      <c r="DAU155" s="31"/>
      <c r="DAV155" s="31"/>
      <c r="DAW155" s="31"/>
      <c r="DAX155" s="31"/>
      <c r="DAY155" s="31"/>
      <c r="DAZ155" s="31"/>
      <c r="DBA155" s="31"/>
      <c r="DBB155" s="31"/>
      <c r="DBC155" s="31"/>
      <c r="DBD155" s="31"/>
      <c r="DBE155" s="31"/>
      <c r="DBF155" s="31"/>
      <c r="DBG155" s="31"/>
      <c r="DBH155" s="31"/>
      <c r="DBI155" s="31"/>
      <c r="DBJ155" s="31"/>
      <c r="DBK155" s="31"/>
      <c r="DBL155" s="31"/>
      <c r="DBM155" s="31"/>
      <c r="DBN155" s="31"/>
      <c r="DBO155" s="31"/>
      <c r="DBP155" s="31"/>
      <c r="DBQ155" s="31"/>
      <c r="DBR155" s="31"/>
      <c r="DBS155" s="31"/>
      <c r="DBT155" s="31"/>
      <c r="DBU155" s="31"/>
      <c r="DBV155" s="31"/>
      <c r="DBW155" s="31"/>
      <c r="DBX155" s="31"/>
      <c r="DBY155" s="31"/>
      <c r="DBZ155" s="31"/>
      <c r="DCA155" s="31"/>
      <c r="DCB155" s="31"/>
      <c r="DCC155" s="31"/>
      <c r="DCD155" s="31"/>
      <c r="DCE155" s="31"/>
      <c r="DCF155" s="31"/>
      <c r="DCG155" s="31"/>
      <c r="DCH155" s="31"/>
      <c r="DCI155" s="31"/>
      <c r="DCJ155" s="31"/>
      <c r="DCK155" s="31"/>
      <c r="DCL155" s="31"/>
      <c r="DCM155" s="31"/>
      <c r="DCN155" s="31"/>
      <c r="DCO155" s="31"/>
      <c r="DCP155" s="31"/>
      <c r="DCQ155" s="31"/>
      <c r="DCR155" s="31"/>
      <c r="DCS155" s="31"/>
      <c r="DCT155" s="31"/>
      <c r="DCU155" s="31"/>
      <c r="DCV155" s="31"/>
      <c r="DCW155" s="31"/>
      <c r="DCX155" s="31"/>
      <c r="DCY155" s="31"/>
      <c r="DCZ155" s="31"/>
      <c r="DDA155" s="31"/>
      <c r="DDB155" s="31"/>
      <c r="DDC155" s="31"/>
      <c r="DDD155" s="31"/>
      <c r="DDE155" s="31"/>
      <c r="DDF155" s="31"/>
      <c r="DDG155" s="31"/>
      <c r="DDH155" s="31"/>
      <c r="DDI155" s="31"/>
      <c r="DDJ155" s="31"/>
      <c r="DDK155" s="31"/>
      <c r="DDL155" s="31"/>
      <c r="DDM155" s="31"/>
      <c r="DDN155" s="31"/>
      <c r="DDO155" s="31"/>
      <c r="DDP155" s="31"/>
      <c r="DDQ155" s="31"/>
      <c r="DDR155" s="31"/>
      <c r="DDS155" s="31"/>
      <c r="DDT155" s="31"/>
      <c r="DDU155" s="31"/>
      <c r="DDV155" s="31"/>
      <c r="DDW155" s="31"/>
      <c r="DDX155" s="31"/>
      <c r="DDY155" s="31"/>
      <c r="DDZ155" s="31"/>
      <c r="DEA155" s="31"/>
      <c r="DEB155" s="31"/>
      <c r="DEC155" s="31"/>
      <c r="DED155" s="31"/>
      <c r="DEE155" s="31"/>
      <c r="DEF155" s="31"/>
      <c r="DEG155" s="31"/>
      <c r="DEH155" s="31"/>
      <c r="DEI155" s="31"/>
      <c r="DEJ155" s="31"/>
      <c r="DEK155" s="31"/>
      <c r="DEL155" s="31"/>
      <c r="DEM155" s="31"/>
      <c r="DEN155" s="31"/>
      <c r="DEO155" s="31"/>
      <c r="DEP155" s="31"/>
      <c r="DEQ155" s="31"/>
      <c r="DER155" s="31"/>
      <c r="DES155" s="31"/>
      <c r="DET155" s="31"/>
      <c r="DEU155" s="31"/>
      <c r="DEV155" s="31"/>
      <c r="DEW155" s="31"/>
      <c r="DEX155" s="31"/>
      <c r="DEY155" s="31"/>
      <c r="DEZ155" s="31"/>
      <c r="DFA155" s="31"/>
      <c r="DFB155" s="31"/>
      <c r="DFC155" s="31"/>
      <c r="DFD155" s="31"/>
      <c r="DFE155" s="31"/>
      <c r="DFF155" s="31"/>
      <c r="DFG155" s="31"/>
      <c r="DFH155" s="31"/>
      <c r="DFI155" s="31"/>
      <c r="DFJ155" s="31"/>
      <c r="DFK155" s="31"/>
      <c r="DFL155" s="31"/>
      <c r="DFM155" s="31"/>
      <c r="DFN155" s="31"/>
      <c r="DFO155" s="31"/>
      <c r="DFP155" s="31"/>
      <c r="DFQ155" s="31"/>
      <c r="DFR155" s="31"/>
      <c r="DFS155" s="31"/>
      <c r="DFT155" s="31"/>
      <c r="DFU155" s="31"/>
      <c r="DFV155" s="31"/>
      <c r="DFW155" s="31"/>
      <c r="DFX155" s="31"/>
      <c r="DFY155" s="31"/>
      <c r="DFZ155" s="31"/>
      <c r="DGA155" s="31"/>
      <c r="DGB155" s="31"/>
      <c r="DGC155" s="31"/>
      <c r="DGD155" s="31"/>
      <c r="DGE155" s="31"/>
      <c r="DGF155" s="31"/>
      <c r="DGG155" s="31"/>
      <c r="DGH155" s="31"/>
      <c r="DGI155" s="31"/>
      <c r="DGJ155" s="31"/>
      <c r="DGK155" s="31"/>
      <c r="DGL155" s="31"/>
      <c r="DGM155" s="31"/>
      <c r="DGN155" s="31"/>
      <c r="DGO155" s="31"/>
      <c r="DGP155" s="31"/>
      <c r="DGQ155" s="31"/>
      <c r="DGR155" s="31"/>
      <c r="DGS155" s="31"/>
      <c r="DGT155" s="31"/>
      <c r="DGU155" s="31"/>
      <c r="DGV155" s="31"/>
      <c r="DGW155" s="31"/>
      <c r="DGX155" s="31"/>
      <c r="DGY155" s="31"/>
      <c r="DGZ155" s="31"/>
      <c r="DHA155" s="31"/>
      <c r="DHB155" s="31"/>
      <c r="DHC155" s="31"/>
      <c r="DHD155" s="31"/>
      <c r="DHE155" s="31"/>
      <c r="DHF155" s="31"/>
      <c r="DHG155" s="31"/>
      <c r="DHH155" s="31"/>
      <c r="DHI155" s="31"/>
      <c r="DHJ155" s="31"/>
      <c r="DHK155" s="31"/>
      <c r="DHL155" s="31"/>
      <c r="DHM155" s="31"/>
      <c r="DHN155" s="31"/>
      <c r="DHO155" s="31"/>
      <c r="DHP155" s="31"/>
      <c r="DHQ155" s="31"/>
      <c r="DHR155" s="31"/>
      <c r="DHS155" s="31"/>
      <c r="DHT155" s="31"/>
      <c r="DHU155" s="31"/>
      <c r="DHV155" s="31"/>
      <c r="DHW155" s="31"/>
      <c r="DHX155" s="31"/>
      <c r="DHY155" s="31"/>
      <c r="DHZ155" s="31"/>
      <c r="DIA155" s="31"/>
      <c r="DIB155" s="31"/>
      <c r="DIC155" s="31"/>
      <c r="DID155" s="31"/>
      <c r="DIE155" s="31"/>
      <c r="DIF155" s="31"/>
      <c r="DIG155" s="31"/>
      <c r="DIH155" s="31"/>
      <c r="DII155" s="31"/>
      <c r="DIJ155" s="31"/>
      <c r="DIK155" s="31"/>
      <c r="DIL155" s="31"/>
      <c r="DIM155" s="31"/>
      <c r="DIN155" s="31"/>
      <c r="DIO155" s="31"/>
      <c r="DIP155" s="31"/>
      <c r="DIQ155" s="31"/>
      <c r="DIR155" s="31"/>
      <c r="DIS155" s="31"/>
      <c r="DIT155" s="31"/>
      <c r="DIU155" s="31"/>
      <c r="DIV155" s="31"/>
      <c r="DIW155" s="31"/>
      <c r="DIX155" s="31"/>
      <c r="DIY155" s="31"/>
      <c r="DIZ155" s="31"/>
      <c r="DJA155" s="31"/>
      <c r="DJB155" s="31"/>
      <c r="DJC155" s="31"/>
      <c r="DJD155" s="31"/>
      <c r="DJE155" s="31"/>
      <c r="DJF155" s="31"/>
      <c r="DJG155" s="31"/>
      <c r="DJH155" s="31"/>
      <c r="DJI155" s="31"/>
      <c r="DJJ155" s="31"/>
      <c r="DJK155" s="31"/>
      <c r="DJL155" s="31"/>
      <c r="DJM155" s="31"/>
      <c r="DJN155" s="31"/>
      <c r="DJO155" s="31"/>
      <c r="DJP155" s="31"/>
      <c r="DJQ155" s="31"/>
      <c r="DJR155" s="31"/>
      <c r="DJS155" s="31"/>
      <c r="DJT155" s="31"/>
      <c r="DJU155" s="31"/>
      <c r="DJV155" s="31"/>
      <c r="DJW155" s="31"/>
      <c r="DJX155" s="31"/>
      <c r="DJY155" s="31"/>
      <c r="DJZ155" s="31"/>
      <c r="DKA155" s="31"/>
      <c r="DKB155" s="31"/>
      <c r="DKC155" s="31"/>
      <c r="DKD155" s="31"/>
      <c r="DKE155" s="31"/>
      <c r="DKF155" s="31"/>
      <c r="DKG155" s="31"/>
      <c r="DKH155" s="31"/>
      <c r="DKI155" s="31"/>
      <c r="DKJ155" s="31"/>
      <c r="DKK155" s="31"/>
      <c r="DKL155" s="31"/>
      <c r="DKM155" s="31"/>
      <c r="DKN155" s="31"/>
      <c r="DKO155" s="31"/>
      <c r="DKP155" s="31"/>
      <c r="DKQ155" s="31"/>
      <c r="DKR155" s="31"/>
      <c r="DKS155" s="31"/>
      <c r="DKT155" s="31"/>
      <c r="DKU155" s="31"/>
      <c r="DKV155" s="31"/>
      <c r="DKW155" s="31"/>
      <c r="DKX155" s="31"/>
      <c r="DKY155" s="31"/>
      <c r="DKZ155" s="31"/>
      <c r="DLA155" s="31"/>
      <c r="DLB155" s="31"/>
      <c r="DLC155" s="31"/>
      <c r="DLD155" s="31"/>
      <c r="DLE155" s="31"/>
      <c r="DLF155" s="31"/>
      <c r="DLG155" s="31"/>
      <c r="DLH155" s="31"/>
      <c r="DLI155" s="31"/>
      <c r="DLJ155" s="31"/>
      <c r="DLK155" s="31"/>
      <c r="DLL155" s="31"/>
      <c r="DLM155" s="31"/>
      <c r="DLN155" s="31"/>
      <c r="DLO155" s="31"/>
      <c r="DLP155" s="31"/>
      <c r="DLQ155" s="31"/>
      <c r="DLR155" s="31"/>
      <c r="DLS155" s="31"/>
      <c r="DLT155" s="31"/>
      <c r="DLU155" s="31"/>
      <c r="DLV155" s="31"/>
      <c r="DLW155" s="31"/>
      <c r="DLX155" s="31"/>
      <c r="DLY155" s="31"/>
      <c r="DLZ155" s="31"/>
      <c r="DMA155" s="31"/>
      <c r="DMB155" s="31"/>
      <c r="DMC155" s="31"/>
      <c r="DMD155" s="31"/>
      <c r="DME155" s="31"/>
      <c r="DMF155" s="31"/>
      <c r="DMG155" s="31"/>
      <c r="DMH155" s="31"/>
      <c r="DMI155" s="31"/>
      <c r="DMJ155" s="31"/>
      <c r="DMK155" s="31"/>
      <c r="DML155" s="31"/>
      <c r="DMM155" s="31"/>
      <c r="DMN155" s="31"/>
      <c r="DMO155" s="31"/>
      <c r="DMP155" s="31"/>
      <c r="DMQ155" s="31"/>
      <c r="DMR155" s="31"/>
      <c r="DMS155" s="31"/>
      <c r="DMT155" s="31"/>
      <c r="DMU155" s="31"/>
      <c r="DMV155" s="31"/>
      <c r="DMW155" s="31"/>
      <c r="DMX155" s="31"/>
      <c r="DMY155" s="31"/>
      <c r="DMZ155" s="31"/>
      <c r="DNA155" s="31"/>
      <c r="DNB155" s="31"/>
      <c r="DNC155" s="31"/>
      <c r="DND155" s="31"/>
      <c r="DNE155" s="31"/>
      <c r="DNF155" s="31"/>
      <c r="DNG155" s="31"/>
      <c r="DNH155" s="31"/>
      <c r="DNI155" s="31"/>
      <c r="DNJ155" s="31"/>
      <c r="DNK155" s="31"/>
      <c r="DNL155" s="31"/>
      <c r="DNM155" s="31"/>
      <c r="DNN155" s="31"/>
      <c r="DNO155" s="31"/>
      <c r="DNP155" s="31"/>
      <c r="DNQ155" s="31"/>
      <c r="DNR155" s="31"/>
      <c r="DNS155" s="31"/>
      <c r="DNT155" s="31"/>
      <c r="DNU155" s="31"/>
      <c r="DNV155" s="31"/>
      <c r="DNW155" s="31"/>
      <c r="DNX155" s="31"/>
      <c r="DNY155" s="31"/>
      <c r="DNZ155" s="31"/>
      <c r="DOA155" s="31"/>
      <c r="DOB155" s="31"/>
      <c r="DOC155" s="31"/>
      <c r="DOD155" s="31"/>
      <c r="DOE155" s="31"/>
      <c r="DOF155" s="31"/>
      <c r="DOG155" s="31"/>
      <c r="DOH155" s="31"/>
      <c r="DOI155" s="31"/>
      <c r="DOJ155" s="31"/>
      <c r="DOK155" s="31"/>
      <c r="DOL155" s="31"/>
      <c r="DOM155" s="31"/>
      <c r="DON155" s="31"/>
      <c r="DOO155" s="31"/>
      <c r="DOP155" s="31"/>
      <c r="DOQ155" s="31"/>
      <c r="DOR155" s="31"/>
      <c r="DOS155" s="31"/>
      <c r="DOT155" s="31"/>
      <c r="DOU155" s="31"/>
      <c r="DOV155" s="31"/>
      <c r="DOW155" s="31"/>
      <c r="DOX155" s="31"/>
      <c r="DOY155" s="31"/>
      <c r="DOZ155" s="31"/>
      <c r="DPA155" s="31"/>
      <c r="DPB155" s="31"/>
      <c r="DPC155" s="31"/>
      <c r="DPD155" s="31"/>
      <c r="DPE155" s="31"/>
      <c r="DPF155" s="31"/>
      <c r="DPG155" s="31"/>
      <c r="DPH155" s="31"/>
      <c r="DPI155" s="31"/>
      <c r="DPJ155" s="31"/>
      <c r="DPK155" s="31"/>
      <c r="DPL155" s="31"/>
      <c r="DPM155" s="31"/>
      <c r="DPN155" s="31"/>
      <c r="DPO155" s="31"/>
      <c r="DPP155" s="31"/>
      <c r="DPQ155" s="31"/>
      <c r="DPR155" s="31"/>
      <c r="DPS155" s="31"/>
      <c r="DPT155" s="31"/>
      <c r="DPU155" s="31"/>
      <c r="DPV155" s="31"/>
      <c r="DPW155" s="31"/>
      <c r="DPX155" s="31"/>
      <c r="DPY155" s="31"/>
      <c r="DPZ155" s="31"/>
      <c r="DQA155" s="31"/>
      <c r="DQB155" s="31"/>
      <c r="DQC155" s="31"/>
      <c r="DQD155" s="31"/>
      <c r="DQE155" s="31"/>
      <c r="DQF155" s="31"/>
      <c r="DQG155" s="31"/>
      <c r="DQH155" s="31"/>
      <c r="DQI155" s="31"/>
      <c r="DQJ155" s="31"/>
      <c r="DQK155" s="31"/>
      <c r="DQL155" s="31"/>
      <c r="DQM155" s="31"/>
      <c r="DQN155" s="31"/>
      <c r="DQO155" s="31"/>
      <c r="DQP155" s="31"/>
      <c r="DQQ155" s="31"/>
      <c r="DQR155" s="31"/>
      <c r="DQS155" s="31"/>
      <c r="DQT155" s="31"/>
      <c r="DQU155" s="31"/>
      <c r="DQV155" s="31"/>
      <c r="DQW155" s="31"/>
      <c r="DQX155" s="31"/>
      <c r="DQY155" s="31"/>
      <c r="DQZ155" s="31"/>
      <c r="DRA155" s="31"/>
      <c r="DRB155" s="31"/>
      <c r="DRC155" s="31"/>
      <c r="DRD155" s="31"/>
      <c r="DRE155" s="31"/>
      <c r="DRF155" s="31"/>
      <c r="DRG155" s="31"/>
      <c r="DRH155" s="31"/>
      <c r="DRI155" s="31"/>
      <c r="DRJ155" s="31"/>
      <c r="DRK155" s="31"/>
      <c r="DRL155" s="31"/>
      <c r="DRM155" s="31"/>
      <c r="DRN155" s="31"/>
      <c r="DRO155" s="31"/>
      <c r="DRP155" s="31"/>
      <c r="DRQ155" s="31"/>
      <c r="DRR155" s="31"/>
      <c r="DRS155" s="31"/>
      <c r="DRT155" s="31"/>
      <c r="DRU155" s="31"/>
      <c r="DRV155" s="31"/>
      <c r="DRW155" s="31"/>
      <c r="DRX155" s="31"/>
      <c r="DRY155" s="31"/>
      <c r="DRZ155" s="31"/>
      <c r="DSA155" s="31"/>
      <c r="DSB155" s="31"/>
      <c r="DSC155" s="31"/>
      <c r="DSD155" s="31"/>
      <c r="DSE155" s="31"/>
      <c r="DSF155" s="31"/>
      <c r="DSG155" s="31"/>
      <c r="DSH155" s="31"/>
      <c r="DSI155" s="31"/>
      <c r="DSJ155" s="31"/>
      <c r="DSK155" s="31"/>
      <c r="DSL155" s="31"/>
      <c r="DSM155" s="31"/>
      <c r="DSN155" s="31"/>
      <c r="DSO155" s="31"/>
      <c r="DSP155" s="31"/>
      <c r="DSQ155" s="31"/>
      <c r="DSR155" s="31"/>
      <c r="DSS155" s="31"/>
      <c r="DST155" s="31"/>
      <c r="DSU155" s="31"/>
      <c r="DSV155" s="31"/>
      <c r="DSW155" s="31"/>
      <c r="DSX155" s="31"/>
      <c r="DSY155" s="31"/>
      <c r="DSZ155" s="31"/>
      <c r="DTA155" s="31"/>
      <c r="DTB155" s="31"/>
      <c r="DTC155" s="31"/>
      <c r="DTD155" s="31"/>
      <c r="DTE155" s="31"/>
      <c r="DTF155" s="31"/>
      <c r="DTG155" s="31"/>
      <c r="DTH155" s="31"/>
      <c r="DTI155" s="31"/>
      <c r="DTJ155" s="31"/>
      <c r="DTK155" s="31"/>
      <c r="DTL155" s="31"/>
      <c r="DTM155" s="31"/>
      <c r="DTN155" s="31"/>
      <c r="DTO155" s="31"/>
      <c r="DTP155" s="31"/>
      <c r="DTQ155" s="31"/>
      <c r="DTR155" s="31"/>
      <c r="DTS155" s="31"/>
      <c r="DTT155" s="31"/>
      <c r="DTU155" s="31"/>
      <c r="DTV155" s="31"/>
      <c r="DTW155" s="31"/>
      <c r="DTX155" s="31"/>
      <c r="DTY155" s="31"/>
      <c r="DTZ155" s="31"/>
      <c r="DUA155" s="31"/>
      <c r="DUB155" s="31"/>
      <c r="DUC155" s="31"/>
      <c r="DUD155" s="31"/>
      <c r="DUE155" s="31"/>
      <c r="DUF155" s="31"/>
      <c r="DUG155" s="31"/>
      <c r="DUH155" s="31"/>
      <c r="DUI155" s="31"/>
      <c r="DUJ155" s="31"/>
      <c r="DUK155" s="31"/>
      <c r="DUL155" s="31"/>
      <c r="DUM155" s="31"/>
      <c r="DUN155" s="31"/>
      <c r="DUO155" s="31"/>
      <c r="DUP155" s="31"/>
      <c r="DUQ155" s="31"/>
      <c r="DUR155" s="31"/>
      <c r="DUS155" s="31"/>
      <c r="DUT155" s="31"/>
      <c r="DUU155" s="31"/>
      <c r="DUV155" s="31"/>
      <c r="DUW155" s="31"/>
      <c r="DUX155" s="31"/>
      <c r="DUY155" s="31"/>
      <c r="DUZ155" s="31"/>
      <c r="DVA155" s="31"/>
      <c r="DVB155" s="31"/>
      <c r="DVC155" s="31"/>
      <c r="DVD155" s="31"/>
      <c r="DVE155" s="31"/>
      <c r="DVF155" s="31"/>
      <c r="DVG155" s="31"/>
      <c r="DVH155" s="31"/>
      <c r="DVI155" s="31"/>
      <c r="DVJ155" s="31"/>
      <c r="DVK155" s="31"/>
      <c r="DVL155" s="31"/>
      <c r="DVM155" s="31"/>
      <c r="DVN155" s="31"/>
      <c r="DVO155" s="31"/>
      <c r="DVP155" s="31"/>
      <c r="DVQ155" s="31"/>
      <c r="DVR155" s="31"/>
      <c r="DVS155" s="31"/>
      <c r="DVT155" s="31"/>
      <c r="DVU155" s="31"/>
      <c r="DVV155" s="31"/>
      <c r="DVW155" s="31"/>
      <c r="DVX155" s="31"/>
      <c r="DVY155" s="31"/>
      <c r="DVZ155" s="31"/>
      <c r="DWA155" s="31"/>
      <c r="DWB155" s="31"/>
      <c r="DWC155" s="31"/>
      <c r="DWD155" s="31"/>
      <c r="DWE155" s="31"/>
      <c r="DWF155" s="31"/>
      <c r="DWG155" s="31"/>
      <c r="DWH155" s="31"/>
      <c r="DWI155" s="31"/>
      <c r="DWJ155" s="31"/>
      <c r="DWK155" s="31"/>
      <c r="DWL155" s="31"/>
      <c r="DWM155" s="31"/>
      <c r="DWN155" s="31"/>
      <c r="DWO155" s="31"/>
      <c r="DWP155" s="31"/>
      <c r="DWQ155" s="31"/>
      <c r="DWR155" s="31"/>
      <c r="DWS155" s="31"/>
      <c r="DWT155" s="31"/>
      <c r="DWU155" s="31"/>
      <c r="DWV155" s="31"/>
      <c r="DWW155" s="31"/>
      <c r="DWX155" s="31"/>
      <c r="DWY155" s="31"/>
      <c r="DWZ155" s="31"/>
      <c r="DXA155" s="31"/>
      <c r="DXB155" s="31"/>
      <c r="DXC155" s="31"/>
      <c r="DXD155" s="31"/>
      <c r="DXE155" s="31"/>
      <c r="DXF155" s="31"/>
      <c r="DXG155" s="31"/>
      <c r="DXH155" s="31"/>
      <c r="DXI155" s="31"/>
      <c r="DXJ155" s="31"/>
      <c r="DXK155" s="31"/>
      <c r="DXL155" s="31"/>
      <c r="DXM155" s="31"/>
      <c r="DXN155" s="31"/>
      <c r="DXO155" s="31"/>
      <c r="DXP155" s="31"/>
      <c r="DXQ155" s="31"/>
      <c r="DXR155" s="31"/>
      <c r="DXS155" s="31"/>
      <c r="DXT155" s="31"/>
      <c r="DXU155" s="31"/>
      <c r="DXV155" s="31"/>
      <c r="DXW155" s="31"/>
      <c r="DXX155" s="31"/>
      <c r="DXY155" s="31"/>
      <c r="DXZ155" s="31"/>
      <c r="DYA155" s="31"/>
      <c r="DYB155" s="31"/>
      <c r="DYC155" s="31"/>
      <c r="DYD155" s="31"/>
      <c r="DYE155" s="31"/>
      <c r="DYF155" s="31"/>
      <c r="DYG155" s="31"/>
      <c r="DYH155" s="31"/>
      <c r="DYI155" s="31"/>
      <c r="DYJ155" s="31"/>
      <c r="DYK155" s="31"/>
      <c r="DYL155" s="31"/>
      <c r="DYM155" s="31"/>
      <c r="DYN155" s="31"/>
      <c r="DYO155" s="31"/>
      <c r="DYP155" s="31"/>
      <c r="DYQ155" s="31"/>
      <c r="DYR155" s="31"/>
      <c r="DYS155" s="31"/>
      <c r="DYT155" s="31"/>
      <c r="DYU155" s="31"/>
      <c r="DYV155" s="31"/>
      <c r="DYW155" s="31"/>
      <c r="DYX155" s="31"/>
      <c r="DYY155" s="31"/>
      <c r="DYZ155" s="31"/>
      <c r="DZA155" s="31"/>
      <c r="DZB155" s="31"/>
      <c r="DZC155" s="31"/>
      <c r="DZD155" s="31"/>
      <c r="DZE155" s="31"/>
      <c r="DZF155" s="31"/>
      <c r="DZG155" s="31"/>
      <c r="DZH155" s="31"/>
      <c r="DZI155" s="31"/>
      <c r="DZJ155" s="31"/>
      <c r="DZK155" s="31"/>
      <c r="DZL155" s="31"/>
      <c r="DZM155" s="31"/>
      <c r="DZN155" s="31"/>
      <c r="DZO155" s="31"/>
      <c r="DZP155" s="31"/>
      <c r="DZQ155" s="31"/>
      <c r="DZR155" s="31"/>
      <c r="DZS155" s="31"/>
      <c r="DZT155" s="31"/>
      <c r="DZU155" s="31"/>
      <c r="DZV155" s="31"/>
      <c r="DZW155" s="31"/>
      <c r="DZX155" s="31"/>
      <c r="DZY155" s="31"/>
      <c r="DZZ155" s="31"/>
      <c r="EAA155" s="31"/>
      <c r="EAB155" s="31"/>
      <c r="EAC155" s="31"/>
      <c r="EAD155" s="31"/>
      <c r="EAE155" s="31"/>
      <c r="EAF155" s="31"/>
      <c r="EAG155" s="31"/>
      <c r="EAH155" s="31"/>
      <c r="EAI155" s="31"/>
      <c r="EAJ155" s="31"/>
      <c r="EAK155" s="31"/>
      <c r="EAL155" s="31"/>
      <c r="EAM155" s="31"/>
      <c r="EAN155" s="31"/>
      <c r="EAO155" s="31"/>
      <c r="EAP155" s="31"/>
      <c r="EAQ155" s="31"/>
      <c r="EAR155" s="31"/>
      <c r="EAS155" s="31"/>
      <c r="EAT155" s="31"/>
      <c r="EAU155" s="31"/>
      <c r="EAV155" s="31"/>
      <c r="EAW155" s="31"/>
      <c r="EAX155" s="31"/>
      <c r="EAY155" s="31"/>
      <c r="EAZ155" s="31"/>
      <c r="EBA155" s="31"/>
      <c r="EBB155" s="31"/>
      <c r="EBC155" s="31"/>
      <c r="EBD155" s="31"/>
      <c r="EBE155" s="31"/>
      <c r="EBF155" s="31"/>
      <c r="EBG155" s="31"/>
      <c r="EBH155" s="31"/>
      <c r="EBI155" s="31"/>
      <c r="EBJ155" s="31"/>
      <c r="EBK155" s="31"/>
      <c r="EBL155" s="31"/>
      <c r="EBM155" s="31"/>
      <c r="EBN155" s="31"/>
      <c r="EBO155" s="31"/>
      <c r="EBP155" s="31"/>
      <c r="EBQ155" s="31"/>
      <c r="EBR155" s="31"/>
      <c r="EBS155" s="31"/>
      <c r="EBT155" s="31"/>
      <c r="EBU155" s="31"/>
      <c r="EBV155" s="31"/>
      <c r="EBW155" s="31"/>
      <c r="EBX155" s="31"/>
      <c r="EBY155" s="31"/>
      <c r="EBZ155" s="31"/>
      <c r="ECA155" s="31"/>
      <c r="ECB155" s="31"/>
      <c r="ECC155" s="31"/>
      <c r="ECD155" s="31"/>
      <c r="ECE155" s="31"/>
      <c r="ECF155" s="31"/>
      <c r="ECG155" s="31"/>
      <c r="ECH155" s="31"/>
      <c r="ECI155" s="31"/>
      <c r="ECJ155" s="31"/>
      <c r="ECK155" s="31"/>
      <c r="ECL155" s="31"/>
      <c r="ECM155" s="31"/>
      <c r="ECN155" s="31"/>
      <c r="ECO155" s="31"/>
      <c r="ECP155" s="31"/>
      <c r="ECQ155" s="31"/>
      <c r="ECR155" s="31"/>
      <c r="ECS155" s="31"/>
      <c r="ECT155" s="31"/>
      <c r="ECU155" s="31"/>
      <c r="ECV155" s="31"/>
      <c r="ECW155" s="31"/>
      <c r="ECX155" s="31"/>
      <c r="ECY155" s="31"/>
      <c r="ECZ155" s="31"/>
      <c r="EDA155" s="31"/>
      <c r="EDB155" s="31"/>
      <c r="EDC155" s="31"/>
      <c r="EDD155" s="31"/>
      <c r="EDE155" s="31"/>
      <c r="EDF155" s="31"/>
      <c r="EDG155" s="31"/>
      <c r="EDH155" s="31"/>
      <c r="EDI155" s="31"/>
      <c r="EDJ155" s="31"/>
      <c r="EDK155" s="31"/>
      <c r="EDL155" s="31"/>
      <c r="EDM155" s="31"/>
      <c r="EDN155" s="31"/>
      <c r="EDO155" s="31"/>
      <c r="EDP155" s="31"/>
      <c r="EDQ155" s="31"/>
      <c r="EDR155" s="31"/>
      <c r="EDS155" s="31"/>
      <c r="EDT155" s="31"/>
      <c r="EDU155" s="31"/>
      <c r="EDV155" s="31"/>
      <c r="EDW155" s="31"/>
      <c r="EDX155" s="31"/>
      <c r="EDY155" s="31"/>
      <c r="EDZ155" s="31"/>
      <c r="EEA155" s="31"/>
      <c r="EEB155" s="31"/>
      <c r="EEC155" s="31"/>
      <c r="EED155" s="31"/>
      <c r="EEE155" s="31"/>
      <c r="EEF155" s="31"/>
      <c r="EEG155" s="31"/>
      <c r="EEH155" s="31"/>
      <c r="EEI155" s="31"/>
      <c r="EEJ155" s="31"/>
      <c r="EEK155" s="31"/>
      <c r="EEL155" s="31"/>
      <c r="EEM155" s="31"/>
      <c r="EEN155" s="31"/>
      <c r="EEO155" s="31"/>
      <c r="EEP155" s="31"/>
      <c r="EEQ155" s="31"/>
      <c r="EER155" s="31"/>
      <c r="EES155" s="31"/>
      <c r="EET155" s="31"/>
      <c r="EEU155" s="31"/>
      <c r="EEV155" s="31"/>
      <c r="EEW155" s="31"/>
      <c r="EEX155" s="31"/>
      <c r="EEY155" s="31"/>
      <c r="EEZ155" s="31"/>
      <c r="EFA155" s="31"/>
      <c r="EFB155" s="31"/>
      <c r="EFC155" s="31"/>
      <c r="EFD155" s="31"/>
      <c r="EFE155" s="31"/>
      <c r="EFF155" s="31"/>
      <c r="EFG155" s="31"/>
      <c r="EFH155" s="31"/>
      <c r="EFI155" s="31"/>
      <c r="EFJ155" s="31"/>
      <c r="EFK155" s="31"/>
      <c r="EFL155" s="31"/>
      <c r="EFM155" s="31"/>
      <c r="EFN155" s="31"/>
      <c r="EFO155" s="31"/>
      <c r="EFP155" s="31"/>
      <c r="EFQ155" s="31"/>
      <c r="EFR155" s="31"/>
      <c r="EFS155" s="31"/>
      <c r="EFT155" s="31"/>
      <c r="EFU155" s="31"/>
      <c r="EFV155" s="31"/>
      <c r="EFW155" s="31"/>
      <c r="EFX155" s="31"/>
      <c r="EFY155" s="31"/>
      <c r="EFZ155" s="31"/>
      <c r="EGA155" s="31"/>
      <c r="EGB155" s="31"/>
      <c r="EGC155" s="31"/>
      <c r="EGD155" s="31"/>
      <c r="EGE155" s="31"/>
      <c r="EGF155" s="31"/>
      <c r="EGG155" s="31"/>
      <c r="EGH155" s="31"/>
      <c r="EGI155" s="31"/>
      <c r="EGJ155" s="31"/>
      <c r="EGK155" s="31"/>
      <c r="EGL155" s="31"/>
      <c r="EGM155" s="31"/>
      <c r="EGN155" s="31"/>
      <c r="EGO155" s="31"/>
      <c r="EGP155" s="31"/>
      <c r="EGQ155" s="31"/>
      <c r="EGR155" s="31"/>
      <c r="EGS155" s="31"/>
      <c r="EGT155" s="31"/>
      <c r="EGU155" s="31"/>
      <c r="EGV155" s="31"/>
      <c r="EGW155" s="31"/>
      <c r="EGX155" s="31"/>
      <c r="EGY155" s="31"/>
      <c r="EGZ155" s="31"/>
      <c r="EHA155" s="31"/>
      <c r="EHB155" s="31"/>
      <c r="EHC155" s="31"/>
      <c r="EHD155" s="31"/>
      <c r="EHE155" s="31"/>
      <c r="EHF155" s="31"/>
      <c r="EHG155" s="31"/>
      <c r="EHH155" s="31"/>
      <c r="EHI155" s="31"/>
      <c r="EHJ155" s="31"/>
      <c r="EHK155" s="31"/>
      <c r="EHL155" s="31"/>
      <c r="EHM155" s="31"/>
      <c r="EHN155" s="31"/>
      <c r="EHO155" s="31"/>
      <c r="EHP155" s="31"/>
      <c r="EHQ155" s="31"/>
      <c r="EHR155" s="31"/>
      <c r="EHS155" s="31"/>
      <c r="EHT155" s="31"/>
      <c r="EHU155" s="31"/>
      <c r="EHV155" s="31"/>
      <c r="EHW155" s="31"/>
      <c r="EHX155" s="31"/>
      <c r="EHY155" s="31"/>
      <c r="EHZ155" s="31"/>
      <c r="EIA155" s="31"/>
      <c r="EIB155" s="31"/>
      <c r="EIC155" s="31"/>
      <c r="EID155" s="31"/>
      <c r="EIE155" s="31"/>
      <c r="EIF155" s="31"/>
      <c r="EIG155" s="31"/>
      <c r="EIH155" s="31"/>
      <c r="EII155" s="31"/>
      <c r="EIJ155" s="31"/>
      <c r="EIK155" s="31"/>
      <c r="EIL155" s="31"/>
      <c r="EIM155" s="31"/>
      <c r="EIN155" s="31"/>
      <c r="EIO155" s="31"/>
      <c r="EIP155" s="31"/>
      <c r="EIQ155" s="31"/>
      <c r="EIR155" s="31"/>
      <c r="EIS155" s="31"/>
      <c r="EIT155" s="31"/>
      <c r="EIU155" s="31"/>
      <c r="EIV155" s="31"/>
      <c r="EIW155" s="31"/>
      <c r="EIX155" s="31"/>
      <c r="EIY155" s="31"/>
      <c r="EIZ155" s="31"/>
      <c r="EJA155" s="31"/>
      <c r="EJB155" s="31"/>
      <c r="EJC155" s="31"/>
      <c r="EJD155" s="31"/>
      <c r="EJE155" s="31"/>
      <c r="EJF155" s="31"/>
      <c r="EJG155" s="31"/>
      <c r="EJH155" s="31"/>
      <c r="EJI155" s="31"/>
      <c r="EJJ155" s="31"/>
      <c r="EJK155" s="31"/>
      <c r="EJL155" s="31"/>
      <c r="EJM155" s="31"/>
      <c r="EJN155" s="31"/>
      <c r="EJO155" s="31"/>
      <c r="EJP155" s="31"/>
      <c r="EJQ155" s="31"/>
      <c r="EJR155" s="31"/>
      <c r="EJS155" s="31"/>
      <c r="EJT155" s="31"/>
      <c r="EJU155" s="31"/>
      <c r="EJV155" s="31"/>
      <c r="EJW155" s="31"/>
      <c r="EJX155" s="31"/>
      <c r="EJY155" s="31"/>
      <c r="EJZ155" s="31"/>
      <c r="EKA155" s="31"/>
      <c r="EKB155" s="31"/>
      <c r="EKC155" s="31"/>
      <c r="EKD155" s="31"/>
      <c r="EKE155" s="31"/>
      <c r="EKF155" s="31"/>
      <c r="EKG155" s="31"/>
      <c r="EKH155" s="31"/>
      <c r="EKI155" s="31"/>
      <c r="EKJ155" s="31"/>
      <c r="EKK155" s="31"/>
      <c r="EKL155" s="31"/>
      <c r="EKM155" s="31"/>
      <c r="EKN155" s="31"/>
      <c r="EKO155" s="31"/>
      <c r="EKP155" s="31"/>
      <c r="EKQ155" s="31"/>
      <c r="EKR155" s="31"/>
      <c r="EKS155" s="31"/>
      <c r="EKT155" s="31"/>
      <c r="EKU155" s="31"/>
      <c r="EKV155" s="31"/>
      <c r="EKW155" s="31"/>
      <c r="EKX155" s="31"/>
      <c r="EKY155" s="31"/>
      <c r="EKZ155" s="31"/>
      <c r="ELA155" s="31"/>
      <c r="ELB155" s="31"/>
      <c r="ELC155" s="31"/>
      <c r="ELD155" s="31"/>
      <c r="ELE155" s="31"/>
      <c r="ELF155" s="31"/>
      <c r="ELG155" s="31"/>
      <c r="ELH155" s="31"/>
      <c r="ELI155" s="31"/>
      <c r="ELJ155" s="31"/>
      <c r="ELK155" s="31"/>
      <c r="ELL155" s="31"/>
      <c r="ELM155" s="31"/>
      <c r="ELN155" s="31"/>
      <c r="ELO155" s="31"/>
      <c r="ELP155" s="31"/>
      <c r="ELQ155" s="31"/>
      <c r="ELR155" s="31"/>
      <c r="ELS155" s="31"/>
      <c r="ELT155" s="31"/>
      <c r="ELU155" s="31"/>
      <c r="ELV155" s="31"/>
      <c r="ELW155" s="31"/>
      <c r="ELX155" s="31"/>
      <c r="ELY155" s="31"/>
      <c r="ELZ155" s="31"/>
      <c r="EMA155" s="31"/>
      <c r="EMB155" s="31"/>
      <c r="EMC155" s="31"/>
      <c r="EMD155" s="31"/>
      <c r="EME155" s="31"/>
      <c r="EMF155" s="31"/>
      <c r="EMG155" s="31"/>
      <c r="EMH155" s="31"/>
      <c r="EMI155" s="31"/>
      <c r="EMJ155" s="31"/>
      <c r="EMK155" s="31"/>
      <c r="EML155" s="31"/>
      <c r="EMM155" s="31"/>
      <c r="EMN155" s="31"/>
      <c r="EMO155" s="31"/>
      <c r="EMP155" s="31"/>
      <c r="EMQ155" s="31"/>
      <c r="EMR155" s="31"/>
      <c r="EMS155" s="31"/>
      <c r="EMT155" s="31"/>
      <c r="EMU155" s="31"/>
      <c r="EMV155" s="31"/>
      <c r="EMW155" s="31"/>
      <c r="EMX155" s="31"/>
      <c r="EMY155" s="31"/>
      <c r="EMZ155" s="31"/>
      <c r="ENA155" s="31"/>
      <c r="ENB155" s="31"/>
      <c r="ENC155" s="31"/>
      <c r="END155" s="31"/>
      <c r="ENE155" s="31"/>
      <c r="ENF155" s="31"/>
      <c r="ENG155" s="31"/>
      <c r="ENH155" s="31"/>
      <c r="ENI155" s="31"/>
      <c r="ENJ155" s="31"/>
      <c r="ENK155" s="31"/>
      <c r="ENL155" s="31"/>
      <c r="ENM155" s="31"/>
      <c r="ENN155" s="31"/>
      <c r="ENO155" s="31"/>
      <c r="ENP155" s="31"/>
      <c r="ENQ155" s="31"/>
      <c r="ENR155" s="31"/>
      <c r="ENS155" s="31"/>
      <c r="ENT155" s="31"/>
      <c r="ENU155" s="31"/>
      <c r="ENV155" s="31"/>
      <c r="ENW155" s="31"/>
      <c r="ENX155" s="31"/>
      <c r="ENY155" s="31"/>
      <c r="ENZ155" s="31"/>
      <c r="EOA155" s="31"/>
      <c r="EOB155" s="31"/>
      <c r="EOC155" s="31"/>
      <c r="EOD155" s="31"/>
      <c r="EOE155" s="31"/>
      <c r="EOF155" s="31"/>
      <c r="EOG155" s="31"/>
      <c r="EOH155" s="31"/>
      <c r="EOI155" s="31"/>
      <c r="EOJ155" s="31"/>
      <c r="EOK155" s="31"/>
      <c r="EOL155" s="31"/>
      <c r="EOM155" s="31"/>
      <c r="EON155" s="31"/>
      <c r="EOO155" s="31"/>
      <c r="EOP155" s="31"/>
      <c r="EOQ155" s="31"/>
      <c r="EOR155" s="31"/>
      <c r="EOS155" s="31"/>
      <c r="EOT155" s="31"/>
      <c r="EOU155" s="31"/>
      <c r="EOV155" s="31"/>
      <c r="EOW155" s="31"/>
      <c r="EOX155" s="31"/>
      <c r="EOY155" s="31"/>
      <c r="EOZ155" s="31"/>
      <c r="EPA155" s="31"/>
      <c r="EPB155" s="31"/>
      <c r="EPC155" s="31"/>
      <c r="EPD155" s="31"/>
      <c r="EPE155" s="31"/>
      <c r="EPF155" s="31"/>
      <c r="EPG155" s="31"/>
      <c r="EPH155" s="31"/>
      <c r="EPI155" s="31"/>
      <c r="EPJ155" s="31"/>
      <c r="EPK155" s="31"/>
      <c r="EPL155" s="31"/>
      <c r="EPM155" s="31"/>
      <c r="EPN155" s="31"/>
      <c r="EPO155" s="31"/>
      <c r="EPP155" s="31"/>
      <c r="EPQ155" s="31"/>
      <c r="EPR155" s="31"/>
      <c r="EPS155" s="31"/>
      <c r="EPT155" s="31"/>
      <c r="EPU155" s="31"/>
      <c r="EPV155" s="31"/>
      <c r="EPW155" s="31"/>
      <c r="EPX155" s="31"/>
      <c r="EPY155" s="31"/>
      <c r="EPZ155" s="31"/>
      <c r="EQA155" s="31"/>
      <c r="EQB155" s="31"/>
      <c r="EQC155" s="31"/>
      <c r="EQD155" s="31"/>
      <c r="EQE155" s="31"/>
      <c r="EQF155" s="31"/>
      <c r="EQG155" s="31"/>
      <c r="EQH155" s="31"/>
      <c r="EQI155" s="31"/>
      <c r="EQJ155" s="31"/>
      <c r="EQK155" s="31"/>
      <c r="EQL155" s="31"/>
      <c r="EQM155" s="31"/>
      <c r="EQN155" s="31"/>
      <c r="EQO155" s="31"/>
      <c r="EQP155" s="31"/>
      <c r="EQQ155" s="31"/>
      <c r="EQR155" s="31"/>
      <c r="EQS155" s="31"/>
      <c r="EQT155" s="31"/>
      <c r="EQU155" s="31"/>
      <c r="EQV155" s="31"/>
      <c r="EQW155" s="31"/>
      <c r="EQX155" s="31"/>
      <c r="EQY155" s="31"/>
      <c r="EQZ155" s="31"/>
      <c r="ERA155" s="31"/>
      <c r="ERB155" s="31"/>
      <c r="ERC155" s="31"/>
      <c r="ERD155" s="31"/>
      <c r="ERE155" s="31"/>
      <c r="ERF155" s="31"/>
      <c r="ERG155" s="31"/>
      <c r="ERH155" s="31"/>
      <c r="ERI155" s="31"/>
      <c r="ERJ155" s="31"/>
      <c r="ERK155" s="31"/>
      <c r="ERL155" s="31"/>
      <c r="ERM155" s="31"/>
      <c r="ERN155" s="31"/>
      <c r="ERO155" s="31"/>
      <c r="ERP155" s="31"/>
      <c r="ERQ155" s="31"/>
      <c r="ERR155" s="31"/>
      <c r="ERS155" s="31"/>
      <c r="ERT155" s="31"/>
      <c r="ERU155" s="31"/>
      <c r="ERV155" s="31"/>
      <c r="ERW155" s="31"/>
      <c r="ERX155" s="31"/>
      <c r="ERY155" s="31"/>
      <c r="ERZ155" s="31"/>
      <c r="ESA155" s="31"/>
      <c r="ESB155" s="31"/>
      <c r="ESC155" s="31"/>
      <c r="ESD155" s="31"/>
      <c r="ESE155" s="31"/>
      <c r="ESF155" s="31"/>
      <c r="ESG155" s="31"/>
      <c r="ESH155" s="31"/>
      <c r="ESI155" s="31"/>
      <c r="ESJ155" s="31"/>
      <c r="ESK155" s="31"/>
      <c r="ESL155" s="31"/>
      <c r="ESM155" s="31"/>
      <c r="ESN155" s="31"/>
      <c r="ESO155" s="31"/>
      <c r="ESP155" s="31"/>
      <c r="ESQ155" s="31"/>
      <c r="ESR155" s="31"/>
      <c r="ESS155" s="31"/>
      <c r="EST155" s="31"/>
      <c r="ESU155" s="31"/>
      <c r="ESV155" s="31"/>
      <c r="ESW155" s="31"/>
      <c r="ESX155" s="31"/>
      <c r="ESY155" s="31"/>
      <c r="ESZ155" s="31"/>
      <c r="ETA155" s="31"/>
      <c r="ETB155" s="31"/>
      <c r="ETC155" s="31"/>
      <c r="ETD155" s="31"/>
      <c r="ETE155" s="31"/>
      <c r="ETF155" s="31"/>
      <c r="ETG155" s="31"/>
      <c r="ETH155" s="31"/>
      <c r="ETI155" s="31"/>
      <c r="ETJ155" s="31"/>
      <c r="ETK155" s="31"/>
      <c r="ETL155" s="31"/>
      <c r="ETM155" s="31"/>
      <c r="ETN155" s="31"/>
      <c r="ETO155" s="31"/>
      <c r="ETP155" s="31"/>
      <c r="ETQ155" s="31"/>
      <c r="ETR155" s="31"/>
      <c r="ETS155" s="31"/>
      <c r="ETT155" s="31"/>
      <c r="ETU155" s="31"/>
      <c r="ETV155" s="31"/>
      <c r="ETW155" s="31"/>
      <c r="ETX155" s="31"/>
      <c r="ETY155" s="31"/>
      <c r="ETZ155" s="31"/>
      <c r="EUA155" s="31"/>
      <c r="EUB155" s="31"/>
      <c r="EUC155" s="31"/>
      <c r="EUD155" s="31"/>
      <c r="EUE155" s="31"/>
      <c r="EUF155" s="31"/>
      <c r="EUG155" s="31"/>
      <c r="EUH155" s="31"/>
      <c r="EUI155" s="31"/>
      <c r="EUJ155" s="31"/>
      <c r="EUK155" s="31"/>
      <c r="EUL155" s="31"/>
      <c r="EUM155" s="31"/>
      <c r="EUN155" s="31"/>
      <c r="EUO155" s="31"/>
      <c r="EUP155" s="31"/>
      <c r="EUQ155" s="31"/>
      <c r="EUR155" s="31"/>
      <c r="EUS155" s="31"/>
      <c r="EUT155" s="31"/>
      <c r="EUU155" s="31"/>
      <c r="EUV155" s="31"/>
      <c r="EUW155" s="31"/>
      <c r="EUX155" s="31"/>
      <c r="EUY155" s="31"/>
      <c r="EUZ155" s="31"/>
      <c r="EVA155" s="31"/>
      <c r="EVB155" s="31"/>
      <c r="EVC155" s="31"/>
      <c r="EVD155" s="31"/>
      <c r="EVE155" s="31"/>
      <c r="EVF155" s="31"/>
      <c r="EVG155" s="31"/>
      <c r="EVH155" s="31"/>
      <c r="EVI155" s="31"/>
      <c r="EVJ155" s="31"/>
      <c r="EVK155" s="31"/>
      <c r="EVL155" s="31"/>
      <c r="EVM155" s="31"/>
      <c r="EVN155" s="31"/>
      <c r="EVO155" s="31"/>
      <c r="EVP155" s="31"/>
      <c r="EVQ155" s="31"/>
      <c r="EVR155" s="31"/>
      <c r="EVS155" s="31"/>
      <c r="EVT155" s="31"/>
      <c r="EVU155" s="31"/>
      <c r="EVV155" s="31"/>
      <c r="EVW155" s="31"/>
      <c r="EVX155" s="31"/>
      <c r="EVY155" s="31"/>
      <c r="EVZ155" s="31"/>
      <c r="EWA155" s="31"/>
      <c r="EWB155" s="31"/>
      <c r="EWC155" s="31"/>
      <c r="EWD155" s="31"/>
      <c r="EWE155" s="31"/>
      <c r="EWF155" s="31"/>
      <c r="EWG155" s="31"/>
      <c r="EWH155" s="31"/>
      <c r="EWI155" s="31"/>
      <c r="EWJ155" s="31"/>
      <c r="EWK155" s="31"/>
      <c r="EWL155" s="31"/>
      <c r="EWM155" s="31"/>
      <c r="EWN155" s="31"/>
      <c r="EWO155" s="31"/>
      <c r="EWP155" s="31"/>
      <c r="EWQ155" s="31"/>
      <c r="EWR155" s="31"/>
      <c r="EWS155" s="31"/>
      <c r="EWT155" s="31"/>
      <c r="EWU155" s="31"/>
      <c r="EWV155" s="31"/>
      <c r="EWW155" s="31"/>
      <c r="EWX155" s="31"/>
      <c r="EWY155" s="31"/>
      <c r="EWZ155" s="31"/>
      <c r="EXA155" s="31"/>
      <c r="EXB155" s="31"/>
      <c r="EXC155" s="31"/>
      <c r="EXD155" s="31"/>
      <c r="EXE155" s="31"/>
      <c r="EXF155" s="31"/>
      <c r="EXG155" s="31"/>
      <c r="EXH155" s="31"/>
      <c r="EXI155" s="31"/>
      <c r="EXJ155" s="31"/>
      <c r="EXK155" s="31"/>
      <c r="EXL155" s="31"/>
      <c r="EXM155" s="31"/>
      <c r="EXN155" s="31"/>
      <c r="EXO155" s="31"/>
      <c r="EXP155" s="31"/>
      <c r="EXQ155" s="31"/>
      <c r="EXR155" s="31"/>
      <c r="EXS155" s="31"/>
      <c r="EXT155" s="31"/>
      <c r="EXU155" s="31"/>
      <c r="EXV155" s="31"/>
      <c r="EXW155" s="31"/>
      <c r="EXX155" s="31"/>
      <c r="EXY155" s="31"/>
      <c r="EXZ155" s="31"/>
      <c r="EYA155" s="31"/>
      <c r="EYB155" s="31"/>
      <c r="EYC155" s="31"/>
      <c r="EYD155" s="31"/>
      <c r="EYE155" s="31"/>
      <c r="EYF155" s="31"/>
      <c r="EYG155" s="31"/>
      <c r="EYH155" s="31"/>
      <c r="EYI155" s="31"/>
      <c r="EYJ155" s="31"/>
      <c r="EYK155" s="31"/>
      <c r="EYL155" s="31"/>
      <c r="EYM155" s="31"/>
      <c r="EYN155" s="31"/>
      <c r="EYO155" s="31"/>
      <c r="EYP155" s="31"/>
      <c r="EYQ155" s="31"/>
      <c r="EYR155" s="31"/>
      <c r="EYS155" s="31"/>
      <c r="EYT155" s="31"/>
      <c r="EYU155" s="31"/>
      <c r="EYV155" s="31"/>
      <c r="EYW155" s="31"/>
      <c r="EYX155" s="31"/>
      <c r="EYY155" s="31"/>
      <c r="EYZ155" s="31"/>
      <c r="EZA155" s="31"/>
      <c r="EZB155" s="31"/>
      <c r="EZC155" s="31"/>
      <c r="EZD155" s="31"/>
      <c r="EZE155" s="31"/>
      <c r="EZF155" s="31"/>
      <c r="EZG155" s="31"/>
      <c r="EZH155" s="31"/>
      <c r="EZI155" s="31"/>
      <c r="EZJ155" s="31"/>
      <c r="EZK155" s="31"/>
      <c r="EZL155" s="31"/>
      <c r="EZM155" s="31"/>
      <c r="EZN155" s="31"/>
      <c r="EZO155" s="31"/>
      <c r="EZP155" s="31"/>
      <c r="EZQ155" s="31"/>
      <c r="EZR155" s="31"/>
      <c r="EZS155" s="31"/>
      <c r="EZT155" s="31"/>
      <c r="EZU155" s="31"/>
      <c r="EZV155" s="31"/>
      <c r="EZW155" s="31"/>
      <c r="EZX155" s="31"/>
      <c r="EZY155" s="31"/>
      <c r="EZZ155" s="31"/>
      <c r="FAA155" s="31"/>
      <c r="FAB155" s="31"/>
      <c r="FAC155" s="31"/>
      <c r="FAD155" s="31"/>
      <c r="FAE155" s="31"/>
      <c r="FAF155" s="31"/>
      <c r="FAG155" s="31"/>
      <c r="FAH155" s="31"/>
      <c r="FAI155" s="31"/>
      <c r="FAJ155" s="31"/>
      <c r="FAK155" s="31"/>
      <c r="FAL155" s="31"/>
      <c r="FAM155" s="31"/>
      <c r="FAN155" s="31"/>
      <c r="FAO155" s="31"/>
      <c r="FAP155" s="31"/>
      <c r="FAQ155" s="31"/>
      <c r="FAR155" s="31"/>
      <c r="FAS155" s="31"/>
      <c r="FAT155" s="31"/>
      <c r="FAU155" s="31"/>
      <c r="FAV155" s="31"/>
      <c r="FAW155" s="31"/>
      <c r="FAX155" s="31"/>
      <c r="FAY155" s="31"/>
      <c r="FAZ155" s="31"/>
      <c r="FBA155" s="31"/>
      <c r="FBB155" s="31"/>
      <c r="FBC155" s="31"/>
      <c r="FBD155" s="31"/>
      <c r="FBE155" s="31"/>
      <c r="FBF155" s="31"/>
      <c r="FBG155" s="31"/>
      <c r="FBH155" s="31"/>
      <c r="FBI155" s="31"/>
      <c r="FBJ155" s="31"/>
      <c r="FBK155" s="31"/>
      <c r="FBL155" s="31"/>
      <c r="FBM155" s="31"/>
      <c r="FBN155" s="31"/>
      <c r="FBO155" s="31"/>
      <c r="FBP155" s="31"/>
      <c r="FBQ155" s="31"/>
      <c r="FBR155" s="31"/>
      <c r="FBS155" s="31"/>
      <c r="FBT155" s="31"/>
      <c r="FBU155" s="31"/>
      <c r="FBV155" s="31"/>
      <c r="FBW155" s="31"/>
      <c r="FBX155" s="31"/>
      <c r="FBY155" s="31"/>
      <c r="FBZ155" s="31"/>
      <c r="FCA155" s="31"/>
      <c r="FCB155" s="31"/>
      <c r="FCC155" s="31"/>
      <c r="FCD155" s="31"/>
      <c r="FCE155" s="31"/>
      <c r="FCF155" s="31"/>
      <c r="FCG155" s="31"/>
      <c r="FCH155" s="31"/>
      <c r="FCI155" s="31"/>
      <c r="FCJ155" s="31"/>
      <c r="FCK155" s="31"/>
      <c r="FCL155" s="31"/>
      <c r="FCM155" s="31"/>
      <c r="FCN155" s="31"/>
      <c r="FCO155" s="31"/>
      <c r="FCP155" s="31"/>
      <c r="FCQ155" s="31"/>
      <c r="FCR155" s="31"/>
      <c r="FCS155" s="31"/>
      <c r="FCT155" s="31"/>
      <c r="FCU155" s="31"/>
      <c r="FCV155" s="31"/>
      <c r="FCW155" s="31"/>
      <c r="FCX155" s="31"/>
      <c r="FCY155" s="31"/>
      <c r="FCZ155" s="31"/>
      <c r="FDA155" s="31"/>
      <c r="FDB155" s="31"/>
      <c r="FDC155" s="31"/>
      <c r="FDD155" s="31"/>
      <c r="FDE155" s="31"/>
      <c r="FDF155" s="31"/>
      <c r="FDG155" s="31"/>
      <c r="FDH155" s="31"/>
      <c r="FDI155" s="31"/>
      <c r="FDJ155" s="31"/>
      <c r="FDK155" s="31"/>
      <c r="FDL155" s="31"/>
      <c r="FDM155" s="31"/>
      <c r="FDN155" s="31"/>
      <c r="FDO155" s="31"/>
      <c r="FDP155" s="31"/>
      <c r="FDQ155" s="31"/>
      <c r="FDR155" s="31"/>
      <c r="FDS155" s="31"/>
      <c r="FDT155" s="31"/>
      <c r="FDU155" s="31"/>
      <c r="FDV155" s="31"/>
      <c r="FDW155" s="31"/>
      <c r="FDX155" s="31"/>
      <c r="FDY155" s="31"/>
      <c r="FDZ155" s="31"/>
      <c r="FEA155" s="31"/>
      <c r="FEB155" s="31"/>
      <c r="FEC155" s="31"/>
      <c r="FED155" s="31"/>
      <c r="FEE155" s="31"/>
      <c r="FEF155" s="31"/>
      <c r="FEG155" s="31"/>
      <c r="FEH155" s="31"/>
      <c r="FEI155" s="31"/>
      <c r="FEJ155" s="31"/>
      <c r="FEK155" s="31"/>
      <c r="FEL155" s="31"/>
      <c r="FEM155" s="31"/>
      <c r="FEN155" s="31"/>
      <c r="FEO155" s="31"/>
      <c r="FEP155" s="31"/>
      <c r="FEQ155" s="31"/>
      <c r="FER155" s="31"/>
      <c r="FES155" s="31"/>
      <c r="FET155" s="31"/>
      <c r="FEU155" s="31"/>
      <c r="FEV155" s="31"/>
      <c r="FEW155" s="31"/>
      <c r="FEX155" s="31"/>
      <c r="FEY155" s="31"/>
      <c r="FEZ155" s="31"/>
      <c r="FFA155" s="31"/>
      <c r="FFB155" s="31"/>
      <c r="FFC155" s="31"/>
      <c r="FFD155" s="31"/>
      <c r="FFE155" s="31"/>
      <c r="FFF155" s="31"/>
      <c r="FFG155" s="31"/>
      <c r="FFH155" s="31"/>
      <c r="FFI155" s="31"/>
      <c r="FFJ155" s="31"/>
      <c r="FFK155" s="31"/>
      <c r="FFL155" s="31"/>
      <c r="FFM155" s="31"/>
      <c r="FFN155" s="31"/>
      <c r="FFO155" s="31"/>
      <c r="FFP155" s="31"/>
      <c r="FFQ155" s="31"/>
      <c r="FFR155" s="31"/>
      <c r="FFS155" s="31"/>
      <c r="FFT155" s="31"/>
      <c r="FFU155" s="31"/>
      <c r="FFV155" s="31"/>
      <c r="FFW155" s="31"/>
      <c r="FFX155" s="31"/>
      <c r="FFY155" s="31"/>
      <c r="FFZ155" s="31"/>
      <c r="FGA155" s="31"/>
      <c r="FGB155" s="31"/>
      <c r="FGC155" s="31"/>
      <c r="FGD155" s="31"/>
      <c r="FGE155" s="31"/>
      <c r="FGF155" s="31"/>
      <c r="FGG155" s="31"/>
      <c r="FGH155" s="31"/>
      <c r="FGI155" s="31"/>
      <c r="FGJ155" s="31"/>
      <c r="FGK155" s="31"/>
      <c r="FGL155" s="31"/>
      <c r="FGM155" s="31"/>
      <c r="FGN155" s="31"/>
      <c r="FGO155" s="31"/>
      <c r="FGP155" s="31"/>
      <c r="FGQ155" s="31"/>
      <c r="FGR155" s="31"/>
      <c r="FGS155" s="31"/>
      <c r="FGT155" s="31"/>
      <c r="FGU155" s="31"/>
      <c r="FGV155" s="31"/>
      <c r="FGW155" s="31"/>
      <c r="FGX155" s="31"/>
      <c r="FGY155" s="31"/>
      <c r="FGZ155" s="31"/>
      <c r="FHA155" s="31"/>
      <c r="FHB155" s="31"/>
      <c r="FHC155" s="31"/>
      <c r="FHD155" s="31"/>
      <c r="FHE155" s="31"/>
      <c r="FHF155" s="31"/>
      <c r="FHG155" s="31"/>
      <c r="FHH155" s="31"/>
      <c r="FHI155" s="31"/>
      <c r="FHJ155" s="31"/>
      <c r="FHK155" s="31"/>
      <c r="FHL155" s="31"/>
      <c r="FHM155" s="31"/>
      <c r="FHN155" s="31"/>
      <c r="FHO155" s="31"/>
      <c r="FHP155" s="31"/>
      <c r="FHQ155" s="31"/>
      <c r="FHR155" s="31"/>
      <c r="FHS155" s="31"/>
      <c r="FHT155" s="31"/>
      <c r="FHU155" s="31"/>
      <c r="FHV155" s="31"/>
      <c r="FHW155" s="31"/>
      <c r="FHX155" s="31"/>
      <c r="FHY155" s="31"/>
      <c r="FHZ155" s="31"/>
      <c r="FIA155" s="31"/>
      <c r="FIB155" s="31"/>
      <c r="FIC155" s="31"/>
      <c r="FID155" s="31"/>
      <c r="FIE155" s="31"/>
      <c r="FIF155" s="31"/>
      <c r="FIG155" s="31"/>
      <c r="FIH155" s="31"/>
      <c r="FII155" s="31"/>
      <c r="FIJ155" s="31"/>
      <c r="FIK155" s="31"/>
      <c r="FIL155" s="31"/>
      <c r="FIM155" s="31"/>
      <c r="FIN155" s="31"/>
      <c r="FIO155" s="31"/>
      <c r="FIP155" s="31"/>
      <c r="FIQ155" s="31"/>
      <c r="FIR155" s="31"/>
      <c r="FIS155" s="31"/>
      <c r="FIT155" s="31"/>
      <c r="FIU155" s="31"/>
      <c r="FIV155" s="31"/>
      <c r="FIW155" s="31"/>
      <c r="FIX155" s="31"/>
      <c r="FIY155" s="31"/>
      <c r="FIZ155" s="31"/>
      <c r="FJA155" s="31"/>
      <c r="FJB155" s="31"/>
      <c r="FJC155" s="31"/>
      <c r="FJD155" s="31"/>
      <c r="FJE155" s="31"/>
      <c r="FJF155" s="31"/>
      <c r="FJG155" s="31"/>
      <c r="FJH155" s="31"/>
      <c r="FJI155" s="31"/>
      <c r="FJJ155" s="31"/>
      <c r="FJK155" s="31"/>
      <c r="FJL155" s="31"/>
      <c r="FJM155" s="31"/>
      <c r="FJN155" s="31"/>
      <c r="FJO155" s="31"/>
      <c r="FJP155" s="31"/>
      <c r="FJQ155" s="31"/>
      <c r="FJR155" s="31"/>
      <c r="FJS155" s="31"/>
      <c r="FJT155" s="31"/>
      <c r="FJU155" s="31"/>
      <c r="FJV155" s="31"/>
      <c r="FJW155" s="31"/>
      <c r="FJX155" s="31"/>
      <c r="FJY155" s="31"/>
      <c r="FJZ155" s="31"/>
      <c r="FKA155" s="31"/>
      <c r="FKB155" s="31"/>
      <c r="FKC155" s="31"/>
      <c r="FKD155" s="31"/>
      <c r="FKE155" s="31"/>
      <c r="FKF155" s="31"/>
      <c r="FKG155" s="31"/>
      <c r="FKH155" s="31"/>
      <c r="FKI155" s="31"/>
      <c r="FKJ155" s="31"/>
      <c r="FKK155" s="31"/>
      <c r="FKL155" s="31"/>
      <c r="FKM155" s="31"/>
      <c r="FKN155" s="31"/>
      <c r="FKO155" s="31"/>
      <c r="FKP155" s="31"/>
      <c r="FKQ155" s="31"/>
      <c r="FKR155" s="31"/>
      <c r="FKS155" s="31"/>
      <c r="FKT155" s="31"/>
      <c r="FKU155" s="31"/>
      <c r="FKV155" s="31"/>
      <c r="FKW155" s="31"/>
      <c r="FKX155" s="31"/>
      <c r="FKY155" s="31"/>
      <c r="FKZ155" s="31"/>
      <c r="FLA155" s="31"/>
      <c r="FLB155" s="31"/>
      <c r="FLC155" s="31"/>
      <c r="FLD155" s="31"/>
      <c r="FLE155" s="31"/>
      <c r="FLF155" s="31"/>
      <c r="FLG155" s="31"/>
      <c r="FLH155" s="31"/>
      <c r="FLI155" s="31"/>
      <c r="FLJ155" s="31"/>
      <c r="FLK155" s="31"/>
      <c r="FLL155" s="31"/>
      <c r="FLM155" s="31"/>
      <c r="FLN155" s="31"/>
      <c r="FLO155" s="31"/>
      <c r="FLP155" s="31"/>
      <c r="FLQ155" s="31"/>
      <c r="FLR155" s="31"/>
      <c r="FLS155" s="31"/>
      <c r="FLT155" s="31"/>
      <c r="FLU155" s="31"/>
      <c r="FLV155" s="31"/>
      <c r="FLW155" s="31"/>
      <c r="FLX155" s="31"/>
      <c r="FLY155" s="31"/>
      <c r="FLZ155" s="31"/>
      <c r="FMA155" s="31"/>
      <c r="FMB155" s="31"/>
      <c r="FMC155" s="31"/>
      <c r="FMD155" s="31"/>
      <c r="FME155" s="31"/>
      <c r="FMF155" s="31"/>
      <c r="FMG155" s="31"/>
      <c r="FMH155" s="31"/>
      <c r="FMI155" s="31"/>
      <c r="FMJ155" s="31"/>
      <c r="FMK155" s="31"/>
      <c r="FML155" s="31"/>
      <c r="FMM155" s="31"/>
      <c r="FMN155" s="31"/>
      <c r="FMO155" s="31"/>
      <c r="FMP155" s="31"/>
      <c r="FMQ155" s="31"/>
      <c r="FMR155" s="31"/>
      <c r="FMS155" s="31"/>
      <c r="FMT155" s="31"/>
      <c r="FMU155" s="31"/>
      <c r="FMV155" s="31"/>
      <c r="FMW155" s="31"/>
      <c r="FMX155" s="31"/>
      <c r="FMY155" s="31"/>
      <c r="FMZ155" s="31"/>
      <c r="FNA155" s="31"/>
      <c r="FNB155" s="31"/>
      <c r="FNC155" s="31"/>
      <c r="FND155" s="31"/>
      <c r="FNE155" s="31"/>
      <c r="FNF155" s="31"/>
      <c r="FNG155" s="31"/>
      <c r="FNH155" s="31"/>
      <c r="FNI155" s="31"/>
      <c r="FNJ155" s="31"/>
      <c r="FNK155" s="31"/>
      <c r="FNL155" s="31"/>
      <c r="FNM155" s="31"/>
      <c r="FNN155" s="31"/>
      <c r="FNO155" s="31"/>
      <c r="FNP155" s="31"/>
      <c r="FNQ155" s="31"/>
      <c r="FNR155" s="31"/>
      <c r="FNS155" s="31"/>
      <c r="FNT155" s="31"/>
      <c r="FNU155" s="31"/>
      <c r="FNV155" s="31"/>
      <c r="FNW155" s="31"/>
      <c r="FNX155" s="31"/>
      <c r="FNY155" s="31"/>
      <c r="FNZ155" s="31"/>
      <c r="FOA155" s="31"/>
      <c r="FOB155" s="31"/>
      <c r="FOC155" s="31"/>
      <c r="FOD155" s="31"/>
      <c r="FOE155" s="31"/>
      <c r="FOF155" s="31"/>
      <c r="FOG155" s="31"/>
      <c r="FOH155" s="31"/>
      <c r="FOI155" s="31"/>
      <c r="FOJ155" s="31"/>
      <c r="FOK155" s="31"/>
      <c r="FOL155" s="31"/>
      <c r="FOM155" s="31"/>
      <c r="FON155" s="31"/>
      <c r="FOO155" s="31"/>
      <c r="FOP155" s="31"/>
      <c r="FOQ155" s="31"/>
      <c r="FOR155" s="31"/>
      <c r="FOS155" s="31"/>
      <c r="FOT155" s="31"/>
      <c r="FOU155" s="31"/>
      <c r="FOV155" s="31"/>
      <c r="FOW155" s="31"/>
      <c r="FOX155" s="31"/>
      <c r="FOY155" s="31"/>
      <c r="FOZ155" s="31"/>
      <c r="FPA155" s="31"/>
      <c r="FPB155" s="31"/>
      <c r="FPC155" s="31"/>
      <c r="FPD155" s="31"/>
      <c r="FPE155" s="31"/>
      <c r="FPF155" s="31"/>
      <c r="FPG155" s="31"/>
      <c r="FPH155" s="31"/>
      <c r="FPI155" s="31"/>
      <c r="FPJ155" s="31"/>
      <c r="FPK155" s="31"/>
      <c r="FPL155" s="31"/>
      <c r="FPM155" s="31"/>
      <c r="FPN155" s="31"/>
      <c r="FPO155" s="31"/>
      <c r="FPP155" s="31"/>
      <c r="FPQ155" s="31"/>
      <c r="FPR155" s="31"/>
      <c r="FPS155" s="31"/>
      <c r="FPT155" s="31"/>
      <c r="FPU155" s="31"/>
      <c r="FPV155" s="31"/>
      <c r="FPW155" s="31"/>
      <c r="FPX155" s="31"/>
      <c r="FPY155" s="31"/>
      <c r="FPZ155" s="31"/>
      <c r="FQA155" s="31"/>
      <c r="FQB155" s="31"/>
      <c r="FQC155" s="31"/>
      <c r="FQD155" s="31"/>
      <c r="FQE155" s="31"/>
      <c r="FQF155" s="31"/>
      <c r="FQG155" s="31"/>
      <c r="FQH155" s="31"/>
      <c r="FQI155" s="31"/>
      <c r="FQJ155" s="31"/>
      <c r="FQK155" s="31"/>
      <c r="FQL155" s="31"/>
      <c r="FQM155" s="31"/>
      <c r="FQN155" s="31"/>
      <c r="FQO155" s="31"/>
      <c r="FQP155" s="31"/>
      <c r="FQQ155" s="31"/>
      <c r="FQR155" s="31"/>
      <c r="FQS155" s="31"/>
      <c r="FQT155" s="31"/>
      <c r="FQU155" s="31"/>
      <c r="FQV155" s="31"/>
      <c r="FQW155" s="31"/>
      <c r="FQX155" s="31"/>
      <c r="FQY155" s="31"/>
      <c r="FQZ155" s="31"/>
      <c r="FRA155" s="31"/>
      <c r="FRB155" s="31"/>
      <c r="FRC155" s="31"/>
      <c r="FRD155" s="31"/>
      <c r="FRE155" s="31"/>
      <c r="FRF155" s="31"/>
      <c r="FRG155" s="31"/>
      <c r="FRH155" s="31"/>
      <c r="FRI155" s="31"/>
      <c r="FRJ155" s="31"/>
      <c r="FRK155" s="31"/>
      <c r="FRL155" s="31"/>
      <c r="FRM155" s="31"/>
      <c r="FRN155" s="31"/>
      <c r="FRO155" s="31"/>
      <c r="FRP155" s="31"/>
      <c r="FRQ155" s="31"/>
      <c r="FRR155" s="31"/>
      <c r="FRS155" s="31"/>
      <c r="FRT155" s="31"/>
      <c r="FRU155" s="31"/>
      <c r="FRV155" s="31"/>
      <c r="FRW155" s="31"/>
      <c r="FRX155" s="31"/>
      <c r="FRY155" s="31"/>
      <c r="FRZ155" s="31"/>
      <c r="FSA155" s="31"/>
      <c r="FSB155" s="31"/>
      <c r="FSC155" s="31"/>
      <c r="FSD155" s="31"/>
      <c r="FSE155" s="31"/>
      <c r="FSF155" s="31"/>
      <c r="FSG155" s="31"/>
      <c r="FSH155" s="31"/>
      <c r="FSI155" s="31"/>
      <c r="FSJ155" s="31"/>
      <c r="FSK155" s="31"/>
      <c r="FSL155" s="31"/>
      <c r="FSM155" s="31"/>
      <c r="FSN155" s="31"/>
      <c r="FSO155" s="31"/>
      <c r="FSP155" s="31"/>
      <c r="FSQ155" s="31"/>
      <c r="FSR155" s="31"/>
      <c r="FSS155" s="31"/>
      <c r="FST155" s="31"/>
      <c r="FSU155" s="31"/>
      <c r="FSV155" s="31"/>
      <c r="FSW155" s="31"/>
      <c r="FSX155" s="31"/>
      <c r="FSY155" s="31"/>
      <c r="FSZ155" s="31"/>
      <c r="FTA155" s="31"/>
      <c r="FTB155" s="31"/>
      <c r="FTC155" s="31"/>
      <c r="FTD155" s="31"/>
      <c r="FTE155" s="31"/>
      <c r="FTF155" s="31"/>
      <c r="FTG155" s="31"/>
      <c r="FTH155" s="31"/>
      <c r="FTI155" s="31"/>
      <c r="FTJ155" s="31"/>
      <c r="FTK155" s="31"/>
      <c r="FTL155" s="31"/>
      <c r="FTM155" s="31"/>
      <c r="FTN155" s="31"/>
      <c r="FTO155" s="31"/>
      <c r="FTP155" s="31"/>
      <c r="FTQ155" s="31"/>
      <c r="FTR155" s="31"/>
      <c r="FTS155" s="31"/>
      <c r="FTT155" s="31"/>
      <c r="FTU155" s="31"/>
      <c r="FTV155" s="31"/>
      <c r="FTW155" s="31"/>
      <c r="FTX155" s="31"/>
      <c r="FTY155" s="31"/>
      <c r="FTZ155" s="31"/>
      <c r="FUA155" s="31"/>
      <c r="FUB155" s="31"/>
      <c r="FUC155" s="31"/>
      <c r="FUD155" s="31"/>
      <c r="FUE155" s="31"/>
      <c r="FUF155" s="31"/>
      <c r="FUG155" s="31"/>
      <c r="FUH155" s="31"/>
      <c r="FUI155" s="31"/>
      <c r="FUJ155" s="31"/>
      <c r="FUK155" s="31"/>
      <c r="FUL155" s="31"/>
      <c r="FUM155" s="31"/>
      <c r="FUN155" s="31"/>
      <c r="FUO155" s="31"/>
      <c r="FUP155" s="31"/>
      <c r="FUQ155" s="31"/>
      <c r="FUR155" s="31"/>
      <c r="FUS155" s="31"/>
      <c r="FUT155" s="31"/>
      <c r="FUU155" s="31"/>
      <c r="FUV155" s="31"/>
      <c r="FUW155" s="31"/>
      <c r="FUX155" s="31"/>
      <c r="FUY155" s="31"/>
      <c r="FUZ155" s="31"/>
      <c r="FVA155" s="31"/>
      <c r="FVB155" s="31"/>
      <c r="FVC155" s="31"/>
      <c r="FVD155" s="31"/>
      <c r="FVE155" s="31"/>
      <c r="FVF155" s="31"/>
      <c r="FVG155" s="31"/>
      <c r="FVH155" s="31"/>
      <c r="FVI155" s="31"/>
      <c r="FVJ155" s="31"/>
      <c r="FVK155" s="31"/>
      <c r="FVL155" s="31"/>
      <c r="FVM155" s="31"/>
      <c r="FVN155" s="31"/>
      <c r="FVO155" s="31"/>
      <c r="FVP155" s="31"/>
      <c r="FVQ155" s="31"/>
      <c r="FVR155" s="31"/>
      <c r="FVS155" s="31"/>
      <c r="FVT155" s="31"/>
      <c r="FVU155" s="31"/>
      <c r="FVV155" s="31"/>
      <c r="FVW155" s="31"/>
      <c r="FVX155" s="31"/>
      <c r="FVY155" s="31"/>
      <c r="FVZ155" s="31"/>
      <c r="FWA155" s="31"/>
      <c r="FWB155" s="31"/>
      <c r="FWC155" s="31"/>
      <c r="FWD155" s="31"/>
      <c r="FWE155" s="31"/>
      <c r="FWF155" s="31"/>
      <c r="FWG155" s="31"/>
      <c r="FWH155" s="31"/>
      <c r="FWI155" s="31"/>
      <c r="FWJ155" s="31"/>
      <c r="FWK155" s="31"/>
      <c r="FWL155" s="31"/>
      <c r="FWM155" s="31"/>
      <c r="FWN155" s="31"/>
      <c r="FWO155" s="31"/>
      <c r="FWP155" s="31"/>
      <c r="FWQ155" s="31"/>
      <c r="FWR155" s="31"/>
      <c r="FWS155" s="31"/>
      <c r="FWT155" s="31"/>
      <c r="FWU155" s="31"/>
      <c r="FWV155" s="31"/>
      <c r="FWW155" s="31"/>
      <c r="FWX155" s="31"/>
      <c r="FWY155" s="31"/>
      <c r="FWZ155" s="31"/>
      <c r="FXA155" s="31"/>
      <c r="FXB155" s="31"/>
      <c r="FXC155" s="31"/>
      <c r="FXD155" s="31"/>
      <c r="FXE155" s="31"/>
      <c r="FXF155" s="31"/>
      <c r="FXG155" s="31"/>
      <c r="FXH155" s="31"/>
      <c r="FXI155" s="31"/>
      <c r="FXJ155" s="31"/>
      <c r="FXK155" s="31"/>
      <c r="FXL155" s="31"/>
      <c r="FXM155" s="31"/>
      <c r="FXN155" s="31"/>
      <c r="FXO155" s="31"/>
      <c r="FXP155" s="31"/>
      <c r="FXQ155" s="31"/>
      <c r="FXR155" s="31"/>
      <c r="FXS155" s="31"/>
      <c r="FXT155" s="31"/>
      <c r="FXU155" s="31"/>
      <c r="FXV155" s="31"/>
      <c r="FXW155" s="31"/>
      <c r="FXX155" s="31"/>
      <c r="FXY155" s="31"/>
      <c r="FXZ155" s="31"/>
      <c r="FYA155" s="31"/>
      <c r="FYB155" s="31"/>
      <c r="FYC155" s="31"/>
      <c r="FYD155" s="31"/>
      <c r="FYE155" s="31"/>
      <c r="FYF155" s="31"/>
      <c r="FYG155" s="31"/>
      <c r="FYH155" s="31"/>
      <c r="FYI155" s="31"/>
      <c r="FYJ155" s="31"/>
      <c r="FYK155" s="31"/>
      <c r="FYL155" s="31"/>
      <c r="FYM155" s="31"/>
      <c r="FYN155" s="31"/>
      <c r="FYO155" s="31"/>
      <c r="FYP155" s="31"/>
      <c r="FYQ155" s="31"/>
      <c r="FYR155" s="31"/>
      <c r="FYS155" s="31"/>
      <c r="FYT155" s="31"/>
      <c r="FYU155" s="31"/>
      <c r="FYV155" s="31"/>
      <c r="FYW155" s="31"/>
      <c r="FYX155" s="31"/>
      <c r="FYY155" s="31"/>
      <c r="FYZ155" s="31"/>
      <c r="FZA155" s="31"/>
      <c r="FZB155" s="31"/>
      <c r="FZC155" s="31"/>
      <c r="FZD155" s="31"/>
      <c r="FZE155" s="31"/>
      <c r="FZF155" s="31"/>
      <c r="FZG155" s="31"/>
      <c r="FZH155" s="31"/>
      <c r="FZI155" s="31"/>
      <c r="FZJ155" s="31"/>
      <c r="FZK155" s="31"/>
      <c r="FZL155" s="31"/>
      <c r="FZM155" s="31"/>
      <c r="FZN155" s="31"/>
      <c r="FZO155" s="31"/>
      <c r="FZP155" s="31"/>
      <c r="FZQ155" s="31"/>
      <c r="FZR155" s="31"/>
      <c r="FZS155" s="31"/>
      <c r="FZT155" s="31"/>
      <c r="FZU155" s="31"/>
      <c r="FZV155" s="31"/>
      <c r="FZW155" s="31"/>
      <c r="FZX155" s="31"/>
      <c r="FZY155" s="31"/>
      <c r="FZZ155" s="31"/>
      <c r="GAA155" s="31"/>
      <c r="GAB155" s="31"/>
      <c r="GAC155" s="31"/>
      <c r="GAD155" s="31"/>
      <c r="GAE155" s="31"/>
      <c r="GAF155" s="31"/>
      <c r="GAG155" s="31"/>
      <c r="GAH155" s="31"/>
      <c r="GAI155" s="31"/>
      <c r="GAJ155" s="31"/>
      <c r="GAK155" s="31"/>
      <c r="GAL155" s="31"/>
      <c r="GAM155" s="31"/>
      <c r="GAN155" s="31"/>
      <c r="GAO155" s="31"/>
      <c r="GAP155" s="31"/>
      <c r="GAQ155" s="31"/>
      <c r="GAR155" s="31"/>
      <c r="GAS155" s="31"/>
      <c r="GAT155" s="31"/>
      <c r="GAU155" s="31"/>
      <c r="GAV155" s="31"/>
      <c r="GAW155" s="31"/>
      <c r="GAX155" s="31"/>
      <c r="GAY155" s="31"/>
      <c r="GAZ155" s="31"/>
      <c r="GBA155" s="31"/>
      <c r="GBB155" s="31"/>
      <c r="GBC155" s="31"/>
      <c r="GBD155" s="31"/>
      <c r="GBE155" s="31"/>
      <c r="GBF155" s="31"/>
      <c r="GBG155" s="31"/>
      <c r="GBH155" s="31"/>
      <c r="GBI155" s="31"/>
      <c r="GBJ155" s="31"/>
      <c r="GBK155" s="31"/>
      <c r="GBL155" s="31"/>
      <c r="GBM155" s="31"/>
      <c r="GBN155" s="31"/>
      <c r="GBO155" s="31"/>
      <c r="GBP155" s="31"/>
      <c r="GBQ155" s="31"/>
      <c r="GBR155" s="31"/>
      <c r="GBS155" s="31"/>
      <c r="GBT155" s="31"/>
      <c r="GBU155" s="31"/>
      <c r="GBV155" s="31"/>
      <c r="GBW155" s="31"/>
      <c r="GBX155" s="31"/>
      <c r="GBY155" s="31"/>
      <c r="GBZ155" s="31"/>
      <c r="GCA155" s="31"/>
      <c r="GCB155" s="31"/>
      <c r="GCC155" s="31"/>
      <c r="GCD155" s="31"/>
      <c r="GCE155" s="31"/>
      <c r="GCF155" s="31"/>
      <c r="GCG155" s="31"/>
      <c r="GCH155" s="31"/>
      <c r="GCI155" s="31"/>
      <c r="GCJ155" s="31"/>
      <c r="GCK155" s="31"/>
      <c r="GCL155" s="31"/>
      <c r="GCM155" s="31"/>
      <c r="GCN155" s="31"/>
      <c r="GCO155" s="31"/>
      <c r="GCP155" s="31"/>
      <c r="GCQ155" s="31"/>
      <c r="GCR155" s="31"/>
      <c r="GCS155" s="31"/>
      <c r="GCT155" s="31"/>
      <c r="GCU155" s="31"/>
      <c r="GCV155" s="31"/>
      <c r="GCW155" s="31"/>
      <c r="GCX155" s="31"/>
      <c r="GCY155" s="31"/>
      <c r="GCZ155" s="31"/>
      <c r="GDA155" s="31"/>
      <c r="GDB155" s="31"/>
      <c r="GDC155" s="31"/>
      <c r="GDD155" s="31"/>
      <c r="GDE155" s="31"/>
      <c r="GDF155" s="31"/>
      <c r="GDG155" s="31"/>
      <c r="GDH155" s="31"/>
      <c r="GDI155" s="31"/>
      <c r="GDJ155" s="31"/>
      <c r="GDK155" s="31"/>
      <c r="GDL155" s="31"/>
      <c r="GDM155" s="31"/>
      <c r="GDN155" s="31"/>
      <c r="GDO155" s="31"/>
      <c r="GDP155" s="31"/>
      <c r="GDQ155" s="31"/>
      <c r="GDR155" s="31"/>
      <c r="GDS155" s="31"/>
      <c r="GDT155" s="31"/>
      <c r="GDU155" s="31"/>
      <c r="GDV155" s="31"/>
      <c r="GDW155" s="31"/>
      <c r="GDX155" s="31"/>
      <c r="GDY155" s="31"/>
      <c r="GDZ155" s="31"/>
      <c r="GEA155" s="31"/>
      <c r="GEB155" s="31"/>
      <c r="GEC155" s="31"/>
      <c r="GED155" s="31"/>
      <c r="GEE155" s="31"/>
      <c r="GEF155" s="31"/>
      <c r="GEG155" s="31"/>
      <c r="GEH155" s="31"/>
      <c r="GEI155" s="31"/>
      <c r="GEJ155" s="31"/>
      <c r="GEK155" s="31"/>
      <c r="GEL155" s="31"/>
      <c r="GEM155" s="31"/>
      <c r="GEN155" s="31"/>
      <c r="GEO155" s="31"/>
      <c r="GEP155" s="31"/>
      <c r="GEQ155" s="31"/>
      <c r="GER155" s="31"/>
      <c r="GES155" s="31"/>
      <c r="GET155" s="31"/>
      <c r="GEU155" s="31"/>
      <c r="GEV155" s="31"/>
      <c r="GEW155" s="31"/>
      <c r="GEX155" s="31"/>
      <c r="GEY155" s="31"/>
      <c r="GEZ155" s="31"/>
      <c r="GFA155" s="31"/>
      <c r="GFB155" s="31"/>
      <c r="GFC155" s="31"/>
      <c r="GFD155" s="31"/>
      <c r="GFE155" s="31"/>
      <c r="GFF155" s="31"/>
      <c r="GFG155" s="31"/>
      <c r="GFH155" s="31"/>
      <c r="GFI155" s="31"/>
      <c r="GFJ155" s="31"/>
      <c r="GFK155" s="31"/>
      <c r="GFL155" s="31"/>
      <c r="GFM155" s="31"/>
      <c r="GFN155" s="31"/>
      <c r="GFO155" s="31"/>
      <c r="GFP155" s="31"/>
      <c r="GFQ155" s="31"/>
      <c r="GFR155" s="31"/>
      <c r="GFS155" s="31"/>
      <c r="GFT155" s="31"/>
      <c r="GFU155" s="31"/>
      <c r="GFV155" s="31"/>
      <c r="GFW155" s="31"/>
      <c r="GFX155" s="31"/>
      <c r="GFY155" s="31"/>
      <c r="GFZ155" s="31"/>
      <c r="GGA155" s="31"/>
      <c r="GGB155" s="31"/>
      <c r="GGC155" s="31"/>
      <c r="GGD155" s="31"/>
      <c r="GGE155" s="31"/>
      <c r="GGF155" s="31"/>
      <c r="GGG155" s="31"/>
      <c r="GGH155" s="31"/>
      <c r="GGI155" s="31"/>
      <c r="GGJ155" s="31"/>
      <c r="GGK155" s="31"/>
      <c r="GGL155" s="31"/>
      <c r="GGM155" s="31"/>
      <c r="GGN155" s="31"/>
      <c r="GGO155" s="31"/>
      <c r="GGP155" s="31"/>
      <c r="GGQ155" s="31"/>
      <c r="GGR155" s="31"/>
      <c r="GGS155" s="31"/>
      <c r="GGT155" s="31"/>
      <c r="GGU155" s="31"/>
      <c r="GGV155" s="31"/>
      <c r="GGW155" s="31"/>
      <c r="GGX155" s="31"/>
      <c r="GGY155" s="31"/>
      <c r="GGZ155" s="31"/>
      <c r="GHA155" s="31"/>
      <c r="GHB155" s="31"/>
      <c r="GHC155" s="31"/>
      <c r="GHD155" s="31"/>
      <c r="GHE155" s="31"/>
      <c r="GHF155" s="31"/>
      <c r="GHG155" s="31"/>
      <c r="GHH155" s="31"/>
      <c r="GHI155" s="31"/>
      <c r="GHJ155" s="31"/>
      <c r="GHK155" s="31"/>
      <c r="GHL155" s="31"/>
      <c r="GHM155" s="31"/>
      <c r="GHN155" s="31"/>
      <c r="GHO155" s="31"/>
      <c r="GHP155" s="31"/>
      <c r="GHQ155" s="31"/>
      <c r="GHR155" s="31"/>
      <c r="GHS155" s="31"/>
      <c r="GHT155" s="31"/>
      <c r="GHU155" s="31"/>
      <c r="GHV155" s="31"/>
      <c r="GHW155" s="31"/>
      <c r="GHX155" s="31"/>
      <c r="GHY155" s="31"/>
      <c r="GHZ155" s="31"/>
      <c r="GIA155" s="31"/>
      <c r="GIB155" s="31"/>
      <c r="GIC155" s="31"/>
      <c r="GID155" s="31"/>
      <c r="GIE155" s="31"/>
      <c r="GIF155" s="31"/>
      <c r="GIG155" s="31"/>
      <c r="GIH155" s="31"/>
      <c r="GII155" s="31"/>
      <c r="GIJ155" s="31"/>
      <c r="GIK155" s="31"/>
      <c r="GIL155" s="31"/>
      <c r="GIM155" s="31"/>
      <c r="GIN155" s="31"/>
      <c r="GIO155" s="31"/>
      <c r="GIP155" s="31"/>
      <c r="GIQ155" s="31"/>
      <c r="GIR155" s="31"/>
      <c r="GIS155" s="31"/>
      <c r="GIT155" s="31"/>
      <c r="GIU155" s="31"/>
      <c r="GIV155" s="31"/>
      <c r="GIW155" s="31"/>
      <c r="GIX155" s="31"/>
      <c r="GIY155" s="31"/>
      <c r="GIZ155" s="31"/>
      <c r="GJA155" s="31"/>
      <c r="GJB155" s="31"/>
      <c r="GJC155" s="31"/>
      <c r="GJD155" s="31"/>
      <c r="GJE155" s="31"/>
      <c r="GJF155" s="31"/>
      <c r="GJG155" s="31"/>
      <c r="GJH155" s="31"/>
      <c r="GJI155" s="31"/>
      <c r="GJJ155" s="31"/>
      <c r="GJK155" s="31"/>
      <c r="GJL155" s="31"/>
      <c r="GJM155" s="31"/>
      <c r="GJN155" s="31"/>
      <c r="GJO155" s="31"/>
      <c r="GJP155" s="31"/>
      <c r="GJQ155" s="31"/>
      <c r="GJR155" s="31"/>
      <c r="GJS155" s="31"/>
      <c r="GJT155" s="31"/>
      <c r="GJU155" s="31"/>
      <c r="GJV155" s="31"/>
      <c r="GJW155" s="31"/>
      <c r="GJX155" s="31"/>
      <c r="GJY155" s="31"/>
      <c r="GJZ155" s="31"/>
      <c r="GKA155" s="31"/>
      <c r="GKB155" s="31"/>
      <c r="GKC155" s="31"/>
      <c r="GKD155" s="31"/>
      <c r="GKE155" s="31"/>
      <c r="GKF155" s="31"/>
      <c r="GKG155" s="31"/>
      <c r="GKH155" s="31"/>
      <c r="GKI155" s="31"/>
      <c r="GKJ155" s="31"/>
      <c r="GKK155" s="31"/>
      <c r="GKL155" s="31"/>
      <c r="GKM155" s="31"/>
      <c r="GKN155" s="31"/>
      <c r="GKO155" s="31"/>
      <c r="GKP155" s="31"/>
      <c r="GKQ155" s="31"/>
      <c r="GKR155" s="31"/>
      <c r="GKS155" s="31"/>
      <c r="GKT155" s="31"/>
      <c r="GKU155" s="31"/>
      <c r="GKV155" s="31"/>
      <c r="GKW155" s="31"/>
      <c r="GKX155" s="31"/>
      <c r="GKY155" s="31"/>
      <c r="GKZ155" s="31"/>
      <c r="GLA155" s="31"/>
      <c r="GLB155" s="31"/>
      <c r="GLC155" s="31"/>
      <c r="GLD155" s="31"/>
      <c r="GLE155" s="31"/>
      <c r="GLF155" s="31"/>
      <c r="GLG155" s="31"/>
      <c r="GLH155" s="31"/>
      <c r="GLI155" s="31"/>
      <c r="GLJ155" s="31"/>
      <c r="GLK155" s="31"/>
      <c r="GLL155" s="31"/>
      <c r="GLM155" s="31"/>
      <c r="GLN155" s="31"/>
      <c r="GLO155" s="31"/>
      <c r="GLP155" s="31"/>
      <c r="GLQ155" s="31"/>
      <c r="GLR155" s="31"/>
      <c r="GLS155" s="31"/>
      <c r="GLT155" s="31"/>
      <c r="GLU155" s="31"/>
      <c r="GLV155" s="31"/>
      <c r="GLW155" s="31"/>
      <c r="GLX155" s="31"/>
      <c r="GLY155" s="31"/>
      <c r="GLZ155" s="31"/>
      <c r="GMA155" s="31"/>
      <c r="GMB155" s="31"/>
      <c r="GMC155" s="31"/>
      <c r="GMD155" s="31"/>
      <c r="GME155" s="31"/>
      <c r="GMF155" s="31"/>
      <c r="GMG155" s="31"/>
      <c r="GMH155" s="31"/>
      <c r="GMI155" s="31"/>
      <c r="GMJ155" s="31"/>
      <c r="GMK155" s="31"/>
      <c r="GML155" s="31"/>
      <c r="GMM155" s="31"/>
      <c r="GMN155" s="31"/>
      <c r="GMO155" s="31"/>
      <c r="GMP155" s="31"/>
      <c r="GMQ155" s="31"/>
      <c r="GMR155" s="31"/>
      <c r="GMS155" s="31"/>
      <c r="GMT155" s="31"/>
      <c r="GMU155" s="31"/>
      <c r="GMV155" s="31"/>
      <c r="GMW155" s="31"/>
      <c r="GMX155" s="31"/>
      <c r="GMY155" s="31"/>
      <c r="GMZ155" s="31"/>
      <c r="GNA155" s="31"/>
      <c r="GNB155" s="31"/>
      <c r="GNC155" s="31"/>
      <c r="GND155" s="31"/>
      <c r="GNE155" s="31"/>
      <c r="GNF155" s="31"/>
      <c r="GNG155" s="31"/>
      <c r="GNH155" s="31"/>
      <c r="GNI155" s="31"/>
      <c r="GNJ155" s="31"/>
      <c r="GNK155" s="31"/>
      <c r="GNL155" s="31"/>
      <c r="GNM155" s="31"/>
      <c r="GNN155" s="31"/>
      <c r="GNO155" s="31"/>
      <c r="GNP155" s="31"/>
      <c r="GNQ155" s="31"/>
      <c r="GNR155" s="31"/>
      <c r="GNS155" s="31"/>
      <c r="GNT155" s="31"/>
      <c r="GNU155" s="31"/>
      <c r="GNV155" s="31"/>
      <c r="GNW155" s="31"/>
      <c r="GNX155" s="31"/>
      <c r="GNY155" s="31"/>
      <c r="GNZ155" s="31"/>
      <c r="GOA155" s="31"/>
      <c r="GOB155" s="31"/>
      <c r="GOC155" s="31"/>
      <c r="GOD155" s="31"/>
      <c r="GOE155" s="31"/>
      <c r="GOF155" s="31"/>
      <c r="GOG155" s="31"/>
      <c r="GOH155" s="31"/>
      <c r="GOI155" s="31"/>
      <c r="GOJ155" s="31"/>
      <c r="GOK155" s="31"/>
      <c r="GOL155" s="31"/>
      <c r="GOM155" s="31"/>
      <c r="GON155" s="31"/>
      <c r="GOO155" s="31"/>
      <c r="GOP155" s="31"/>
      <c r="GOQ155" s="31"/>
      <c r="GOR155" s="31"/>
      <c r="GOS155" s="31"/>
      <c r="GOT155" s="31"/>
      <c r="GOU155" s="31"/>
      <c r="GOV155" s="31"/>
      <c r="GOW155" s="31"/>
      <c r="GOX155" s="31"/>
      <c r="GOY155" s="31"/>
      <c r="GOZ155" s="31"/>
      <c r="GPA155" s="31"/>
      <c r="GPB155" s="31"/>
      <c r="GPC155" s="31"/>
      <c r="GPD155" s="31"/>
      <c r="GPE155" s="31"/>
      <c r="GPF155" s="31"/>
      <c r="GPG155" s="31"/>
      <c r="GPH155" s="31"/>
      <c r="GPI155" s="31"/>
      <c r="GPJ155" s="31"/>
      <c r="GPK155" s="31"/>
      <c r="GPL155" s="31"/>
      <c r="GPM155" s="31"/>
      <c r="GPN155" s="31"/>
      <c r="GPO155" s="31"/>
      <c r="GPP155" s="31"/>
      <c r="GPQ155" s="31"/>
      <c r="GPR155" s="31"/>
      <c r="GPS155" s="31"/>
      <c r="GPT155" s="31"/>
      <c r="GPU155" s="31"/>
      <c r="GPV155" s="31"/>
      <c r="GPW155" s="31"/>
      <c r="GPX155" s="31"/>
      <c r="GPY155" s="31"/>
      <c r="GPZ155" s="31"/>
      <c r="GQA155" s="31"/>
      <c r="GQB155" s="31"/>
      <c r="GQC155" s="31"/>
      <c r="GQD155" s="31"/>
      <c r="GQE155" s="31"/>
      <c r="GQF155" s="31"/>
      <c r="GQG155" s="31"/>
      <c r="GQH155" s="31"/>
      <c r="GQI155" s="31"/>
      <c r="GQJ155" s="31"/>
      <c r="GQK155" s="31"/>
      <c r="GQL155" s="31"/>
      <c r="GQM155" s="31"/>
      <c r="GQN155" s="31"/>
      <c r="GQO155" s="31"/>
      <c r="GQP155" s="31"/>
      <c r="GQQ155" s="31"/>
      <c r="GQR155" s="31"/>
      <c r="GQS155" s="31"/>
      <c r="GQT155" s="31"/>
      <c r="GQU155" s="31"/>
      <c r="GQV155" s="31"/>
      <c r="GQW155" s="31"/>
      <c r="GQX155" s="31"/>
      <c r="GQY155" s="31"/>
      <c r="GQZ155" s="31"/>
      <c r="GRA155" s="31"/>
      <c r="GRB155" s="31"/>
      <c r="GRC155" s="31"/>
      <c r="GRD155" s="31"/>
      <c r="GRE155" s="31"/>
      <c r="GRF155" s="31"/>
      <c r="GRG155" s="31"/>
      <c r="GRH155" s="31"/>
      <c r="GRI155" s="31"/>
      <c r="GRJ155" s="31"/>
      <c r="GRK155" s="31"/>
      <c r="GRL155" s="31"/>
      <c r="GRM155" s="31"/>
      <c r="GRN155" s="31"/>
      <c r="GRO155" s="31"/>
      <c r="GRP155" s="31"/>
      <c r="GRQ155" s="31"/>
      <c r="GRR155" s="31"/>
      <c r="GRS155" s="31"/>
      <c r="GRT155" s="31"/>
      <c r="GRU155" s="31"/>
      <c r="GRV155" s="31"/>
      <c r="GRW155" s="31"/>
      <c r="GRX155" s="31"/>
      <c r="GRY155" s="31"/>
      <c r="GRZ155" s="31"/>
      <c r="GSA155" s="31"/>
      <c r="GSB155" s="31"/>
      <c r="GSC155" s="31"/>
      <c r="GSD155" s="31"/>
      <c r="GSE155" s="31"/>
      <c r="GSF155" s="31"/>
      <c r="GSG155" s="31"/>
      <c r="GSH155" s="31"/>
      <c r="GSI155" s="31"/>
      <c r="GSJ155" s="31"/>
      <c r="GSK155" s="31"/>
      <c r="GSL155" s="31"/>
      <c r="GSM155" s="31"/>
      <c r="GSN155" s="31"/>
      <c r="GSO155" s="31"/>
      <c r="GSP155" s="31"/>
      <c r="GSQ155" s="31"/>
      <c r="GSR155" s="31"/>
      <c r="GSS155" s="31"/>
      <c r="GST155" s="31"/>
      <c r="GSU155" s="31"/>
      <c r="GSV155" s="31"/>
      <c r="GSW155" s="31"/>
      <c r="GSX155" s="31"/>
      <c r="GSY155" s="31"/>
      <c r="GSZ155" s="31"/>
      <c r="GTA155" s="31"/>
      <c r="GTB155" s="31"/>
      <c r="GTC155" s="31"/>
      <c r="GTD155" s="31"/>
      <c r="GTE155" s="31"/>
      <c r="GTF155" s="31"/>
      <c r="GTG155" s="31"/>
      <c r="GTH155" s="31"/>
      <c r="GTI155" s="31"/>
      <c r="GTJ155" s="31"/>
      <c r="GTK155" s="31"/>
      <c r="GTL155" s="31"/>
      <c r="GTM155" s="31"/>
      <c r="GTN155" s="31"/>
      <c r="GTO155" s="31"/>
      <c r="GTP155" s="31"/>
      <c r="GTQ155" s="31"/>
      <c r="GTR155" s="31"/>
      <c r="GTS155" s="31"/>
      <c r="GTT155" s="31"/>
      <c r="GTU155" s="31"/>
      <c r="GTV155" s="31"/>
      <c r="GTW155" s="31"/>
      <c r="GTX155" s="31"/>
      <c r="GTY155" s="31"/>
      <c r="GTZ155" s="31"/>
      <c r="GUA155" s="31"/>
      <c r="GUB155" s="31"/>
      <c r="GUC155" s="31"/>
      <c r="GUD155" s="31"/>
      <c r="GUE155" s="31"/>
      <c r="GUF155" s="31"/>
      <c r="GUG155" s="31"/>
      <c r="GUH155" s="31"/>
      <c r="GUI155" s="31"/>
      <c r="GUJ155" s="31"/>
      <c r="GUK155" s="31"/>
      <c r="GUL155" s="31"/>
      <c r="GUM155" s="31"/>
      <c r="GUN155" s="31"/>
      <c r="GUO155" s="31"/>
      <c r="GUP155" s="31"/>
      <c r="GUQ155" s="31"/>
      <c r="GUR155" s="31"/>
      <c r="GUS155" s="31"/>
      <c r="GUT155" s="31"/>
      <c r="GUU155" s="31"/>
      <c r="GUV155" s="31"/>
      <c r="GUW155" s="31"/>
      <c r="GUX155" s="31"/>
      <c r="GUY155" s="31"/>
      <c r="GUZ155" s="31"/>
      <c r="GVA155" s="31"/>
      <c r="GVB155" s="31"/>
      <c r="GVC155" s="31"/>
      <c r="GVD155" s="31"/>
      <c r="GVE155" s="31"/>
      <c r="GVF155" s="31"/>
      <c r="GVG155" s="31"/>
      <c r="GVH155" s="31"/>
      <c r="GVI155" s="31"/>
      <c r="GVJ155" s="31"/>
      <c r="GVK155" s="31"/>
      <c r="GVL155" s="31"/>
      <c r="GVM155" s="31"/>
      <c r="GVN155" s="31"/>
      <c r="GVO155" s="31"/>
      <c r="GVP155" s="31"/>
      <c r="GVQ155" s="31"/>
      <c r="GVR155" s="31"/>
      <c r="GVS155" s="31"/>
      <c r="GVT155" s="31"/>
      <c r="GVU155" s="31"/>
      <c r="GVV155" s="31"/>
      <c r="GVW155" s="31"/>
      <c r="GVX155" s="31"/>
      <c r="GVY155" s="31"/>
      <c r="GVZ155" s="31"/>
      <c r="GWA155" s="31"/>
      <c r="GWB155" s="31"/>
      <c r="GWC155" s="31"/>
      <c r="GWD155" s="31"/>
      <c r="GWE155" s="31"/>
      <c r="GWF155" s="31"/>
      <c r="GWG155" s="31"/>
      <c r="GWH155" s="31"/>
      <c r="GWI155" s="31"/>
      <c r="GWJ155" s="31"/>
      <c r="GWK155" s="31"/>
      <c r="GWL155" s="31"/>
      <c r="GWM155" s="31"/>
      <c r="GWN155" s="31"/>
      <c r="GWO155" s="31"/>
      <c r="GWP155" s="31"/>
      <c r="GWQ155" s="31"/>
      <c r="GWR155" s="31"/>
      <c r="GWS155" s="31"/>
      <c r="GWT155" s="31"/>
      <c r="GWU155" s="31"/>
      <c r="GWV155" s="31"/>
      <c r="GWW155" s="31"/>
      <c r="GWX155" s="31"/>
      <c r="GWY155" s="31"/>
      <c r="GWZ155" s="31"/>
      <c r="GXA155" s="31"/>
      <c r="GXB155" s="31"/>
      <c r="GXC155" s="31"/>
      <c r="GXD155" s="31"/>
      <c r="GXE155" s="31"/>
      <c r="GXF155" s="31"/>
      <c r="GXG155" s="31"/>
      <c r="GXH155" s="31"/>
      <c r="GXI155" s="31"/>
      <c r="GXJ155" s="31"/>
      <c r="GXK155" s="31"/>
      <c r="GXL155" s="31"/>
      <c r="GXM155" s="31"/>
      <c r="GXN155" s="31"/>
      <c r="GXO155" s="31"/>
      <c r="GXP155" s="31"/>
      <c r="GXQ155" s="31"/>
      <c r="GXR155" s="31"/>
      <c r="GXS155" s="31"/>
      <c r="GXT155" s="31"/>
      <c r="GXU155" s="31"/>
      <c r="GXV155" s="31"/>
      <c r="GXW155" s="31"/>
      <c r="GXX155" s="31"/>
      <c r="GXY155" s="31"/>
      <c r="GXZ155" s="31"/>
      <c r="GYA155" s="31"/>
      <c r="GYB155" s="31"/>
      <c r="GYC155" s="31"/>
      <c r="GYD155" s="31"/>
      <c r="GYE155" s="31"/>
      <c r="GYF155" s="31"/>
      <c r="GYG155" s="31"/>
      <c r="GYH155" s="31"/>
      <c r="GYI155" s="31"/>
      <c r="GYJ155" s="31"/>
      <c r="GYK155" s="31"/>
      <c r="GYL155" s="31"/>
      <c r="GYM155" s="31"/>
      <c r="GYN155" s="31"/>
      <c r="GYO155" s="31"/>
      <c r="GYP155" s="31"/>
      <c r="GYQ155" s="31"/>
      <c r="GYR155" s="31"/>
      <c r="GYS155" s="31"/>
      <c r="GYT155" s="31"/>
      <c r="GYU155" s="31"/>
      <c r="GYV155" s="31"/>
      <c r="GYW155" s="31"/>
      <c r="GYX155" s="31"/>
      <c r="GYY155" s="31"/>
      <c r="GYZ155" s="31"/>
      <c r="GZA155" s="31"/>
      <c r="GZB155" s="31"/>
      <c r="GZC155" s="31"/>
      <c r="GZD155" s="31"/>
      <c r="GZE155" s="31"/>
      <c r="GZF155" s="31"/>
      <c r="GZG155" s="31"/>
      <c r="GZH155" s="31"/>
      <c r="GZI155" s="31"/>
      <c r="GZJ155" s="31"/>
      <c r="GZK155" s="31"/>
      <c r="GZL155" s="31"/>
      <c r="GZM155" s="31"/>
      <c r="GZN155" s="31"/>
      <c r="GZO155" s="31"/>
      <c r="GZP155" s="31"/>
      <c r="GZQ155" s="31"/>
      <c r="GZR155" s="31"/>
      <c r="GZS155" s="31"/>
      <c r="GZT155" s="31"/>
      <c r="GZU155" s="31"/>
      <c r="GZV155" s="31"/>
      <c r="GZW155" s="31"/>
      <c r="GZX155" s="31"/>
      <c r="GZY155" s="31"/>
      <c r="GZZ155" s="31"/>
      <c r="HAA155" s="31"/>
      <c r="HAB155" s="31"/>
      <c r="HAC155" s="31"/>
      <c r="HAD155" s="31"/>
      <c r="HAE155" s="31"/>
      <c r="HAF155" s="31"/>
      <c r="HAG155" s="31"/>
      <c r="HAH155" s="31"/>
      <c r="HAI155" s="31"/>
      <c r="HAJ155" s="31"/>
      <c r="HAK155" s="31"/>
      <c r="HAL155" s="31"/>
      <c r="HAM155" s="31"/>
      <c r="HAN155" s="31"/>
      <c r="HAO155" s="31"/>
      <c r="HAP155" s="31"/>
      <c r="HAQ155" s="31"/>
      <c r="HAR155" s="31"/>
      <c r="HAS155" s="31"/>
      <c r="HAT155" s="31"/>
      <c r="HAU155" s="31"/>
      <c r="HAV155" s="31"/>
      <c r="HAW155" s="31"/>
      <c r="HAX155" s="31"/>
      <c r="HAY155" s="31"/>
      <c r="HAZ155" s="31"/>
      <c r="HBA155" s="31"/>
      <c r="HBB155" s="31"/>
      <c r="HBC155" s="31"/>
      <c r="HBD155" s="31"/>
      <c r="HBE155" s="31"/>
      <c r="HBF155" s="31"/>
      <c r="HBG155" s="31"/>
      <c r="HBH155" s="31"/>
      <c r="HBI155" s="31"/>
      <c r="HBJ155" s="31"/>
      <c r="HBK155" s="31"/>
      <c r="HBL155" s="31"/>
      <c r="HBM155" s="31"/>
      <c r="HBN155" s="31"/>
      <c r="HBO155" s="31"/>
      <c r="HBP155" s="31"/>
      <c r="HBQ155" s="31"/>
      <c r="HBR155" s="31"/>
      <c r="HBS155" s="31"/>
      <c r="HBT155" s="31"/>
      <c r="HBU155" s="31"/>
      <c r="HBV155" s="31"/>
      <c r="HBW155" s="31"/>
      <c r="HBX155" s="31"/>
      <c r="HBY155" s="31"/>
      <c r="HBZ155" s="31"/>
      <c r="HCA155" s="31"/>
      <c r="HCB155" s="31"/>
      <c r="HCC155" s="31"/>
      <c r="HCD155" s="31"/>
      <c r="HCE155" s="31"/>
      <c r="HCF155" s="31"/>
      <c r="HCG155" s="31"/>
      <c r="HCH155" s="31"/>
      <c r="HCI155" s="31"/>
      <c r="HCJ155" s="31"/>
      <c r="HCK155" s="31"/>
      <c r="HCL155" s="31"/>
      <c r="HCM155" s="31"/>
      <c r="HCN155" s="31"/>
      <c r="HCO155" s="31"/>
      <c r="HCP155" s="31"/>
      <c r="HCQ155" s="31"/>
      <c r="HCR155" s="31"/>
      <c r="HCS155" s="31"/>
      <c r="HCT155" s="31"/>
      <c r="HCU155" s="31"/>
      <c r="HCV155" s="31"/>
      <c r="HCW155" s="31"/>
      <c r="HCX155" s="31"/>
      <c r="HCY155" s="31"/>
      <c r="HCZ155" s="31"/>
      <c r="HDA155" s="31"/>
      <c r="HDB155" s="31"/>
      <c r="HDC155" s="31"/>
      <c r="HDD155" s="31"/>
      <c r="HDE155" s="31"/>
      <c r="HDF155" s="31"/>
      <c r="HDG155" s="31"/>
      <c r="HDH155" s="31"/>
      <c r="HDI155" s="31"/>
      <c r="HDJ155" s="31"/>
      <c r="HDK155" s="31"/>
      <c r="HDL155" s="31"/>
      <c r="HDM155" s="31"/>
      <c r="HDN155" s="31"/>
      <c r="HDO155" s="31"/>
      <c r="HDP155" s="31"/>
      <c r="HDQ155" s="31"/>
      <c r="HDR155" s="31"/>
      <c r="HDS155" s="31"/>
      <c r="HDT155" s="31"/>
      <c r="HDU155" s="31"/>
      <c r="HDV155" s="31"/>
      <c r="HDW155" s="31"/>
      <c r="HDX155" s="31"/>
      <c r="HDY155" s="31"/>
      <c r="HDZ155" s="31"/>
      <c r="HEA155" s="31"/>
      <c r="HEB155" s="31"/>
      <c r="HEC155" s="31"/>
      <c r="HED155" s="31"/>
      <c r="HEE155" s="31"/>
      <c r="HEF155" s="31"/>
      <c r="HEG155" s="31"/>
      <c r="HEH155" s="31"/>
      <c r="HEI155" s="31"/>
      <c r="HEJ155" s="31"/>
      <c r="HEK155" s="31"/>
      <c r="HEL155" s="31"/>
      <c r="HEM155" s="31"/>
      <c r="HEN155" s="31"/>
      <c r="HEO155" s="31"/>
      <c r="HEP155" s="31"/>
      <c r="HEQ155" s="31"/>
      <c r="HER155" s="31"/>
      <c r="HES155" s="31"/>
      <c r="HET155" s="31"/>
      <c r="HEU155" s="31"/>
      <c r="HEV155" s="31"/>
      <c r="HEW155" s="31"/>
      <c r="HEX155" s="31"/>
      <c r="HEY155" s="31"/>
      <c r="HEZ155" s="31"/>
      <c r="HFA155" s="31"/>
      <c r="HFB155" s="31"/>
      <c r="HFC155" s="31"/>
      <c r="HFD155" s="31"/>
      <c r="HFE155" s="31"/>
      <c r="HFF155" s="31"/>
      <c r="HFG155" s="31"/>
      <c r="HFH155" s="31"/>
      <c r="HFI155" s="31"/>
      <c r="HFJ155" s="31"/>
      <c r="HFK155" s="31"/>
      <c r="HFL155" s="31"/>
      <c r="HFM155" s="31"/>
      <c r="HFN155" s="31"/>
      <c r="HFO155" s="31"/>
      <c r="HFP155" s="31"/>
      <c r="HFQ155" s="31"/>
      <c r="HFR155" s="31"/>
      <c r="HFS155" s="31"/>
      <c r="HFT155" s="31"/>
      <c r="HFU155" s="31"/>
      <c r="HFV155" s="31"/>
      <c r="HFW155" s="31"/>
      <c r="HFX155" s="31"/>
      <c r="HFY155" s="31"/>
      <c r="HFZ155" s="31"/>
      <c r="HGA155" s="31"/>
      <c r="HGB155" s="31"/>
      <c r="HGC155" s="31"/>
      <c r="HGD155" s="31"/>
      <c r="HGE155" s="31"/>
      <c r="HGF155" s="31"/>
      <c r="HGG155" s="31"/>
      <c r="HGH155" s="31"/>
      <c r="HGI155" s="31"/>
      <c r="HGJ155" s="31"/>
      <c r="HGK155" s="31"/>
      <c r="HGL155" s="31"/>
      <c r="HGM155" s="31"/>
      <c r="HGN155" s="31"/>
      <c r="HGO155" s="31"/>
      <c r="HGP155" s="31"/>
      <c r="HGQ155" s="31"/>
      <c r="HGR155" s="31"/>
      <c r="HGS155" s="31"/>
      <c r="HGT155" s="31"/>
      <c r="HGU155" s="31"/>
      <c r="HGV155" s="31"/>
      <c r="HGW155" s="31"/>
      <c r="HGX155" s="31"/>
      <c r="HGY155" s="31"/>
      <c r="HGZ155" s="31"/>
      <c r="HHA155" s="31"/>
      <c r="HHB155" s="31"/>
      <c r="HHC155" s="31"/>
      <c r="HHD155" s="31"/>
      <c r="HHE155" s="31"/>
      <c r="HHF155" s="31"/>
      <c r="HHG155" s="31"/>
      <c r="HHH155" s="31"/>
      <c r="HHI155" s="31"/>
      <c r="HHJ155" s="31"/>
      <c r="HHK155" s="31"/>
      <c r="HHL155" s="31"/>
      <c r="HHM155" s="31"/>
      <c r="HHN155" s="31"/>
      <c r="HHO155" s="31"/>
      <c r="HHP155" s="31"/>
      <c r="HHQ155" s="31"/>
      <c r="HHR155" s="31"/>
      <c r="HHS155" s="31"/>
      <c r="HHT155" s="31"/>
      <c r="HHU155" s="31"/>
      <c r="HHV155" s="31"/>
      <c r="HHW155" s="31"/>
      <c r="HHX155" s="31"/>
      <c r="HHY155" s="31"/>
      <c r="HHZ155" s="31"/>
      <c r="HIA155" s="31"/>
      <c r="HIB155" s="31"/>
      <c r="HIC155" s="31"/>
      <c r="HID155" s="31"/>
      <c r="HIE155" s="31"/>
      <c r="HIF155" s="31"/>
      <c r="HIG155" s="31"/>
      <c r="HIH155" s="31"/>
      <c r="HII155" s="31"/>
      <c r="HIJ155" s="31"/>
      <c r="HIK155" s="31"/>
      <c r="HIL155" s="31"/>
      <c r="HIM155" s="31"/>
      <c r="HIN155" s="31"/>
      <c r="HIO155" s="31"/>
      <c r="HIP155" s="31"/>
      <c r="HIQ155" s="31"/>
      <c r="HIR155" s="31"/>
      <c r="HIS155" s="31"/>
      <c r="HIT155" s="31"/>
      <c r="HIU155" s="31"/>
      <c r="HIV155" s="31"/>
      <c r="HIW155" s="31"/>
      <c r="HIX155" s="31"/>
      <c r="HIY155" s="31"/>
      <c r="HIZ155" s="31"/>
      <c r="HJA155" s="31"/>
      <c r="HJB155" s="31"/>
      <c r="HJC155" s="31"/>
      <c r="HJD155" s="31"/>
      <c r="HJE155" s="31"/>
      <c r="HJF155" s="31"/>
      <c r="HJG155" s="31"/>
      <c r="HJH155" s="31"/>
      <c r="HJI155" s="31"/>
      <c r="HJJ155" s="31"/>
      <c r="HJK155" s="31"/>
      <c r="HJL155" s="31"/>
      <c r="HJM155" s="31"/>
      <c r="HJN155" s="31"/>
      <c r="HJO155" s="31"/>
      <c r="HJP155" s="31"/>
      <c r="HJQ155" s="31"/>
      <c r="HJR155" s="31"/>
      <c r="HJS155" s="31"/>
      <c r="HJT155" s="31"/>
      <c r="HJU155" s="31"/>
      <c r="HJV155" s="31"/>
      <c r="HJW155" s="31"/>
      <c r="HJX155" s="31"/>
      <c r="HJY155" s="31"/>
      <c r="HJZ155" s="31"/>
      <c r="HKA155" s="31"/>
      <c r="HKB155" s="31"/>
      <c r="HKC155" s="31"/>
      <c r="HKD155" s="31"/>
      <c r="HKE155" s="31"/>
      <c r="HKF155" s="31"/>
      <c r="HKG155" s="31"/>
      <c r="HKH155" s="31"/>
      <c r="HKI155" s="31"/>
      <c r="HKJ155" s="31"/>
      <c r="HKK155" s="31"/>
      <c r="HKL155" s="31"/>
      <c r="HKM155" s="31"/>
      <c r="HKN155" s="31"/>
      <c r="HKO155" s="31"/>
      <c r="HKP155" s="31"/>
      <c r="HKQ155" s="31"/>
      <c r="HKR155" s="31"/>
      <c r="HKS155" s="31"/>
      <c r="HKT155" s="31"/>
      <c r="HKU155" s="31"/>
      <c r="HKV155" s="31"/>
      <c r="HKW155" s="31"/>
      <c r="HKX155" s="31"/>
      <c r="HKY155" s="31"/>
      <c r="HKZ155" s="31"/>
      <c r="HLA155" s="31"/>
      <c r="HLB155" s="31"/>
      <c r="HLC155" s="31"/>
      <c r="HLD155" s="31"/>
      <c r="HLE155" s="31"/>
      <c r="HLF155" s="31"/>
      <c r="HLG155" s="31"/>
      <c r="HLH155" s="31"/>
      <c r="HLI155" s="31"/>
      <c r="HLJ155" s="31"/>
      <c r="HLK155" s="31"/>
      <c r="HLL155" s="31"/>
      <c r="HLM155" s="31"/>
      <c r="HLN155" s="31"/>
      <c r="HLO155" s="31"/>
      <c r="HLP155" s="31"/>
      <c r="HLQ155" s="31"/>
      <c r="HLR155" s="31"/>
      <c r="HLS155" s="31"/>
      <c r="HLT155" s="31"/>
      <c r="HLU155" s="31"/>
      <c r="HLV155" s="31"/>
      <c r="HLW155" s="31"/>
      <c r="HLX155" s="31"/>
      <c r="HLY155" s="31"/>
      <c r="HLZ155" s="31"/>
      <c r="HMA155" s="31"/>
      <c r="HMB155" s="31"/>
      <c r="HMC155" s="31"/>
      <c r="HMD155" s="31"/>
      <c r="HME155" s="31"/>
      <c r="HMF155" s="31"/>
      <c r="HMG155" s="31"/>
      <c r="HMH155" s="31"/>
      <c r="HMI155" s="31"/>
      <c r="HMJ155" s="31"/>
      <c r="HMK155" s="31"/>
      <c r="HML155" s="31"/>
      <c r="HMM155" s="31"/>
      <c r="HMN155" s="31"/>
      <c r="HMO155" s="31"/>
      <c r="HMP155" s="31"/>
      <c r="HMQ155" s="31"/>
      <c r="HMR155" s="31"/>
      <c r="HMS155" s="31"/>
      <c r="HMT155" s="31"/>
      <c r="HMU155" s="31"/>
      <c r="HMV155" s="31"/>
      <c r="HMW155" s="31"/>
      <c r="HMX155" s="31"/>
      <c r="HMY155" s="31"/>
      <c r="HMZ155" s="31"/>
      <c r="HNA155" s="31"/>
      <c r="HNB155" s="31"/>
      <c r="HNC155" s="31"/>
      <c r="HND155" s="31"/>
      <c r="HNE155" s="31"/>
      <c r="HNF155" s="31"/>
      <c r="HNG155" s="31"/>
      <c r="HNH155" s="31"/>
      <c r="HNI155" s="31"/>
      <c r="HNJ155" s="31"/>
      <c r="HNK155" s="31"/>
      <c r="HNL155" s="31"/>
      <c r="HNM155" s="31"/>
      <c r="HNN155" s="31"/>
      <c r="HNO155" s="31"/>
      <c r="HNP155" s="31"/>
      <c r="HNQ155" s="31"/>
      <c r="HNR155" s="31"/>
      <c r="HNS155" s="31"/>
      <c r="HNT155" s="31"/>
      <c r="HNU155" s="31"/>
      <c r="HNV155" s="31"/>
      <c r="HNW155" s="31"/>
      <c r="HNX155" s="31"/>
      <c r="HNY155" s="31"/>
      <c r="HNZ155" s="31"/>
      <c r="HOA155" s="31"/>
      <c r="HOB155" s="31"/>
      <c r="HOC155" s="31"/>
      <c r="HOD155" s="31"/>
      <c r="HOE155" s="31"/>
      <c r="HOF155" s="31"/>
      <c r="HOG155" s="31"/>
      <c r="HOH155" s="31"/>
      <c r="HOI155" s="31"/>
      <c r="HOJ155" s="31"/>
      <c r="HOK155" s="31"/>
      <c r="HOL155" s="31"/>
      <c r="HOM155" s="31"/>
      <c r="HON155" s="31"/>
      <c r="HOO155" s="31"/>
      <c r="HOP155" s="31"/>
      <c r="HOQ155" s="31"/>
      <c r="HOR155" s="31"/>
      <c r="HOS155" s="31"/>
      <c r="HOT155" s="31"/>
      <c r="HOU155" s="31"/>
      <c r="HOV155" s="31"/>
      <c r="HOW155" s="31"/>
      <c r="HOX155" s="31"/>
      <c r="HOY155" s="31"/>
      <c r="HOZ155" s="31"/>
      <c r="HPA155" s="31"/>
      <c r="HPB155" s="31"/>
      <c r="HPC155" s="31"/>
      <c r="HPD155" s="31"/>
      <c r="HPE155" s="31"/>
      <c r="HPF155" s="31"/>
      <c r="HPG155" s="31"/>
      <c r="HPH155" s="31"/>
      <c r="HPI155" s="31"/>
      <c r="HPJ155" s="31"/>
      <c r="HPK155" s="31"/>
      <c r="HPL155" s="31"/>
      <c r="HPM155" s="31"/>
      <c r="HPN155" s="31"/>
      <c r="HPO155" s="31"/>
      <c r="HPP155" s="31"/>
      <c r="HPQ155" s="31"/>
      <c r="HPR155" s="31"/>
      <c r="HPS155" s="31"/>
      <c r="HPT155" s="31"/>
      <c r="HPU155" s="31"/>
      <c r="HPV155" s="31"/>
      <c r="HPW155" s="31"/>
      <c r="HPX155" s="31"/>
      <c r="HPY155" s="31"/>
      <c r="HPZ155" s="31"/>
      <c r="HQA155" s="31"/>
      <c r="HQB155" s="31"/>
      <c r="HQC155" s="31"/>
      <c r="HQD155" s="31"/>
      <c r="HQE155" s="31"/>
      <c r="HQF155" s="31"/>
      <c r="HQG155" s="31"/>
      <c r="HQH155" s="31"/>
      <c r="HQI155" s="31"/>
      <c r="HQJ155" s="31"/>
      <c r="HQK155" s="31"/>
      <c r="HQL155" s="31"/>
      <c r="HQM155" s="31"/>
      <c r="HQN155" s="31"/>
      <c r="HQO155" s="31"/>
      <c r="HQP155" s="31"/>
      <c r="HQQ155" s="31"/>
      <c r="HQR155" s="31"/>
      <c r="HQS155" s="31"/>
      <c r="HQT155" s="31"/>
      <c r="HQU155" s="31"/>
      <c r="HQV155" s="31"/>
      <c r="HQW155" s="31"/>
      <c r="HQX155" s="31"/>
      <c r="HQY155" s="31"/>
      <c r="HQZ155" s="31"/>
      <c r="HRA155" s="31"/>
      <c r="HRB155" s="31"/>
      <c r="HRC155" s="31"/>
      <c r="HRD155" s="31"/>
      <c r="HRE155" s="31"/>
      <c r="HRF155" s="31"/>
      <c r="HRG155" s="31"/>
      <c r="HRH155" s="31"/>
      <c r="HRI155" s="31"/>
      <c r="HRJ155" s="31"/>
      <c r="HRK155" s="31"/>
      <c r="HRL155" s="31"/>
      <c r="HRM155" s="31"/>
      <c r="HRN155" s="31"/>
      <c r="HRO155" s="31"/>
      <c r="HRP155" s="31"/>
      <c r="HRQ155" s="31"/>
      <c r="HRR155" s="31"/>
      <c r="HRS155" s="31"/>
      <c r="HRT155" s="31"/>
      <c r="HRU155" s="31"/>
      <c r="HRV155" s="31"/>
      <c r="HRW155" s="31"/>
      <c r="HRX155" s="31"/>
      <c r="HRY155" s="31"/>
      <c r="HRZ155" s="31"/>
      <c r="HSA155" s="31"/>
      <c r="HSB155" s="31"/>
      <c r="HSC155" s="31"/>
      <c r="HSD155" s="31"/>
      <c r="HSE155" s="31"/>
      <c r="HSF155" s="31"/>
      <c r="HSG155" s="31"/>
      <c r="HSH155" s="31"/>
      <c r="HSI155" s="31"/>
      <c r="HSJ155" s="31"/>
      <c r="HSK155" s="31"/>
      <c r="HSL155" s="31"/>
      <c r="HSM155" s="31"/>
      <c r="HSN155" s="31"/>
      <c r="HSO155" s="31"/>
      <c r="HSP155" s="31"/>
      <c r="HSQ155" s="31"/>
      <c r="HSR155" s="31"/>
      <c r="HSS155" s="31"/>
      <c r="HST155" s="31"/>
      <c r="HSU155" s="31"/>
      <c r="HSV155" s="31"/>
      <c r="HSW155" s="31"/>
      <c r="HSX155" s="31"/>
      <c r="HSY155" s="31"/>
      <c r="HSZ155" s="31"/>
      <c r="HTA155" s="31"/>
      <c r="HTB155" s="31"/>
      <c r="HTC155" s="31"/>
      <c r="HTD155" s="31"/>
      <c r="HTE155" s="31"/>
      <c r="HTF155" s="31"/>
      <c r="HTG155" s="31"/>
      <c r="HTH155" s="31"/>
      <c r="HTI155" s="31"/>
      <c r="HTJ155" s="31"/>
      <c r="HTK155" s="31"/>
      <c r="HTL155" s="31"/>
      <c r="HTM155" s="31"/>
      <c r="HTN155" s="31"/>
      <c r="HTO155" s="31"/>
      <c r="HTP155" s="31"/>
      <c r="HTQ155" s="31"/>
      <c r="HTR155" s="31"/>
      <c r="HTS155" s="31"/>
      <c r="HTT155" s="31"/>
      <c r="HTU155" s="31"/>
      <c r="HTV155" s="31"/>
      <c r="HTW155" s="31"/>
      <c r="HTX155" s="31"/>
      <c r="HTY155" s="31"/>
      <c r="HTZ155" s="31"/>
      <c r="HUA155" s="31"/>
      <c r="HUB155" s="31"/>
      <c r="HUC155" s="31"/>
      <c r="HUD155" s="31"/>
      <c r="HUE155" s="31"/>
      <c r="HUF155" s="31"/>
      <c r="HUG155" s="31"/>
      <c r="HUH155" s="31"/>
      <c r="HUI155" s="31"/>
      <c r="HUJ155" s="31"/>
      <c r="HUK155" s="31"/>
      <c r="HUL155" s="31"/>
      <c r="HUM155" s="31"/>
      <c r="HUN155" s="31"/>
      <c r="HUO155" s="31"/>
      <c r="HUP155" s="31"/>
      <c r="HUQ155" s="31"/>
      <c r="HUR155" s="31"/>
      <c r="HUS155" s="31"/>
      <c r="HUT155" s="31"/>
      <c r="HUU155" s="31"/>
      <c r="HUV155" s="31"/>
      <c r="HUW155" s="31"/>
      <c r="HUX155" s="31"/>
      <c r="HUY155" s="31"/>
      <c r="HUZ155" s="31"/>
      <c r="HVA155" s="31"/>
      <c r="HVB155" s="31"/>
      <c r="HVC155" s="31"/>
      <c r="HVD155" s="31"/>
      <c r="HVE155" s="31"/>
      <c r="HVF155" s="31"/>
      <c r="HVG155" s="31"/>
      <c r="HVH155" s="31"/>
      <c r="HVI155" s="31"/>
      <c r="HVJ155" s="31"/>
      <c r="HVK155" s="31"/>
      <c r="HVL155" s="31"/>
      <c r="HVM155" s="31"/>
      <c r="HVN155" s="31"/>
      <c r="HVO155" s="31"/>
      <c r="HVP155" s="31"/>
      <c r="HVQ155" s="31"/>
      <c r="HVR155" s="31"/>
      <c r="HVS155" s="31"/>
      <c r="HVT155" s="31"/>
      <c r="HVU155" s="31"/>
      <c r="HVV155" s="31"/>
      <c r="HVW155" s="31"/>
      <c r="HVX155" s="31"/>
      <c r="HVY155" s="31"/>
      <c r="HVZ155" s="31"/>
      <c r="HWA155" s="31"/>
      <c r="HWB155" s="31"/>
      <c r="HWC155" s="31"/>
      <c r="HWD155" s="31"/>
      <c r="HWE155" s="31"/>
      <c r="HWF155" s="31"/>
      <c r="HWG155" s="31"/>
      <c r="HWH155" s="31"/>
      <c r="HWI155" s="31"/>
      <c r="HWJ155" s="31"/>
      <c r="HWK155" s="31"/>
      <c r="HWL155" s="31"/>
      <c r="HWM155" s="31"/>
      <c r="HWN155" s="31"/>
      <c r="HWO155" s="31"/>
      <c r="HWP155" s="31"/>
      <c r="HWQ155" s="31"/>
      <c r="HWR155" s="31"/>
      <c r="HWS155" s="31"/>
      <c r="HWT155" s="31"/>
      <c r="HWU155" s="31"/>
      <c r="HWV155" s="31"/>
      <c r="HWW155" s="31"/>
      <c r="HWX155" s="31"/>
      <c r="HWY155" s="31"/>
      <c r="HWZ155" s="31"/>
      <c r="HXA155" s="31"/>
      <c r="HXB155" s="31"/>
      <c r="HXC155" s="31"/>
      <c r="HXD155" s="31"/>
      <c r="HXE155" s="31"/>
      <c r="HXF155" s="31"/>
      <c r="HXG155" s="31"/>
      <c r="HXH155" s="31"/>
      <c r="HXI155" s="31"/>
      <c r="HXJ155" s="31"/>
      <c r="HXK155" s="31"/>
      <c r="HXL155" s="31"/>
      <c r="HXM155" s="31"/>
      <c r="HXN155" s="31"/>
      <c r="HXO155" s="31"/>
      <c r="HXP155" s="31"/>
      <c r="HXQ155" s="31"/>
      <c r="HXR155" s="31"/>
      <c r="HXS155" s="31"/>
      <c r="HXT155" s="31"/>
      <c r="HXU155" s="31"/>
      <c r="HXV155" s="31"/>
      <c r="HXW155" s="31"/>
      <c r="HXX155" s="31"/>
      <c r="HXY155" s="31"/>
      <c r="HXZ155" s="31"/>
      <c r="HYA155" s="31"/>
      <c r="HYB155" s="31"/>
      <c r="HYC155" s="31"/>
      <c r="HYD155" s="31"/>
      <c r="HYE155" s="31"/>
      <c r="HYF155" s="31"/>
      <c r="HYG155" s="31"/>
      <c r="HYH155" s="31"/>
      <c r="HYI155" s="31"/>
      <c r="HYJ155" s="31"/>
      <c r="HYK155" s="31"/>
      <c r="HYL155" s="31"/>
      <c r="HYM155" s="31"/>
      <c r="HYN155" s="31"/>
      <c r="HYO155" s="31"/>
      <c r="HYP155" s="31"/>
      <c r="HYQ155" s="31"/>
      <c r="HYR155" s="31"/>
      <c r="HYS155" s="31"/>
      <c r="HYT155" s="31"/>
      <c r="HYU155" s="31"/>
      <c r="HYV155" s="31"/>
      <c r="HYW155" s="31"/>
      <c r="HYX155" s="31"/>
      <c r="HYY155" s="31"/>
      <c r="HYZ155" s="31"/>
      <c r="HZA155" s="31"/>
      <c r="HZB155" s="31"/>
      <c r="HZC155" s="31"/>
      <c r="HZD155" s="31"/>
      <c r="HZE155" s="31"/>
      <c r="HZF155" s="31"/>
      <c r="HZG155" s="31"/>
      <c r="HZH155" s="31"/>
      <c r="HZI155" s="31"/>
      <c r="HZJ155" s="31"/>
      <c r="HZK155" s="31"/>
      <c r="HZL155" s="31"/>
      <c r="HZM155" s="31"/>
      <c r="HZN155" s="31"/>
      <c r="HZO155" s="31"/>
      <c r="HZP155" s="31"/>
      <c r="HZQ155" s="31"/>
      <c r="HZR155" s="31"/>
      <c r="HZS155" s="31"/>
      <c r="HZT155" s="31"/>
      <c r="HZU155" s="31"/>
      <c r="HZV155" s="31"/>
      <c r="HZW155" s="31"/>
      <c r="HZX155" s="31"/>
      <c r="HZY155" s="31"/>
      <c r="HZZ155" s="31"/>
      <c r="IAA155" s="31"/>
      <c r="IAB155" s="31"/>
      <c r="IAC155" s="31"/>
      <c r="IAD155" s="31"/>
      <c r="IAE155" s="31"/>
      <c r="IAF155" s="31"/>
      <c r="IAG155" s="31"/>
      <c r="IAH155" s="31"/>
      <c r="IAI155" s="31"/>
      <c r="IAJ155" s="31"/>
      <c r="IAK155" s="31"/>
      <c r="IAL155" s="31"/>
      <c r="IAM155" s="31"/>
      <c r="IAN155" s="31"/>
      <c r="IAO155" s="31"/>
      <c r="IAP155" s="31"/>
      <c r="IAQ155" s="31"/>
      <c r="IAR155" s="31"/>
      <c r="IAS155" s="31"/>
      <c r="IAT155" s="31"/>
      <c r="IAU155" s="31"/>
      <c r="IAV155" s="31"/>
      <c r="IAW155" s="31"/>
      <c r="IAX155" s="31"/>
      <c r="IAY155" s="31"/>
      <c r="IAZ155" s="31"/>
      <c r="IBA155" s="31"/>
      <c r="IBB155" s="31"/>
      <c r="IBC155" s="31"/>
      <c r="IBD155" s="31"/>
      <c r="IBE155" s="31"/>
      <c r="IBF155" s="31"/>
      <c r="IBG155" s="31"/>
      <c r="IBH155" s="31"/>
      <c r="IBI155" s="31"/>
      <c r="IBJ155" s="31"/>
      <c r="IBK155" s="31"/>
      <c r="IBL155" s="31"/>
      <c r="IBM155" s="31"/>
      <c r="IBN155" s="31"/>
      <c r="IBO155" s="31"/>
      <c r="IBP155" s="31"/>
      <c r="IBQ155" s="31"/>
      <c r="IBR155" s="31"/>
      <c r="IBS155" s="31"/>
      <c r="IBT155" s="31"/>
      <c r="IBU155" s="31"/>
      <c r="IBV155" s="31"/>
      <c r="IBW155" s="31"/>
      <c r="IBX155" s="31"/>
      <c r="IBY155" s="31"/>
      <c r="IBZ155" s="31"/>
      <c r="ICA155" s="31"/>
      <c r="ICB155" s="31"/>
      <c r="ICC155" s="31"/>
      <c r="ICD155" s="31"/>
      <c r="ICE155" s="31"/>
      <c r="ICF155" s="31"/>
      <c r="ICG155" s="31"/>
      <c r="ICH155" s="31"/>
      <c r="ICI155" s="31"/>
      <c r="ICJ155" s="31"/>
      <c r="ICK155" s="31"/>
      <c r="ICL155" s="31"/>
      <c r="ICM155" s="31"/>
      <c r="ICN155" s="31"/>
      <c r="ICO155" s="31"/>
      <c r="ICP155" s="31"/>
      <c r="ICQ155" s="31"/>
      <c r="ICR155" s="31"/>
      <c r="ICS155" s="31"/>
      <c r="ICT155" s="31"/>
      <c r="ICU155" s="31"/>
      <c r="ICV155" s="31"/>
      <c r="ICW155" s="31"/>
      <c r="ICX155" s="31"/>
      <c r="ICY155" s="31"/>
      <c r="ICZ155" s="31"/>
      <c r="IDA155" s="31"/>
      <c r="IDB155" s="31"/>
      <c r="IDC155" s="31"/>
      <c r="IDD155" s="31"/>
      <c r="IDE155" s="31"/>
      <c r="IDF155" s="31"/>
      <c r="IDG155" s="31"/>
      <c r="IDH155" s="31"/>
      <c r="IDI155" s="31"/>
      <c r="IDJ155" s="31"/>
      <c r="IDK155" s="31"/>
      <c r="IDL155" s="31"/>
      <c r="IDM155" s="31"/>
      <c r="IDN155" s="31"/>
      <c r="IDO155" s="31"/>
      <c r="IDP155" s="31"/>
      <c r="IDQ155" s="31"/>
      <c r="IDR155" s="31"/>
      <c r="IDS155" s="31"/>
      <c r="IDT155" s="31"/>
      <c r="IDU155" s="31"/>
      <c r="IDV155" s="31"/>
      <c r="IDW155" s="31"/>
      <c r="IDX155" s="31"/>
      <c r="IDY155" s="31"/>
      <c r="IDZ155" s="31"/>
      <c r="IEA155" s="31"/>
      <c r="IEB155" s="31"/>
      <c r="IEC155" s="31"/>
      <c r="IED155" s="31"/>
      <c r="IEE155" s="31"/>
      <c r="IEF155" s="31"/>
      <c r="IEG155" s="31"/>
      <c r="IEH155" s="31"/>
      <c r="IEI155" s="31"/>
      <c r="IEJ155" s="31"/>
      <c r="IEK155" s="31"/>
      <c r="IEL155" s="31"/>
      <c r="IEM155" s="31"/>
      <c r="IEN155" s="31"/>
      <c r="IEO155" s="31"/>
      <c r="IEP155" s="31"/>
      <c r="IEQ155" s="31"/>
      <c r="IER155" s="31"/>
      <c r="IES155" s="31"/>
      <c r="IET155" s="31"/>
      <c r="IEU155" s="31"/>
      <c r="IEV155" s="31"/>
      <c r="IEW155" s="31"/>
      <c r="IEX155" s="31"/>
      <c r="IEY155" s="31"/>
      <c r="IEZ155" s="31"/>
      <c r="IFA155" s="31"/>
      <c r="IFB155" s="31"/>
      <c r="IFC155" s="31"/>
      <c r="IFD155" s="31"/>
      <c r="IFE155" s="31"/>
      <c r="IFF155" s="31"/>
      <c r="IFG155" s="31"/>
      <c r="IFH155" s="31"/>
      <c r="IFI155" s="31"/>
      <c r="IFJ155" s="31"/>
      <c r="IFK155" s="31"/>
      <c r="IFL155" s="31"/>
      <c r="IFM155" s="31"/>
      <c r="IFN155" s="31"/>
      <c r="IFO155" s="31"/>
      <c r="IFP155" s="31"/>
      <c r="IFQ155" s="31"/>
      <c r="IFR155" s="31"/>
      <c r="IFS155" s="31"/>
      <c r="IFT155" s="31"/>
      <c r="IFU155" s="31"/>
      <c r="IFV155" s="31"/>
      <c r="IFW155" s="31"/>
      <c r="IFX155" s="31"/>
      <c r="IFY155" s="31"/>
      <c r="IFZ155" s="31"/>
      <c r="IGA155" s="31"/>
      <c r="IGB155" s="31"/>
      <c r="IGC155" s="31"/>
      <c r="IGD155" s="31"/>
      <c r="IGE155" s="31"/>
      <c r="IGF155" s="31"/>
      <c r="IGG155" s="31"/>
      <c r="IGH155" s="31"/>
      <c r="IGI155" s="31"/>
      <c r="IGJ155" s="31"/>
      <c r="IGK155" s="31"/>
      <c r="IGL155" s="31"/>
      <c r="IGM155" s="31"/>
      <c r="IGN155" s="31"/>
      <c r="IGO155" s="31"/>
      <c r="IGP155" s="31"/>
      <c r="IGQ155" s="31"/>
      <c r="IGR155" s="31"/>
      <c r="IGS155" s="31"/>
      <c r="IGT155" s="31"/>
      <c r="IGU155" s="31"/>
      <c r="IGV155" s="31"/>
      <c r="IGW155" s="31"/>
      <c r="IGX155" s="31"/>
      <c r="IGY155" s="31"/>
      <c r="IGZ155" s="31"/>
      <c r="IHA155" s="31"/>
      <c r="IHB155" s="31"/>
      <c r="IHC155" s="31"/>
      <c r="IHD155" s="31"/>
      <c r="IHE155" s="31"/>
      <c r="IHF155" s="31"/>
      <c r="IHG155" s="31"/>
      <c r="IHH155" s="31"/>
      <c r="IHI155" s="31"/>
      <c r="IHJ155" s="31"/>
      <c r="IHK155" s="31"/>
      <c r="IHL155" s="31"/>
      <c r="IHM155" s="31"/>
      <c r="IHN155" s="31"/>
      <c r="IHO155" s="31"/>
      <c r="IHP155" s="31"/>
      <c r="IHQ155" s="31"/>
      <c r="IHR155" s="31"/>
      <c r="IHS155" s="31"/>
      <c r="IHT155" s="31"/>
      <c r="IHU155" s="31"/>
      <c r="IHV155" s="31"/>
      <c r="IHW155" s="31"/>
      <c r="IHX155" s="31"/>
      <c r="IHY155" s="31"/>
      <c r="IHZ155" s="31"/>
      <c r="IIA155" s="31"/>
      <c r="IIB155" s="31"/>
      <c r="IIC155" s="31"/>
      <c r="IID155" s="31"/>
      <c r="IIE155" s="31"/>
      <c r="IIF155" s="31"/>
      <c r="IIG155" s="31"/>
      <c r="IIH155" s="31"/>
      <c r="III155" s="31"/>
      <c r="IIJ155" s="31"/>
      <c r="IIK155" s="31"/>
      <c r="IIL155" s="31"/>
      <c r="IIM155" s="31"/>
      <c r="IIN155" s="31"/>
      <c r="IIO155" s="31"/>
      <c r="IIP155" s="31"/>
      <c r="IIQ155" s="31"/>
      <c r="IIR155" s="31"/>
      <c r="IIS155" s="31"/>
      <c r="IIT155" s="31"/>
      <c r="IIU155" s="31"/>
      <c r="IIV155" s="31"/>
      <c r="IIW155" s="31"/>
      <c r="IIX155" s="31"/>
      <c r="IIY155" s="31"/>
      <c r="IIZ155" s="31"/>
      <c r="IJA155" s="31"/>
      <c r="IJB155" s="31"/>
      <c r="IJC155" s="31"/>
      <c r="IJD155" s="31"/>
      <c r="IJE155" s="31"/>
      <c r="IJF155" s="31"/>
      <c r="IJG155" s="31"/>
      <c r="IJH155" s="31"/>
      <c r="IJI155" s="31"/>
      <c r="IJJ155" s="31"/>
      <c r="IJK155" s="31"/>
      <c r="IJL155" s="31"/>
      <c r="IJM155" s="31"/>
      <c r="IJN155" s="31"/>
      <c r="IJO155" s="31"/>
      <c r="IJP155" s="31"/>
      <c r="IJQ155" s="31"/>
      <c r="IJR155" s="31"/>
      <c r="IJS155" s="31"/>
      <c r="IJT155" s="31"/>
      <c r="IJU155" s="31"/>
      <c r="IJV155" s="31"/>
      <c r="IJW155" s="31"/>
      <c r="IJX155" s="31"/>
      <c r="IJY155" s="31"/>
      <c r="IJZ155" s="31"/>
      <c r="IKA155" s="31"/>
      <c r="IKB155" s="31"/>
      <c r="IKC155" s="31"/>
      <c r="IKD155" s="31"/>
      <c r="IKE155" s="31"/>
      <c r="IKF155" s="31"/>
      <c r="IKG155" s="31"/>
      <c r="IKH155" s="31"/>
      <c r="IKI155" s="31"/>
      <c r="IKJ155" s="31"/>
      <c r="IKK155" s="31"/>
      <c r="IKL155" s="31"/>
      <c r="IKM155" s="31"/>
      <c r="IKN155" s="31"/>
      <c r="IKO155" s="31"/>
      <c r="IKP155" s="31"/>
      <c r="IKQ155" s="31"/>
      <c r="IKR155" s="31"/>
      <c r="IKS155" s="31"/>
      <c r="IKT155" s="31"/>
      <c r="IKU155" s="31"/>
      <c r="IKV155" s="31"/>
      <c r="IKW155" s="31"/>
      <c r="IKX155" s="31"/>
      <c r="IKY155" s="31"/>
      <c r="IKZ155" s="31"/>
      <c r="ILA155" s="31"/>
      <c r="ILB155" s="31"/>
      <c r="ILC155" s="31"/>
      <c r="ILD155" s="31"/>
      <c r="ILE155" s="31"/>
      <c r="ILF155" s="31"/>
      <c r="ILG155" s="31"/>
      <c r="ILH155" s="31"/>
      <c r="ILI155" s="31"/>
      <c r="ILJ155" s="31"/>
      <c r="ILK155" s="31"/>
      <c r="ILL155" s="31"/>
      <c r="ILM155" s="31"/>
      <c r="ILN155" s="31"/>
      <c r="ILO155" s="31"/>
      <c r="ILP155" s="31"/>
      <c r="ILQ155" s="31"/>
      <c r="ILR155" s="31"/>
      <c r="ILS155" s="31"/>
      <c r="ILT155" s="31"/>
      <c r="ILU155" s="31"/>
      <c r="ILV155" s="31"/>
      <c r="ILW155" s="31"/>
      <c r="ILX155" s="31"/>
      <c r="ILY155" s="31"/>
      <c r="ILZ155" s="31"/>
      <c r="IMA155" s="31"/>
      <c r="IMB155" s="31"/>
      <c r="IMC155" s="31"/>
      <c r="IMD155" s="31"/>
      <c r="IME155" s="31"/>
      <c r="IMF155" s="31"/>
      <c r="IMG155" s="31"/>
      <c r="IMH155" s="31"/>
      <c r="IMI155" s="31"/>
      <c r="IMJ155" s="31"/>
      <c r="IMK155" s="31"/>
      <c r="IML155" s="31"/>
      <c r="IMM155" s="31"/>
      <c r="IMN155" s="31"/>
      <c r="IMO155" s="31"/>
      <c r="IMP155" s="31"/>
      <c r="IMQ155" s="31"/>
      <c r="IMR155" s="31"/>
      <c r="IMS155" s="31"/>
      <c r="IMT155" s="31"/>
      <c r="IMU155" s="31"/>
      <c r="IMV155" s="31"/>
      <c r="IMW155" s="31"/>
      <c r="IMX155" s="31"/>
      <c r="IMY155" s="31"/>
      <c r="IMZ155" s="31"/>
      <c r="INA155" s="31"/>
      <c r="INB155" s="31"/>
      <c r="INC155" s="31"/>
      <c r="IND155" s="31"/>
      <c r="INE155" s="31"/>
      <c r="INF155" s="31"/>
      <c r="ING155" s="31"/>
      <c r="INH155" s="31"/>
      <c r="INI155" s="31"/>
      <c r="INJ155" s="31"/>
      <c r="INK155" s="31"/>
      <c r="INL155" s="31"/>
      <c r="INM155" s="31"/>
      <c r="INN155" s="31"/>
      <c r="INO155" s="31"/>
      <c r="INP155" s="31"/>
      <c r="INQ155" s="31"/>
      <c r="INR155" s="31"/>
      <c r="INS155" s="31"/>
      <c r="INT155" s="31"/>
      <c r="INU155" s="31"/>
      <c r="INV155" s="31"/>
      <c r="INW155" s="31"/>
      <c r="INX155" s="31"/>
      <c r="INY155" s="31"/>
      <c r="INZ155" s="31"/>
      <c r="IOA155" s="31"/>
      <c r="IOB155" s="31"/>
      <c r="IOC155" s="31"/>
      <c r="IOD155" s="31"/>
      <c r="IOE155" s="31"/>
      <c r="IOF155" s="31"/>
      <c r="IOG155" s="31"/>
      <c r="IOH155" s="31"/>
      <c r="IOI155" s="31"/>
      <c r="IOJ155" s="31"/>
      <c r="IOK155" s="31"/>
      <c r="IOL155" s="31"/>
      <c r="IOM155" s="31"/>
      <c r="ION155" s="31"/>
      <c r="IOO155" s="31"/>
      <c r="IOP155" s="31"/>
      <c r="IOQ155" s="31"/>
      <c r="IOR155" s="31"/>
      <c r="IOS155" s="31"/>
      <c r="IOT155" s="31"/>
      <c r="IOU155" s="31"/>
      <c r="IOV155" s="31"/>
      <c r="IOW155" s="31"/>
      <c r="IOX155" s="31"/>
      <c r="IOY155" s="31"/>
      <c r="IOZ155" s="31"/>
      <c r="IPA155" s="31"/>
      <c r="IPB155" s="31"/>
      <c r="IPC155" s="31"/>
      <c r="IPD155" s="31"/>
      <c r="IPE155" s="31"/>
      <c r="IPF155" s="31"/>
      <c r="IPG155" s="31"/>
      <c r="IPH155" s="31"/>
      <c r="IPI155" s="31"/>
      <c r="IPJ155" s="31"/>
      <c r="IPK155" s="31"/>
      <c r="IPL155" s="31"/>
      <c r="IPM155" s="31"/>
      <c r="IPN155" s="31"/>
      <c r="IPO155" s="31"/>
      <c r="IPP155" s="31"/>
      <c r="IPQ155" s="31"/>
      <c r="IPR155" s="31"/>
      <c r="IPS155" s="31"/>
      <c r="IPT155" s="31"/>
      <c r="IPU155" s="31"/>
      <c r="IPV155" s="31"/>
      <c r="IPW155" s="31"/>
      <c r="IPX155" s="31"/>
      <c r="IPY155" s="31"/>
      <c r="IPZ155" s="31"/>
      <c r="IQA155" s="31"/>
      <c r="IQB155" s="31"/>
      <c r="IQC155" s="31"/>
      <c r="IQD155" s="31"/>
      <c r="IQE155" s="31"/>
      <c r="IQF155" s="31"/>
      <c r="IQG155" s="31"/>
      <c r="IQH155" s="31"/>
      <c r="IQI155" s="31"/>
      <c r="IQJ155" s="31"/>
      <c r="IQK155" s="31"/>
      <c r="IQL155" s="31"/>
      <c r="IQM155" s="31"/>
      <c r="IQN155" s="31"/>
      <c r="IQO155" s="31"/>
      <c r="IQP155" s="31"/>
      <c r="IQQ155" s="31"/>
      <c r="IQR155" s="31"/>
      <c r="IQS155" s="31"/>
      <c r="IQT155" s="31"/>
      <c r="IQU155" s="31"/>
      <c r="IQV155" s="31"/>
      <c r="IQW155" s="31"/>
      <c r="IQX155" s="31"/>
      <c r="IQY155" s="31"/>
      <c r="IQZ155" s="31"/>
      <c r="IRA155" s="31"/>
      <c r="IRB155" s="31"/>
      <c r="IRC155" s="31"/>
      <c r="IRD155" s="31"/>
      <c r="IRE155" s="31"/>
      <c r="IRF155" s="31"/>
      <c r="IRG155" s="31"/>
      <c r="IRH155" s="31"/>
      <c r="IRI155" s="31"/>
      <c r="IRJ155" s="31"/>
      <c r="IRK155" s="31"/>
      <c r="IRL155" s="31"/>
      <c r="IRM155" s="31"/>
      <c r="IRN155" s="31"/>
      <c r="IRO155" s="31"/>
      <c r="IRP155" s="31"/>
      <c r="IRQ155" s="31"/>
      <c r="IRR155" s="31"/>
      <c r="IRS155" s="31"/>
      <c r="IRT155" s="31"/>
      <c r="IRU155" s="31"/>
      <c r="IRV155" s="31"/>
      <c r="IRW155" s="31"/>
      <c r="IRX155" s="31"/>
      <c r="IRY155" s="31"/>
      <c r="IRZ155" s="31"/>
      <c r="ISA155" s="31"/>
      <c r="ISB155" s="31"/>
      <c r="ISC155" s="31"/>
      <c r="ISD155" s="31"/>
      <c r="ISE155" s="31"/>
      <c r="ISF155" s="31"/>
      <c r="ISG155" s="31"/>
      <c r="ISH155" s="31"/>
      <c r="ISI155" s="31"/>
      <c r="ISJ155" s="31"/>
      <c r="ISK155" s="31"/>
      <c r="ISL155" s="31"/>
      <c r="ISM155" s="31"/>
      <c r="ISN155" s="31"/>
      <c r="ISO155" s="31"/>
      <c r="ISP155" s="31"/>
      <c r="ISQ155" s="31"/>
      <c r="ISR155" s="31"/>
      <c r="ISS155" s="31"/>
      <c r="IST155" s="31"/>
      <c r="ISU155" s="31"/>
      <c r="ISV155" s="31"/>
      <c r="ISW155" s="31"/>
      <c r="ISX155" s="31"/>
      <c r="ISY155" s="31"/>
      <c r="ISZ155" s="31"/>
      <c r="ITA155" s="31"/>
      <c r="ITB155" s="31"/>
      <c r="ITC155" s="31"/>
      <c r="ITD155" s="31"/>
      <c r="ITE155" s="31"/>
      <c r="ITF155" s="31"/>
      <c r="ITG155" s="31"/>
      <c r="ITH155" s="31"/>
      <c r="ITI155" s="31"/>
      <c r="ITJ155" s="31"/>
      <c r="ITK155" s="31"/>
      <c r="ITL155" s="31"/>
      <c r="ITM155" s="31"/>
      <c r="ITN155" s="31"/>
      <c r="ITO155" s="31"/>
      <c r="ITP155" s="31"/>
      <c r="ITQ155" s="31"/>
      <c r="ITR155" s="31"/>
      <c r="ITS155" s="31"/>
      <c r="ITT155" s="31"/>
      <c r="ITU155" s="31"/>
      <c r="ITV155" s="31"/>
      <c r="ITW155" s="31"/>
      <c r="ITX155" s="31"/>
      <c r="ITY155" s="31"/>
      <c r="ITZ155" s="31"/>
      <c r="IUA155" s="31"/>
      <c r="IUB155" s="31"/>
      <c r="IUC155" s="31"/>
      <c r="IUD155" s="31"/>
      <c r="IUE155" s="31"/>
      <c r="IUF155" s="31"/>
      <c r="IUG155" s="31"/>
      <c r="IUH155" s="31"/>
      <c r="IUI155" s="31"/>
      <c r="IUJ155" s="31"/>
      <c r="IUK155" s="31"/>
      <c r="IUL155" s="31"/>
      <c r="IUM155" s="31"/>
      <c r="IUN155" s="31"/>
      <c r="IUO155" s="31"/>
      <c r="IUP155" s="31"/>
      <c r="IUQ155" s="31"/>
      <c r="IUR155" s="31"/>
      <c r="IUS155" s="31"/>
      <c r="IUT155" s="31"/>
      <c r="IUU155" s="31"/>
      <c r="IUV155" s="31"/>
      <c r="IUW155" s="31"/>
      <c r="IUX155" s="31"/>
      <c r="IUY155" s="31"/>
      <c r="IUZ155" s="31"/>
      <c r="IVA155" s="31"/>
      <c r="IVB155" s="31"/>
      <c r="IVC155" s="31"/>
      <c r="IVD155" s="31"/>
      <c r="IVE155" s="31"/>
      <c r="IVF155" s="31"/>
      <c r="IVG155" s="31"/>
      <c r="IVH155" s="31"/>
      <c r="IVI155" s="31"/>
      <c r="IVJ155" s="31"/>
      <c r="IVK155" s="31"/>
      <c r="IVL155" s="31"/>
      <c r="IVM155" s="31"/>
      <c r="IVN155" s="31"/>
      <c r="IVO155" s="31"/>
      <c r="IVP155" s="31"/>
      <c r="IVQ155" s="31"/>
      <c r="IVR155" s="31"/>
      <c r="IVS155" s="31"/>
      <c r="IVT155" s="31"/>
      <c r="IVU155" s="31"/>
      <c r="IVV155" s="31"/>
      <c r="IVW155" s="31"/>
      <c r="IVX155" s="31"/>
      <c r="IVY155" s="31"/>
      <c r="IVZ155" s="31"/>
      <c r="IWA155" s="31"/>
      <c r="IWB155" s="31"/>
      <c r="IWC155" s="31"/>
      <c r="IWD155" s="31"/>
      <c r="IWE155" s="31"/>
      <c r="IWF155" s="31"/>
      <c r="IWG155" s="31"/>
      <c r="IWH155" s="31"/>
      <c r="IWI155" s="31"/>
      <c r="IWJ155" s="31"/>
      <c r="IWK155" s="31"/>
      <c r="IWL155" s="31"/>
      <c r="IWM155" s="31"/>
      <c r="IWN155" s="31"/>
      <c r="IWO155" s="31"/>
      <c r="IWP155" s="31"/>
      <c r="IWQ155" s="31"/>
      <c r="IWR155" s="31"/>
      <c r="IWS155" s="31"/>
      <c r="IWT155" s="31"/>
      <c r="IWU155" s="31"/>
      <c r="IWV155" s="31"/>
      <c r="IWW155" s="31"/>
      <c r="IWX155" s="31"/>
      <c r="IWY155" s="31"/>
      <c r="IWZ155" s="31"/>
      <c r="IXA155" s="31"/>
      <c r="IXB155" s="31"/>
      <c r="IXC155" s="31"/>
      <c r="IXD155" s="31"/>
      <c r="IXE155" s="31"/>
      <c r="IXF155" s="31"/>
      <c r="IXG155" s="31"/>
      <c r="IXH155" s="31"/>
      <c r="IXI155" s="31"/>
      <c r="IXJ155" s="31"/>
      <c r="IXK155" s="31"/>
      <c r="IXL155" s="31"/>
      <c r="IXM155" s="31"/>
      <c r="IXN155" s="31"/>
      <c r="IXO155" s="31"/>
      <c r="IXP155" s="31"/>
      <c r="IXQ155" s="31"/>
      <c r="IXR155" s="31"/>
      <c r="IXS155" s="31"/>
      <c r="IXT155" s="31"/>
      <c r="IXU155" s="31"/>
      <c r="IXV155" s="31"/>
      <c r="IXW155" s="31"/>
      <c r="IXX155" s="31"/>
      <c r="IXY155" s="31"/>
      <c r="IXZ155" s="31"/>
      <c r="IYA155" s="31"/>
      <c r="IYB155" s="31"/>
      <c r="IYC155" s="31"/>
      <c r="IYD155" s="31"/>
      <c r="IYE155" s="31"/>
      <c r="IYF155" s="31"/>
      <c r="IYG155" s="31"/>
      <c r="IYH155" s="31"/>
      <c r="IYI155" s="31"/>
      <c r="IYJ155" s="31"/>
      <c r="IYK155" s="31"/>
      <c r="IYL155" s="31"/>
      <c r="IYM155" s="31"/>
      <c r="IYN155" s="31"/>
      <c r="IYO155" s="31"/>
      <c r="IYP155" s="31"/>
      <c r="IYQ155" s="31"/>
      <c r="IYR155" s="31"/>
      <c r="IYS155" s="31"/>
      <c r="IYT155" s="31"/>
      <c r="IYU155" s="31"/>
      <c r="IYV155" s="31"/>
      <c r="IYW155" s="31"/>
      <c r="IYX155" s="31"/>
      <c r="IYY155" s="31"/>
      <c r="IYZ155" s="31"/>
      <c r="IZA155" s="31"/>
      <c r="IZB155" s="31"/>
      <c r="IZC155" s="31"/>
      <c r="IZD155" s="31"/>
      <c r="IZE155" s="31"/>
      <c r="IZF155" s="31"/>
      <c r="IZG155" s="31"/>
      <c r="IZH155" s="31"/>
      <c r="IZI155" s="31"/>
      <c r="IZJ155" s="31"/>
      <c r="IZK155" s="31"/>
      <c r="IZL155" s="31"/>
      <c r="IZM155" s="31"/>
      <c r="IZN155" s="31"/>
      <c r="IZO155" s="31"/>
      <c r="IZP155" s="31"/>
      <c r="IZQ155" s="31"/>
      <c r="IZR155" s="31"/>
      <c r="IZS155" s="31"/>
      <c r="IZT155" s="31"/>
      <c r="IZU155" s="31"/>
      <c r="IZV155" s="31"/>
      <c r="IZW155" s="31"/>
      <c r="IZX155" s="31"/>
      <c r="IZY155" s="31"/>
      <c r="IZZ155" s="31"/>
      <c r="JAA155" s="31"/>
      <c r="JAB155" s="31"/>
      <c r="JAC155" s="31"/>
      <c r="JAD155" s="31"/>
      <c r="JAE155" s="31"/>
      <c r="JAF155" s="31"/>
      <c r="JAG155" s="31"/>
      <c r="JAH155" s="31"/>
      <c r="JAI155" s="31"/>
      <c r="JAJ155" s="31"/>
      <c r="JAK155" s="31"/>
      <c r="JAL155" s="31"/>
      <c r="JAM155" s="31"/>
      <c r="JAN155" s="31"/>
      <c r="JAO155" s="31"/>
      <c r="JAP155" s="31"/>
      <c r="JAQ155" s="31"/>
      <c r="JAR155" s="31"/>
      <c r="JAS155" s="31"/>
      <c r="JAT155" s="31"/>
      <c r="JAU155" s="31"/>
      <c r="JAV155" s="31"/>
      <c r="JAW155" s="31"/>
      <c r="JAX155" s="31"/>
      <c r="JAY155" s="31"/>
      <c r="JAZ155" s="31"/>
      <c r="JBA155" s="31"/>
      <c r="JBB155" s="31"/>
      <c r="JBC155" s="31"/>
      <c r="JBD155" s="31"/>
      <c r="JBE155" s="31"/>
      <c r="JBF155" s="31"/>
      <c r="JBG155" s="31"/>
      <c r="JBH155" s="31"/>
      <c r="JBI155" s="31"/>
      <c r="JBJ155" s="31"/>
      <c r="JBK155" s="31"/>
      <c r="JBL155" s="31"/>
      <c r="JBM155" s="31"/>
      <c r="JBN155" s="31"/>
      <c r="JBO155" s="31"/>
      <c r="JBP155" s="31"/>
      <c r="JBQ155" s="31"/>
      <c r="JBR155" s="31"/>
      <c r="JBS155" s="31"/>
      <c r="JBT155" s="31"/>
      <c r="JBU155" s="31"/>
      <c r="JBV155" s="31"/>
      <c r="JBW155" s="31"/>
      <c r="JBX155" s="31"/>
      <c r="JBY155" s="31"/>
      <c r="JBZ155" s="31"/>
      <c r="JCA155" s="31"/>
      <c r="JCB155" s="31"/>
      <c r="JCC155" s="31"/>
      <c r="JCD155" s="31"/>
      <c r="JCE155" s="31"/>
      <c r="JCF155" s="31"/>
      <c r="JCG155" s="31"/>
      <c r="JCH155" s="31"/>
      <c r="JCI155" s="31"/>
      <c r="JCJ155" s="31"/>
      <c r="JCK155" s="31"/>
      <c r="JCL155" s="31"/>
      <c r="JCM155" s="31"/>
      <c r="JCN155" s="31"/>
      <c r="JCO155" s="31"/>
      <c r="JCP155" s="31"/>
      <c r="JCQ155" s="31"/>
      <c r="JCR155" s="31"/>
      <c r="JCS155" s="31"/>
      <c r="JCT155" s="31"/>
      <c r="JCU155" s="31"/>
      <c r="JCV155" s="31"/>
      <c r="JCW155" s="31"/>
      <c r="JCX155" s="31"/>
      <c r="JCY155" s="31"/>
      <c r="JCZ155" s="31"/>
      <c r="JDA155" s="31"/>
      <c r="JDB155" s="31"/>
      <c r="JDC155" s="31"/>
      <c r="JDD155" s="31"/>
      <c r="JDE155" s="31"/>
      <c r="JDF155" s="31"/>
      <c r="JDG155" s="31"/>
      <c r="JDH155" s="31"/>
      <c r="JDI155" s="31"/>
      <c r="JDJ155" s="31"/>
      <c r="JDK155" s="31"/>
      <c r="JDL155" s="31"/>
      <c r="JDM155" s="31"/>
      <c r="JDN155" s="31"/>
      <c r="JDO155" s="31"/>
      <c r="JDP155" s="31"/>
      <c r="JDQ155" s="31"/>
      <c r="JDR155" s="31"/>
      <c r="JDS155" s="31"/>
      <c r="JDT155" s="31"/>
      <c r="JDU155" s="31"/>
      <c r="JDV155" s="31"/>
      <c r="JDW155" s="31"/>
      <c r="JDX155" s="31"/>
      <c r="JDY155" s="31"/>
      <c r="JDZ155" s="31"/>
      <c r="JEA155" s="31"/>
      <c r="JEB155" s="31"/>
      <c r="JEC155" s="31"/>
      <c r="JED155" s="31"/>
      <c r="JEE155" s="31"/>
      <c r="JEF155" s="31"/>
      <c r="JEG155" s="31"/>
      <c r="JEH155" s="31"/>
      <c r="JEI155" s="31"/>
      <c r="JEJ155" s="31"/>
      <c r="JEK155" s="31"/>
      <c r="JEL155" s="31"/>
      <c r="JEM155" s="31"/>
      <c r="JEN155" s="31"/>
      <c r="JEO155" s="31"/>
      <c r="JEP155" s="31"/>
      <c r="JEQ155" s="31"/>
      <c r="JER155" s="31"/>
      <c r="JES155" s="31"/>
      <c r="JET155" s="31"/>
      <c r="JEU155" s="31"/>
      <c r="JEV155" s="31"/>
      <c r="JEW155" s="31"/>
      <c r="JEX155" s="31"/>
      <c r="JEY155" s="31"/>
      <c r="JEZ155" s="31"/>
      <c r="JFA155" s="31"/>
      <c r="JFB155" s="31"/>
      <c r="JFC155" s="31"/>
      <c r="JFD155" s="31"/>
      <c r="JFE155" s="31"/>
      <c r="JFF155" s="31"/>
      <c r="JFG155" s="31"/>
      <c r="JFH155" s="31"/>
      <c r="JFI155" s="31"/>
      <c r="JFJ155" s="31"/>
      <c r="JFK155" s="31"/>
      <c r="JFL155" s="31"/>
      <c r="JFM155" s="31"/>
      <c r="JFN155" s="31"/>
      <c r="JFO155" s="31"/>
      <c r="JFP155" s="31"/>
      <c r="JFQ155" s="31"/>
      <c r="JFR155" s="31"/>
      <c r="JFS155" s="31"/>
      <c r="JFT155" s="31"/>
      <c r="JFU155" s="31"/>
      <c r="JFV155" s="31"/>
      <c r="JFW155" s="31"/>
      <c r="JFX155" s="31"/>
      <c r="JFY155" s="31"/>
      <c r="JFZ155" s="31"/>
      <c r="JGA155" s="31"/>
      <c r="JGB155" s="31"/>
      <c r="JGC155" s="31"/>
      <c r="JGD155" s="31"/>
      <c r="JGE155" s="31"/>
      <c r="JGF155" s="31"/>
      <c r="JGG155" s="31"/>
      <c r="JGH155" s="31"/>
      <c r="JGI155" s="31"/>
      <c r="JGJ155" s="31"/>
      <c r="JGK155" s="31"/>
      <c r="JGL155" s="31"/>
      <c r="JGM155" s="31"/>
      <c r="JGN155" s="31"/>
      <c r="JGO155" s="31"/>
      <c r="JGP155" s="31"/>
      <c r="JGQ155" s="31"/>
      <c r="JGR155" s="31"/>
      <c r="JGS155" s="31"/>
      <c r="JGT155" s="31"/>
      <c r="JGU155" s="31"/>
      <c r="JGV155" s="31"/>
      <c r="JGW155" s="31"/>
      <c r="JGX155" s="31"/>
      <c r="JGY155" s="31"/>
      <c r="JGZ155" s="31"/>
      <c r="JHA155" s="31"/>
      <c r="JHB155" s="31"/>
      <c r="JHC155" s="31"/>
      <c r="JHD155" s="31"/>
      <c r="JHE155" s="31"/>
      <c r="JHF155" s="31"/>
      <c r="JHG155" s="31"/>
      <c r="JHH155" s="31"/>
      <c r="JHI155" s="31"/>
      <c r="JHJ155" s="31"/>
      <c r="JHK155" s="31"/>
      <c r="JHL155" s="31"/>
      <c r="JHM155" s="31"/>
      <c r="JHN155" s="31"/>
      <c r="JHO155" s="31"/>
      <c r="JHP155" s="31"/>
      <c r="JHQ155" s="31"/>
      <c r="JHR155" s="31"/>
      <c r="JHS155" s="31"/>
      <c r="JHT155" s="31"/>
      <c r="JHU155" s="31"/>
      <c r="JHV155" s="31"/>
      <c r="JHW155" s="31"/>
      <c r="JHX155" s="31"/>
      <c r="JHY155" s="31"/>
      <c r="JHZ155" s="31"/>
      <c r="JIA155" s="31"/>
      <c r="JIB155" s="31"/>
      <c r="JIC155" s="31"/>
      <c r="JID155" s="31"/>
      <c r="JIE155" s="31"/>
      <c r="JIF155" s="31"/>
      <c r="JIG155" s="31"/>
      <c r="JIH155" s="31"/>
      <c r="JII155" s="31"/>
      <c r="JIJ155" s="31"/>
      <c r="JIK155" s="31"/>
      <c r="JIL155" s="31"/>
      <c r="JIM155" s="31"/>
      <c r="JIN155" s="31"/>
      <c r="JIO155" s="31"/>
      <c r="JIP155" s="31"/>
      <c r="JIQ155" s="31"/>
      <c r="JIR155" s="31"/>
      <c r="JIS155" s="31"/>
      <c r="JIT155" s="31"/>
      <c r="JIU155" s="31"/>
      <c r="JIV155" s="31"/>
      <c r="JIW155" s="31"/>
      <c r="JIX155" s="31"/>
      <c r="JIY155" s="31"/>
      <c r="JIZ155" s="31"/>
      <c r="JJA155" s="31"/>
      <c r="JJB155" s="31"/>
      <c r="JJC155" s="31"/>
      <c r="JJD155" s="31"/>
      <c r="JJE155" s="31"/>
      <c r="JJF155" s="31"/>
      <c r="JJG155" s="31"/>
      <c r="JJH155" s="31"/>
      <c r="JJI155" s="31"/>
      <c r="JJJ155" s="31"/>
      <c r="JJK155" s="31"/>
      <c r="JJL155" s="31"/>
      <c r="JJM155" s="31"/>
      <c r="JJN155" s="31"/>
      <c r="JJO155" s="31"/>
      <c r="JJP155" s="31"/>
      <c r="JJQ155" s="31"/>
      <c r="JJR155" s="31"/>
      <c r="JJS155" s="31"/>
      <c r="JJT155" s="31"/>
      <c r="JJU155" s="31"/>
      <c r="JJV155" s="31"/>
      <c r="JJW155" s="31"/>
      <c r="JJX155" s="31"/>
      <c r="JJY155" s="31"/>
      <c r="JJZ155" s="31"/>
      <c r="JKA155" s="31"/>
      <c r="JKB155" s="31"/>
      <c r="JKC155" s="31"/>
      <c r="JKD155" s="31"/>
      <c r="JKE155" s="31"/>
      <c r="JKF155" s="31"/>
      <c r="JKG155" s="31"/>
      <c r="JKH155" s="31"/>
      <c r="JKI155" s="31"/>
      <c r="JKJ155" s="31"/>
      <c r="JKK155" s="31"/>
      <c r="JKL155" s="31"/>
      <c r="JKM155" s="31"/>
      <c r="JKN155" s="31"/>
      <c r="JKO155" s="31"/>
      <c r="JKP155" s="31"/>
      <c r="JKQ155" s="31"/>
      <c r="JKR155" s="31"/>
      <c r="JKS155" s="31"/>
      <c r="JKT155" s="31"/>
      <c r="JKU155" s="31"/>
      <c r="JKV155" s="31"/>
      <c r="JKW155" s="31"/>
      <c r="JKX155" s="31"/>
      <c r="JKY155" s="31"/>
      <c r="JKZ155" s="31"/>
      <c r="JLA155" s="31"/>
      <c r="JLB155" s="31"/>
      <c r="JLC155" s="31"/>
      <c r="JLD155" s="31"/>
      <c r="JLE155" s="31"/>
      <c r="JLF155" s="31"/>
      <c r="JLG155" s="31"/>
      <c r="JLH155" s="31"/>
      <c r="JLI155" s="31"/>
      <c r="JLJ155" s="31"/>
      <c r="JLK155" s="31"/>
      <c r="JLL155" s="31"/>
      <c r="JLM155" s="31"/>
      <c r="JLN155" s="31"/>
      <c r="JLO155" s="31"/>
      <c r="JLP155" s="31"/>
      <c r="JLQ155" s="31"/>
      <c r="JLR155" s="31"/>
      <c r="JLS155" s="31"/>
      <c r="JLT155" s="31"/>
      <c r="JLU155" s="31"/>
      <c r="JLV155" s="31"/>
      <c r="JLW155" s="31"/>
      <c r="JLX155" s="31"/>
      <c r="JLY155" s="31"/>
      <c r="JLZ155" s="31"/>
      <c r="JMA155" s="31"/>
      <c r="JMB155" s="31"/>
      <c r="JMC155" s="31"/>
      <c r="JMD155" s="31"/>
      <c r="JME155" s="31"/>
      <c r="JMF155" s="31"/>
      <c r="JMG155" s="31"/>
      <c r="JMH155" s="31"/>
      <c r="JMI155" s="31"/>
      <c r="JMJ155" s="31"/>
      <c r="JMK155" s="31"/>
      <c r="JML155" s="31"/>
      <c r="JMM155" s="31"/>
      <c r="JMN155" s="31"/>
      <c r="JMO155" s="31"/>
      <c r="JMP155" s="31"/>
      <c r="JMQ155" s="31"/>
      <c r="JMR155" s="31"/>
      <c r="JMS155" s="31"/>
      <c r="JMT155" s="31"/>
      <c r="JMU155" s="31"/>
      <c r="JMV155" s="31"/>
      <c r="JMW155" s="31"/>
      <c r="JMX155" s="31"/>
      <c r="JMY155" s="31"/>
      <c r="JMZ155" s="31"/>
      <c r="JNA155" s="31"/>
      <c r="JNB155" s="31"/>
      <c r="JNC155" s="31"/>
      <c r="JND155" s="31"/>
      <c r="JNE155" s="31"/>
      <c r="JNF155" s="31"/>
      <c r="JNG155" s="31"/>
      <c r="JNH155" s="31"/>
      <c r="JNI155" s="31"/>
      <c r="JNJ155" s="31"/>
      <c r="JNK155" s="31"/>
      <c r="JNL155" s="31"/>
      <c r="JNM155" s="31"/>
      <c r="JNN155" s="31"/>
      <c r="JNO155" s="31"/>
      <c r="JNP155" s="31"/>
      <c r="JNQ155" s="31"/>
      <c r="JNR155" s="31"/>
      <c r="JNS155" s="31"/>
      <c r="JNT155" s="31"/>
      <c r="JNU155" s="31"/>
      <c r="JNV155" s="31"/>
      <c r="JNW155" s="31"/>
      <c r="JNX155" s="31"/>
      <c r="JNY155" s="31"/>
      <c r="JNZ155" s="31"/>
      <c r="JOA155" s="31"/>
      <c r="JOB155" s="31"/>
      <c r="JOC155" s="31"/>
      <c r="JOD155" s="31"/>
      <c r="JOE155" s="31"/>
      <c r="JOF155" s="31"/>
      <c r="JOG155" s="31"/>
      <c r="JOH155" s="31"/>
      <c r="JOI155" s="31"/>
      <c r="JOJ155" s="31"/>
      <c r="JOK155" s="31"/>
      <c r="JOL155" s="31"/>
      <c r="JOM155" s="31"/>
      <c r="JON155" s="31"/>
      <c r="JOO155" s="31"/>
      <c r="JOP155" s="31"/>
      <c r="JOQ155" s="31"/>
      <c r="JOR155" s="31"/>
      <c r="JOS155" s="31"/>
      <c r="JOT155" s="31"/>
      <c r="JOU155" s="31"/>
      <c r="JOV155" s="31"/>
      <c r="JOW155" s="31"/>
      <c r="JOX155" s="31"/>
      <c r="JOY155" s="31"/>
      <c r="JOZ155" s="31"/>
      <c r="JPA155" s="31"/>
      <c r="JPB155" s="31"/>
      <c r="JPC155" s="31"/>
      <c r="JPD155" s="31"/>
      <c r="JPE155" s="31"/>
      <c r="JPF155" s="31"/>
      <c r="JPG155" s="31"/>
      <c r="JPH155" s="31"/>
      <c r="JPI155" s="31"/>
      <c r="JPJ155" s="31"/>
      <c r="JPK155" s="31"/>
      <c r="JPL155" s="31"/>
      <c r="JPM155" s="31"/>
      <c r="JPN155" s="31"/>
      <c r="JPO155" s="31"/>
      <c r="JPP155" s="31"/>
      <c r="JPQ155" s="31"/>
      <c r="JPR155" s="31"/>
      <c r="JPS155" s="31"/>
      <c r="JPT155" s="31"/>
      <c r="JPU155" s="31"/>
      <c r="JPV155" s="31"/>
      <c r="JPW155" s="31"/>
      <c r="JPX155" s="31"/>
      <c r="JPY155" s="31"/>
      <c r="JPZ155" s="31"/>
      <c r="JQA155" s="31"/>
      <c r="JQB155" s="31"/>
      <c r="JQC155" s="31"/>
      <c r="JQD155" s="31"/>
      <c r="JQE155" s="31"/>
      <c r="JQF155" s="31"/>
      <c r="JQG155" s="31"/>
      <c r="JQH155" s="31"/>
      <c r="JQI155" s="31"/>
      <c r="JQJ155" s="31"/>
      <c r="JQK155" s="31"/>
      <c r="JQL155" s="31"/>
      <c r="JQM155" s="31"/>
      <c r="JQN155" s="31"/>
      <c r="JQO155" s="31"/>
      <c r="JQP155" s="31"/>
      <c r="JQQ155" s="31"/>
      <c r="JQR155" s="31"/>
      <c r="JQS155" s="31"/>
      <c r="JQT155" s="31"/>
      <c r="JQU155" s="31"/>
      <c r="JQV155" s="31"/>
      <c r="JQW155" s="31"/>
      <c r="JQX155" s="31"/>
      <c r="JQY155" s="31"/>
      <c r="JQZ155" s="31"/>
      <c r="JRA155" s="31"/>
      <c r="JRB155" s="31"/>
      <c r="JRC155" s="31"/>
      <c r="JRD155" s="31"/>
      <c r="JRE155" s="31"/>
      <c r="JRF155" s="31"/>
      <c r="JRG155" s="31"/>
      <c r="JRH155" s="31"/>
      <c r="JRI155" s="31"/>
      <c r="JRJ155" s="31"/>
      <c r="JRK155" s="31"/>
      <c r="JRL155" s="31"/>
      <c r="JRM155" s="31"/>
      <c r="JRN155" s="31"/>
      <c r="JRO155" s="31"/>
      <c r="JRP155" s="31"/>
      <c r="JRQ155" s="31"/>
      <c r="JRR155" s="31"/>
      <c r="JRS155" s="31"/>
      <c r="JRT155" s="31"/>
      <c r="JRU155" s="31"/>
      <c r="JRV155" s="31"/>
      <c r="JRW155" s="31"/>
      <c r="JRX155" s="31"/>
      <c r="JRY155" s="31"/>
      <c r="JRZ155" s="31"/>
      <c r="JSA155" s="31"/>
      <c r="JSB155" s="31"/>
      <c r="JSC155" s="31"/>
      <c r="JSD155" s="31"/>
      <c r="JSE155" s="31"/>
      <c r="JSF155" s="31"/>
      <c r="JSG155" s="31"/>
      <c r="JSH155" s="31"/>
      <c r="JSI155" s="31"/>
      <c r="JSJ155" s="31"/>
      <c r="JSK155" s="31"/>
      <c r="JSL155" s="31"/>
      <c r="JSM155" s="31"/>
      <c r="JSN155" s="31"/>
      <c r="JSO155" s="31"/>
      <c r="JSP155" s="31"/>
      <c r="JSQ155" s="31"/>
      <c r="JSR155" s="31"/>
      <c r="JSS155" s="31"/>
      <c r="JST155" s="31"/>
      <c r="JSU155" s="31"/>
      <c r="JSV155" s="31"/>
      <c r="JSW155" s="31"/>
      <c r="JSX155" s="31"/>
      <c r="JSY155" s="31"/>
      <c r="JSZ155" s="31"/>
      <c r="JTA155" s="31"/>
      <c r="JTB155" s="31"/>
      <c r="JTC155" s="31"/>
      <c r="JTD155" s="31"/>
      <c r="JTE155" s="31"/>
      <c r="JTF155" s="31"/>
      <c r="JTG155" s="31"/>
      <c r="JTH155" s="31"/>
      <c r="JTI155" s="31"/>
      <c r="JTJ155" s="31"/>
      <c r="JTK155" s="31"/>
      <c r="JTL155" s="31"/>
      <c r="JTM155" s="31"/>
      <c r="JTN155" s="31"/>
      <c r="JTO155" s="31"/>
      <c r="JTP155" s="31"/>
      <c r="JTQ155" s="31"/>
      <c r="JTR155" s="31"/>
      <c r="JTS155" s="31"/>
      <c r="JTT155" s="31"/>
      <c r="JTU155" s="31"/>
      <c r="JTV155" s="31"/>
      <c r="JTW155" s="31"/>
      <c r="JTX155" s="31"/>
      <c r="JTY155" s="31"/>
      <c r="JTZ155" s="31"/>
      <c r="JUA155" s="31"/>
      <c r="JUB155" s="31"/>
      <c r="JUC155" s="31"/>
      <c r="JUD155" s="31"/>
      <c r="JUE155" s="31"/>
      <c r="JUF155" s="31"/>
      <c r="JUG155" s="31"/>
      <c r="JUH155" s="31"/>
      <c r="JUI155" s="31"/>
      <c r="JUJ155" s="31"/>
      <c r="JUK155" s="31"/>
      <c r="JUL155" s="31"/>
      <c r="JUM155" s="31"/>
      <c r="JUN155" s="31"/>
      <c r="JUO155" s="31"/>
      <c r="JUP155" s="31"/>
      <c r="JUQ155" s="31"/>
      <c r="JUR155" s="31"/>
      <c r="JUS155" s="31"/>
      <c r="JUT155" s="31"/>
      <c r="JUU155" s="31"/>
      <c r="JUV155" s="31"/>
      <c r="JUW155" s="31"/>
      <c r="JUX155" s="31"/>
      <c r="JUY155" s="31"/>
      <c r="JUZ155" s="31"/>
      <c r="JVA155" s="31"/>
      <c r="JVB155" s="31"/>
      <c r="JVC155" s="31"/>
      <c r="JVD155" s="31"/>
      <c r="JVE155" s="31"/>
      <c r="JVF155" s="31"/>
      <c r="JVG155" s="31"/>
      <c r="JVH155" s="31"/>
      <c r="JVI155" s="31"/>
      <c r="JVJ155" s="31"/>
      <c r="JVK155" s="31"/>
      <c r="JVL155" s="31"/>
      <c r="JVM155" s="31"/>
      <c r="JVN155" s="31"/>
      <c r="JVO155" s="31"/>
      <c r="JVP155" s="31"/>
      <c r="JVQ155" s="31"/>
      <c r="JVR155" s="31"/>
      <c r="JVS155" s="31"/>
      <c r="JVT155" s="31"/>
      <c r="JVU155" s="31"/>
      <c r="JVV155" s="31"/>
      <c r="JVW155" s="31"/>
      <c r="JVX155" s="31"/>
      <c r="JVY155" s="31"/>
      <c r="JVZ155" s="31"/>
      <c r="JWA155" s="31"/>
      <c r="JWB155" s="31"/>
      <c r="JWC155" s="31"/>
      <c r="JWD155" s="31"/>
      <c r="JWE155" s="31"/>
      <c r="JWF155" s="31"/>
      <c r="JWG155" s="31"/>
      <c r="JWH155" s="31"/>
      <c r="JWI155" s="31"/>
      <c r="JWJ155" s="31"/>
      <c r="JWK155" s="31"/>
      <c r="JWL155" s="31"/>
      <c r="JWM155" s="31"/>
      <c r="JWN155" s="31"/>
      <c r="JWO155" s="31"/>
      <c r="JWP155" s="31"/>
      <c r="JWQ155" s="31"/>
      <c r="JWR155" s="31"/>
      <c r="JWS155" s="31"/>
      <c r="JWT155" s="31"/>
      <c r="JWU155" s="31"/>
      <c r="JWV155" s="31"/>
      <c r="JWW155" s="31"/>
      <c r="JWX155" s="31"/>
      <c r="JWY155" s="31"/>
      <c r="JWZ155" s="31"/>
      <c r="JXA155" s="31"/>
      <c r="JXB155" s="31"/>
      <c r="JXC155" s="31"/>
      <c r="JXD155" s="31"/>
      <c r="JXE155" s="31"/>
      <c r="JXF155" s="31"/>
      <c r="JXG155" s="31"/>
      <c r="JXH155" s="31"/>
      <c r="JXI155" s="31"/>
      <c r="JXJ155" s="31"/>
      <c r="JXK155" s="31"/>
      <c r="JXL155" s="31"/>
      <c r="JXM155" s="31"/>
      <c r="JXN155" s="31"/>
      <c r="JXO155" s="31"/>
      <c r="JXP155" s="31"/>
      <c r="JXQ155" s="31"/>
      <c r="JXR155" s="31"/>
      <c r="JXS155" s="31"/>
      <c r="JXT155" s="31"/>
      <c r="JXU155" s="31"/>
      <c r="JXV155" s="31"/>
      <c r="JXW155" s="31"/>
      <c r="JXX155" s="31"/>
      <c r="JXY155" s="31"/>
      <c r="JXZ155" s="31"/>
      <c r="JYA155" s="31"/>
      <c r="JYB155" s="31"/>
      <c r="JYC155" s="31"/>
      <c r="JYD155" s="31"/>
      <c r="JYE155" s="31"/>
      <c r="JYF155" s="31"/>
      <c r="JYG155" s="31"/>
      <c r="JYH155" s="31"/>
      <c r="JYI155" s="31"/>
      <c r="JYJ155" s="31"/>
      <c r="JYK155" s="31"/>
      <c r="JYL155" s="31"/>
      <c r="JYM155" s="31"/>
      <c r="JYN155" s="31"/>
      <c r="JYO155" s="31"/>
      <c r="JYP155" s="31"/>
      <c r="JYQ155" s="31"/>
      <c r="JYR155" s="31"/>
      <c r="JYS155" s="31"/>
      <c r="JYT155" s="31"/>
      <c r="JYU155" s="31"/>
      <c r="JYV155" s="31"/>
      <c r="JYW155" s="31"/>
      <c r="JYX155" s="31"/>
      <c r="JYY155" s="31"/>
      <c r="JYZ155" s="31"/>
      <c r="JZA155" s="31"/>
      <c r="JZB155" s="31"/>
      <c r="JZC155" s="31"/>
      <c r="JZD155" s="31"/>
      <c r="JZE155" s="31"/>
      <c r="JZF155" s="31"/>
      <c r="JZG155" s="31"/>
      <c r="JZH155" s="31"/>
      <c r="JZI155" s="31"/>
      <c r="JZJ155" s="31"/>
      <c r="JZK155" s="31"/>
      <c r="JZL155" s="31"/>
      <c r="JZM155" s="31"/>
      <c r="JZN155" s="31"/>
      <c r="JZO155" s="31"/>
      <c r="JZP155" s="31"/>
      <c r="JZQ155" s="31"/>
      <c r="JZR155" s="31"/>
      <c r="JZS155" s="31"/>
      <c r="JZT155" s="31"/>
      <c r="JZU155" s="31"/>
      <c r="JZV155" s="31"/>
      <c r="JZW155" s="31"/>
      <c r="JZX155" s="31"/>
      <c r="JZY155" s="31"/>
      <c r="JZZ155" s="31"/>
      <c r="KAA155" s="31"/>
      <c r="KAB155" s="31"/>
      <c r="KAC155" s="31"/>
      <c r="KAD155" s="31"/>
      <c r="KAE155" s="31"/>
      <c r="KAF155" s="31"/>
      <c r="KAG155" s="31"/>
      <c r="KAH155" s="31"/>
      <c r="KAI155" s="31"/>
      <c r="KAJ155" s="31"/>
      <c r="KAK155" s="31"/>
      <c r="KAL155" s="31"/>
      <c r="KAM155" s="31"/>
      <c r="KAN155" s="31"/>
      <c r="KAO155" s="31"/>
      <c r="KAP155" s="31"/>
      <c r="KAQ155" s="31"/>
      <c r="KAR155" s="31"/>
      <c r="KAS155" s="31"/>
      <c r="KAT155" s="31"/>
      <c r="KAU155" s="31"/>
      <c r="KAV155" s="31"/>
      <c r="KAW155" s="31"/>
      <c r="KAX155" s="31"/>
      <c r="KAY155" s="31"/>
      <c r="KAZ155" s="31"/>
      <c r="KBA155" s="31"/>
      <c r="KBB155" s="31"/>
      <c r="KBC155" s="31"/>
      <c r="KBD155" s="31"/>
      <c r="KBE155" s="31"/>
      <c r="KBF155" s="31"/>
      <c r="KBG155" s="31"/>
      <c r="KBH155" s="31"/>
      <c r="KBI155" s="31"/>
      <c r="KBJ155" s="31"/>
      <c r="KBK155" s="31"/>
      <c r="KBL155" s="31"/>
      <c r="KBM155" s="31"/>
      <c r="KBN155" s="31"/>
      <c r="KBO155" s="31"/>
      <c r="KBP155" s="31"/>
      <c r="KBQ155" s="31"/>
      <c r="KBR155" s="31"/>
      <c r="KBS155" s="31"/>
      <c r="KBT155" s="31"/>
      <c r="KBU155" s="31"/>
      <c r="KBV155" s="31"/>
      <c r="KBW155" s="31"/>
      <c r="KBX155" s="31"/>
      <c r="KBY155" s="31"/>
      <c r="KBZ155" s="31"/>
      <c r="KCA155" s="31"/>
      <c r="KCB155" s="31"/>
      <c r="KCC155" s="31"/>
      <c r="KCD155" s="31"/>
      <c r="KCE155" s="31"/>
      <c r="KCF155" s="31"/>
      <c r="KCG155" s="31"/>
      <c r="KCH155" s="31"/>
      <c r="KCI155" s="31"/>
      <c r="KCJ155" s="31"/>
      <c r="KCK155" s="31"/>
      <c r="KCL155" s="31"/>
      <c r="KCM155" s="31"/>
      <c r="KCN155" s="31"/>
      <c r="KCO155" s="31"/>
      <c r="KCP155" s="31"/>
      <c r="KCQ155" s="31"/>
      <c r="KCR155" s="31"/>
      <c r="KCS155" s="31"/>
      <c r="KCT155" s="31"/>
      <c r="KCU155" s="31"/>
      <c r="KCV155" s="31"/>
      <c r="KCW155" s="31"/>
      <c r="KCX155" s="31"/>
      <c r="KCY155" s="31"/>
      <c r="KCZ155" s="31"/>
      <c r="KDA155" s="31"/>
      <c r="KDB155" s="31"/>
      <c r="KDC155" s="31"/>
      <c r="KDD155" s="31"/>
      <c r="KDE155" s="31"/>
      <c r="KDF155" s="31"/>
      <c r="KDG155" s="31"/>
      <c r="KDH155" s="31"/>
      <c r="KDI155" s="31"/>
      <c r="KDJ155" s="31"/>
      <c r="KDK155" s="31"/>
      <c r="KDL155" s="31"/>
      <c r="KDM155" s="31"/>
      <c r="KDN155" s="31"/>
      <c r="KDO155" s="31"/>
      <c r="KDP155" s="31"/>
      <c r="KDQ155" s="31"/>
      <c r="KDR155" s="31"/>
      <c r="KDS155" s="31"/>
      <c r="KDT155" s="31"/>
      <c r="KDU155" s="31"/>
      <c r="KDV155" s="31"/>
      <c r="KDW155" s="31"/>
      <c r="KDX155" s="31"/>
      <c r="KDY155" s="31"/>
      <c r="KDZ155" s="31"/>
      <c r="KEA155" s="31"/>
      <c r="KEB155" s="31"/>
      <c r="KEC155" s="31"/>
      <c r="KED155" s="31"/>
      <c r="KEE155" s="31"/>
      <c r="KEF155" s="31"/>
      <c r="KEG155" s="31"/>
      <c r="KEH155" s="31"/>
      <c r="KEI155" s="31"/>
      <c r="KEJ155" s="31"/>
      <c r="KEK155" s="31"/>
      <c r="KEL155" s="31"/>
      <c r="KEM155" s="31"/>
      <c r="KEN155" s="31"/>
      <c r="KEO155" s="31"/>
      <c r="KEP155" s="31"/>
      <c r="KEQ155" s="31"/>
      <c r="KER155" s="31"/>
      <c r="KES155" s="31"/>
      <c r="KET155" s="31"/>
      <c r="KEU155" s="31"/>
      <c r="KEV155" s="31"/>
      <c r="KEW155" s="31"/>
      <c r="KEX155" s="31"/>
      <c r="KEY155" s="31"/>
      <c r="KEZ155" s="31"/>
      <c r="KFA155" s="31"/>
      <c r="KFB155" s="31"/>
      <c r="KFC155" s="31"/>
      <c r="KFD155" s="31"/>
      <c r="KFE155" s="31"/>
      <c r="KFF155" s="31"/>
      <c r="KFG155" s="31"/>
      <c r="KFH155" s="31"/>
      <c r="KFI155" s="31"/>
      <c r="KFJ155" s="31"/>
      <c r="KFK155" s="31"/>
      <c r="KFL155" s="31"/>
      <c r="KFM155" s="31"/>
      <c r="KFN155" s="31"/>
      <c r="KFO155" s="31"/>
      <c r="KFP155" s="31"/>
      <c r="KFQ155" s="31"/>
      <c r="KFR155" s="31"/>
      <c r="KFS155" s="31"/>
      <c r="KFT155" s="31"/>
      <c r="KFU155" s="31"/>
      <c r="KFV155" s="31"/>
      <c r="KFW155" s="31"/>
      <c r="KFX155" s="31"/>
      <c r="KFY155" s="31"/>
      <c r="KFZ155" s="31"/>
      <c r="KGA155" s="31"/>
      <c r="KGB155" s="31"/>
      <c r="KGC155" s="31"/>
      <c r="KGD155" s="31"/>
      <c r="KGE155" s="31"/>
      <c r="KGF155" s="31"/>
      <c r="KGG155" s="31"/>
      <c r="KGH155" s="31"/>
      <c r="KGI155" s="31"/>
      <c r="KGJ155" s="31"/>
      <c r="KGK155" s="31"/>
      <c r="KGL155" s="31"/>
      <c r="KGM155" s="31"/>
      <c r="KGN155" s="31"/>
      <c r="KGO155" s="31"/>
      <c r="KGP155" s="31"/>
      <c r="KGQ155" s="31"/>
      <c r="KGR155" s="31"/>
      <c r="KGS155" s="31"/>
      <c r="KGT155" s="31"/>
      <c r="KGU155" s="31"/>
      <c r="KGV155" s="31"/>
      <c r="KGW155" s="31"/>
      <c r="KGX155" s="31"/>
      <c r="KGY155" s="31"/>
      <c r="KGZ155" s="31"/>
      <c r="KHA155" s="31"/>
      <c r="KHB155" s="31"/>
      <c r="KHC155" s="31"/>
      <c r="KHD155" s="31"/>
      <c r="KHE155" s="31"/>
      <c r="KHF155" s="31"/>
      <c r="KHG155" s="31"/>
      <c r="KHH155" s="31"/>
      <c r="KHI155" s="31"/>
      <c r="KHJ155" s="31"/>
      <c r="KHK155" s="31"/>
      <c r="KHL155" s="31"/>
      <c r="KHM155" s="31"/>
      <c r="KHN155" s="31"/>
      <c r="KHO155" s="31"/>
      <c r="KHP155" s="31"/>
      <c r="KHQ155" s="31"/>
      <c r="KHR155" s="31"/>
      <c r="KHS155" s="31"/>
      <c r="KHT155" s="31"/>
      <c r="KHU155" s="31"/>
      <c r="KHV155" s="31"/>
      <c r="KHW155" s="31"/>
      <c r="KHX155" s="31"/>
      <c r="KHY155" s="31"/>
      <c r="KHZ155" s="31"/>
      <c r="KIA155" s="31"/>
      <c r="KIB155" s="31"/>
      <c r="KIC155" s="31"/>
      <c r="KID155" s="31"/>
      <c r="KIE155" s="31"/>
      <c r="KIF155" s="31"/>
      <c r="KIG155" s="31"/>
      <c r="KIH155" s="31"/>
      <c r="KII155" s="31"/>
      <c r="KIJ155" s="31"/>
      <c r="KIK155" s="31"/>
      <c r="KIL155" s="31"/>
      <c r="KIM155" s="31"/>
      <c r="KIN155" s="31"/>
      <c r="KIO155" s="31"/>
      <c r="KIP155" s="31"/>
      <c r="KIQ155" s="31"/>
      <c r="KIR155" s="31"/>
      <c r="KIS155" s="31"/>
      <c r="KIT155" s="31"/>
      <c r="KIU155" s="31"/>
      <c r="KIV155" s="31"/>
      <c r="KIW155" s="31"/>
      <c r="KIX155" s="31"/>
      <c r="KIY155" s="31"/>
      <c r="KIZ155" s="31"/>
      <c r="KJA155" s="31"/>
      <c r="KJB155" s="31"/>
      <c r="KJC155" s="31"/>
      <c r="KJD155" s="31"/>
      <c r="KJE155" s="31"/>
      <c r="KJF155" s="31"/>
      <c r="KJG155" s="31"/>
      <c r="KJH155" s="31"/>
      <c r="KJI155" s="31"/>
      <c r="KJJ155" s="31"/>
      <c r="KJK155" s="31"/>
      <c r="KJL155" s="31"/>
      <c r="KJM155" s="31"/>
      <c r="KJN155" s="31"/>
      <c r="KJO155" s="31"/>
      <c r="KJP155" s="31"/>
      <c r="KJQ155" s="31"/>
      <c r="KJR155" s="31"/>
      <c r="KJS155" s="31"/>
      <c r="KJT155" s="31"/>
      <c r="KJU155" s="31"/>
      <c r="KJV155" s="31"/>
      <c r="KJW155" s="31"/>
      <c r="KJX155" s="31"/>
      <c r="KJY155" s="31"/>
      <c r="KJZ155" s="31"/>
      <c r="KKA155" s="31"/>
      <c r="KKB155" s="31"/>
      <c r="KKC155" s="31"/>
      <c r="KKD155" s="31"/>
      <c r="KKE155" s="31"/>
      <c r="KKF155" s="31"/>
      <c r="KKG155" s="31"/>
      <c r="KKH155" s="31"/>
      <c r="KKI155" s="31"/>
      <c r="KKJ155" s="31"/>
      <c r="KKK155" s="31"/>
      <c r="KKL155" s="31"/>
      <c r="KKM155" s="31"/>
      <c r="KKN155" s="31"/>
      <c r="KKO155" s="31"/>
      <c r="KKP155" s="31"/>
      <c r="KKQ155" s="31"/>
      <c r="KKR155" s="31"/>
      <c r="KKS155" s="31"/>
      <c r="KKT155" s="31"/>
      <c r="KKU155" s="31"/>
      <c r="KKV155" s="31"/>
      <c r="KKW155" s="31"/>
      <c r="KKX155" s="31"/>
      <c r="KKY155" s="31"/>
      <c r="KKZ155" s="31"/>
      <c r="KLA155" s="31"/>
      <c r="KLB155" s="31"/>
      <c r="KLC155" s="31"/>
      <c r="KLD155" s="31"/>
      <c r="KLE155" s="31"/>
      <c r="KLF155" s="31"/>
      <c r="KLG155" s="31"/>
      <c r="KLH155" s="31"/>
      <c r="KLI155" s="31"/>
      <c r="KLJ155" s="31"/>
      <c r="KLK155" s="31"/>
      <c r="KLL155" s="31"/>
      <c r="KLM155" s="31"/>
      <c r="KLN155" s="31"/>
      <c r="KLO155" s="31"/>
      <c r="KLP155" s="31"/>
      <c r="KLQ155" s="31"/>
      <c r="KLR155" s="31"/>
      <c r="KLS155" s="31"/>
      <c r="KLT155" s="31"/>
      <c r="KLU155" s="31"/>
      <c r="KLV155" s="31"/>
      <c r="KLW155" s="31"/>
      <c r="KLX155" s="31"/>
      <c r="KLY155" s="31"/>
      <c r="KLZ155" s="31"/>
      <c r="KMA155" s="31"/>
      <c r="KMB155" s="31"/>
      <c r="KMC155" s="31"/>
      <c r="KMD155" s="31"/>
      <c r="KME155" s="31"/>
      <c r="KMF155" s="31"/>
      <c r="KMG155" s="31"/>
      <c r="KMH155" s="31"/>
      <c r="KMI155" s="31"/>
      <c r="KMJ155" s="31"/>
      <c r="KMK155" s="31"/>
      <c r="KML155" s="31"/>
      <c r="KMM155" s="31"/>
      <c r="KMN155" s="31"/>
      <c r="KMO155" s="31"/>
      <c r="KMP155" s="31"/>
      <c r="KMQ155" s="31"/>
      <c r="KMR155" s="31"/>
      <c r="KMS155" s="31"/>
      <c r="KMT155" s="31"/>
      <c r="KMU155" s="31"/>
      <c r="KMV155" s="31"/>
      <c r="KMW155" s="31"/>
      <c r="KMX155" s="31"/>
      <c r="KMY155" s="31"/>
      <c r="KMZ155" s="31"/>
      <c r="KNA155" s="31"/>
      <c r="KNB155" s="31"/>
      <c r="KNC155" s="31"/>
      <c r="KND155" s="31"/>
      <c r="KNE155" s="31"/>
      <c r="KNF155" s="31"/>
      <c r="KNG155" s="31"/>
      <c r="KNH155" s="31"/>
      <c r="KNI155" s="31"/>
      <c r="KNJ155" s="31"/>
      <c r="KNK155" s="31"/>
      <c r="KNL155" s="31"/>
      <c r="KNM155" s="31"/>
      <c r="KNN155" s="31"/>
      <c r="KNO155" s="31"/>
      <c r="KNP155" s="31"/>
      <c r="KNQ155" s="31"/>
      <c r="KNR155" s="31"/>
      <c r="KNS155" s="31"/>
      <c r="KNT155" s="31"/>
      <c r="KNU155" s="31"/>
      <c r="KNV155" s="31"/>
      <c r="KNW155" s="31"/>
      <c r="KNX155" s="31"/>
      <c r="KNY155" s="31"/>
      <c r="KNZ155" s="31"/>
      <c r="KOA155" s="31"/>
      <c r="KOB155" s="31"/>
      <c r="KOC155" s="31"/>
      <c r="KOD155" s="31"/>
      <c r="KOE155" s="31"/>
      <c r="KOF155" s="31"/>
      <c r="KOG155" s="31"/>
      <c r="KOH155" s="31"/>
      <c r="KOI155" s="31"/>
      <c r="KOJ155" s="31"/>
      <c r="KOK155" s="31"/>
      <c r="KOL155" s="31"/>
      <c r="KOM155" s="31"/>
      <c r="KON155" s="31"/>
      <c r="KOO155" s="31"/>
      <c r="KOP155" s="31"/>
      <c r="KOQ155" s="31"/>
      <c r="KOR155" s="31"/>
      <c r="KOS155" s="31"/>
      <c r="KOT155" s="31"/>
      <c r="KOU155" s="31"/>
      <c r="KOV155" s="31"/>
      <c r="KOW155" s="31"/>
      <c r="KOX155" s="31"/>
      <c r="KOY155" s="31"/>
      <c r="KOZ155" s="31"/>
      <c r="KPA155" s="31"/>
      <c r="KPB155" s="31"/>
      <c r="KPC155" s="31"/>
      <c r="KPD155" s="31"/>
      <c r="KPE155" s="31"/>
      <c r="KPF155" s="31"/>
      <c r="KPG155" s="31"/>
      <c r="KPH155" s="31"/>
      <c r="KPI155" s="31"/>
      <c r="KPJ155" s="31"/>
      <c r="KPK155" s="31"/>
      <c r="KPL155" s="31"/>
      <c r="KPM155" s="31"/>
      <c r="KPN155" s="31"/>
      <c r="KPO155" s="31"/>
      <c r="KPP155" s="31"/>
      <c r="KPQ155" s="31"/>
      <c r="KPR155" s="31"/>
      <c r="KPS155" s="31"/>
      <c r="KPT155" s="31"/>
      <c r="KPU155" s="31"/>
      <c r="KPV155" s="31"/>
      <c r="KPW155" s="31"/>
      <c r="KPX155" s="31"/>
      <c r="KPY155" s="31"/>
      <c r="KPZ155" s="31"/>
      <c r="KQA155" s="31"/>
      <c r="KQB155" s="31"/>
      <c r="KQC155" s="31"/>
      <c r="KQD155" s="31"/>
      <c r="KQE155" s="31"/>
      <c r="KQF155" s="31"/>
      <c r="KQG155" s="31"/>
      <c r="KQH155" s="31"/>
      <c r="KQI155" s="31"/>
      <c r="KQJ155" s="31"/>
      <c r="KQK155" s="31"/>
      <c r="KQL155" s="31"/>
      <c r="KQM155" s="31"/>
      <c r="KQN155" s="31"/>
      <c r="KQO155" s="31"/>
      <c r="KQP155" s="31"/>
      <c r="KQQ155" s="31"/>
      <c r="KQR155" s="31"/>
      <c r="KQS155" s="31"/>
      <c r="KQT155" s="31"/>
      <c r="KQU155" s="31"/>
      <c r="KQV155" s="31"/>
      <c r="KQW155" s="31"/>
      <c r="KQX155" s="31"/>
      <c r="KQY155" s="31"/>
      <c r="KQZ155" s="31"/>
      <c r="KRA155" s="31"/>
      <c r="KRB155" s="31"/>
      <c r="KRC155" s="31"/>
      <c r="KRD155" s="31"/>
      <c r="KRE155" s="31"/>
      <c r="KRF155" s="31"/>
      <c r="KRG155" s="31"/>
      <c r="KRH155" s="31"/>
      <c r="KRI155" s="31"/>
      <c r="KRJ155" s="31"/>
      <c r="KRK155" s="31"/>
      <c r="KRL155" s="31"/>
      <c r="KRM155" s="31"/>
      <c r="KRN155" s="31"/>
      <c r="KRO155" s="31"/>
      <c r="KRP155" s="31"/>
      <c r="KRQ155" s="31"/>
      <c r="KRR155" s="31"/>
      <c r="KRS155" s="31"/>
      <c r="KRT155" s="31"/>
      <c r="KRU155" s="31"/>
      <c r="KRV155" s="31"/>
      <c r="KRW155" s="31"/>
      <c r="KRX155" s="31"/>
      <c r="KRY155" s="31"/>
      <c r="KRZ155" s="31"/>
      <c r="KSA155" s="31"/>
      <c r="KSB155" s="31"/>
      <c r="KSC155" s="31"/>
      <c r="KSD155" s="31"/>
      <c r="KSE155" s="31"/>
      <c r="KSF155" s="31"/>
      <c r="KSG155" s="31"/>
      <c r="KSH155" s="31"/>
      <c r="KSI155" s="31"/>
      <c r="KSJ155" s="31"/>
      <c r="KSK155" s="31"/>
      <c r="KSL155" s="31"/>
      <c r="KSM155" s="31"/>
      <c r="KSN155" s="31"/>
      <c r="KSO155" s="31"/>
      <c r="KSP155" s="31"/>
      <c r="KSQ155" s="31"/>
      <c r="KSR155" s="31"/>
      <c r="KSS155" s="31"/>
      <c r="KST155" s="31"/>
      <c r="KSU155" s="31"/>
      <c r="KSV155" s="31"/>
      <c r="KSW155" s="31"/>
      <c r="KSX155" s="31"/>
      <c r="KSY155" s="31"/>
      <c r="KSZ155" s="31"/>
      <c r="KTA155" s="31"/>
      <c r="KTB155" s="31"/>
      <c r="KTC155" s="31"/>
      <c r="KTD155" s="31"/>
      <c r="KTE155" s="31"/>
      <c r="KTF155" s="31"/>
      <c r="KTG155" s="31"/>
      <c r="KTH155" s="31"/>
      <c r="KTI155" s="31"/>
      <c r="KTJ155" s="31"/>
      <c r="KTK155" s="31"/>
      <c r="KTL155" s="31"/>
      <c r="KTM155" s="31"/>
      <c r="KTN155" s="31"/>
      <c r="KTO155" s="31"/>
      <c r="KTP155" s="31"/>
      <c r="KTQ155" s="31"/>
      <c r="KTR155" s="31"/>
      <c r="KTS155" s="31"/>
      <c r="KTT155" s="31"/>
      <c r="KTU155" s="31"/>
      <c r="KTV155" s="31"/>
      <c r="KTW155" s="31"/>
      <c r="KTX155" s="31"/>
      <c r="KTY155" s="31"/>
      <c r="KTZ155" s="31"/>
      <c r="KUA155" s="31"/>
      <c r="KUB155" s="31"/>
      <c r="KUC155" s="31"/>
      <c r="KUD155" s="31"/>
      <c r="KUE155" s="31"/>
      <c r="KUF155" s="31"/>
      <c r="KUG155" s="31"/>
      <c r="KUH155" s="31"/>
      <c r="KUI155" s="31"/>
      <c r="KUJ155" s="31"/>
      <c r="KUK155" s="31"/>
      <c r="KUL155" s="31"/>
      <c r="KUM155" s="31"/>
      <c r="KUN155" s="31"/>
      <c r="KUO155" s="31"/>
      <c r="KUP155" s="31"/>
      <c r="KUQ155" s="31"/>
      <c r="KUR155" s="31"/>
      <c r="KUS155" s="31"/>
      <c r="KUT155" s="31"/>
      <c r="KUU155" s="31"/>
      <c r="KUV155" s="31"/>
      <c r="KUW155" s="31"/>
      <c r="KUX155" s="31"/>
      <c r="KUY155" s="31"/>
      <c r="KUZ155" s="31"/>
      <c r="KVA155" s="31"/>
      <c r="KVB155" s="31"/>
      <c r="KVC155" s="31"/>
      <c r="KVD155" s="31"/>
      <c r="KVE155" s="31"/>
      <c r="KVF155" s="31"/>
      <c r="KVG155" s="31"/>
      <c r="KVH155" s="31"/>
      <c r="KVI155" s="31"/>
      <c r="KVJ155" s="31"/>
      <c r="KVK155" s="31"/>
      <c r="KVL155" s="31"/>
      <c r="KVM155" s="31"/>
      <c r="KVN155" s="31"/>
      <c r="KVO155" s="31"/>
      <c r="KVP155" s="31"/>
      <c r="KVQ155" s="31"/>
      <c r="KVR155" s="31"/>
      <c r="KVS155" s="31"/>
      <c r="KVT155" s="31"/>
      <c r="KVU155" s="31"/>
      <c r="KVV155" s="31"/>
      <c r="KVW155" s="31"/>
      <c r="KVX155" s="31"/>
      <c r="KVY155" s="31"/>
      <c r="KVZ155" s="31"/>
      <c r="KWA155" s="31"/>
      <c r="KWB155" s="31"/>
      <c r="KWC155" s="31"/>
      <c r="KWD155" s="31"/>
      <c r="KWE155" s="31"/>
      <c r="KWF155" s="31"/>
      <c r="KWG155" s="31"/>
      <c r="KWH155" s="31"/>
      <c r="KWI155" s="31"/>
      <c r="KWJ155" s="31"/>
      <c r="KWK155" s="31"/>
      <c r="KWL155" s="31"/>
      <c r="KWM155" s="31"/>
      <c r="KWN155" s="31"/>
      <c r="KWO155" s="31"/>
      <c r="KWP155" s="31"/>
      <c r="KWQ155" s="31"/>
      <c r="KWR155" s="31"/>
      <c r="KWS155" s="31"/>
      <c r="KWT155" s="31"/>
      <c r="KWU155" s="31"/>
      <c r="KWV155" s="31"/>
      <c r="KWW155" s="31"/>
      <c r="KWX155" s="31"/>
      <c r="KWY155" s="31"/>
      <c r="KWZ155" s="31"/>
      <c r="KXA155" s="31"/>
      <c r="KXB155" s="31"/>
      <c r="KXC155" s="31"/>
      <c r="KXD155" s="31"/>
      <c r="KXE155" s="31"/>
      <c r="KXF155" s="31"/>
      <c r="KXG155" s="31"/>
      <c r="KXH155" s="31"/>
      <c r="KXI155" s="31"/>
      <c r="KXJ155" s="31"/>
      <c r="KXK155" s="31"/>
      <c r="KXL155" s="31"/>
      <c r="KXM155" s="31"/>
      <c r="KXN155" s="31"/>
      <c r="KXO155" s="31"/>
      <c r="KXP155" s="31"/>
      <c r="KXQ155" s="31"/>
      <c r="KXR155" s="31"/>
      <c r="KXS155" s="31"/>
      <c r="KXT155" s="31"/>
      <c r="KXU155" s="31"/>
      <c r="KXV155" s="31"/>
      <c r="KXW155" s="31"/>
      <c r="KXX155" s="31"/>
      <c r="KXY155" s="31"/>
      <c r="KXZ155" s="31"/>
      <c r="KYA155" s="31"/>
      <c r="KYB155" s="31"/>
      <c r="KYC155" s="31"/>
      <c r="KYD155" s="31"/>
      <c r="KYE155" s="31"/>
      <c r="KYF155" s="31"/>
      <c r="KYG155" s="31"/>
      <c r="KYH155" s="31"/>
      <c r="KYI155" s="31"/>
      <c r="KYJ155" s="31"/>
      <c r="KYK155" s="31"/>
      <c r="KYL155" s="31"/>
      <c r="KYM155" s="31"/>
      <c r="KYN155" s="31"/>
      <c r="KYO155" s="31"/>
      <c r="KYP155" s="31"/>
      <c r="KYQ155" s="31"/>
      <c r="KYR155" s="31"/>
      <c r="KYS155" s="31"/>
      <c r="KYT155" s="31"/>
      <c r="KYU155" s="31"/>
      <c r="KYV155" s="31"/>
      <c r="KYW155" s="31"/>
      <c r="KYX155" s="31"/>
      <c r="KYY155" s="31"/>
      <c r="KYZ155" s="31"/>
      <c r="KZA155" s="31"/>
      <c r="KZB155" s="31"/>
      <c r="KZC155" s="31"/>
      <c r="KZD155" s="31"/>
      <c r="KZE155" s="31"/>
      <c r="KZF155" s="31"/>
      <c r="KZG155" s="31"/>
      <c r="KZH155" s="31"/>
      <c r="KZI155" s="31"/>
      <c r="KZJ155" s="31"/>
      <c r="KZK155" s="31"/>
      <c r="KZL155" s="31"/>
      <c r="KZM155" s="31"/>
      <c r="KZN155" s="31"/>
      <c r="KZO155" s="31"/>
      <c r="KZP155" s="31"/>
      <c r="KZQ155" s="31"/>
      <c r="KZR155" s="31"/>
      <c r="KZS155" s="31"/>
      <c r="KZT155" s="31"/>
      <c r="KZU155" s="31"/>
      <c r="KZV155" s="31"/>
      <c r="KZW155" s="31"/>
      <c r="KZX155" s="31"/>
      <c r="KZY155" s="31"/>
      <c r="KZZ155" s="31"/>
      <c r="LAA155" s="31"/>
      <c r="LAB155" s="31"/>
      <c r="LAC155" s="31"/>
      <c r="LAD155" s="31"/>
      <c r="LAE155" s="31"/>
      <c r="LAF155" s="31"/>
      <c r="LAG155" s="31"/>
      <c r="LAH155" s="31"/>
      <c r="LAI155" s="31"/>
      <c r="LAJ155" s="31"/>
      <c r="LAK155" s="31"/>
      <c r="LAL155" s="31"/>
      <c r="LAM155" s="31"/>
      <c r="LAN155" s="31"/>
      <c r="LAO155" s="31"/>
      <c r="LAP155" s="31"/>
      <c r="LAQ155" s="31"/>
      <c r="LAR155" s="31"/>
      <c r="LAS155" s="31"/>
      <c r="LAT155" s="31"/>
      <c r="LAU155" s="31"/>
      <c r="LAV155" s="31"/>
      <c r="LAW155" s="31"/>
      <c r="LAX155" s="31"/>
      <c r="LAY155" s="31"/>
      <c r="LAZ155" s="31"/>
      <c r="LBA155" s="31"/>
      <c r="LBB155" s="31"/>
      <c r="LBC155" s="31"/>
      <c r="LBD155" s="31"/>
      <c r="LBE155" s="31"/>
      <c r="LBF155" s="31"/>
      <c r="LBG155" s="31"/>
      <c r="LBH155" s="31"/>
      <c r="LBI155" s="31"/>
      <c r="LBJ155" s="31"/>
      <c r="LBK155" s="31"/>
      <c r="LBL155" s="31"/>
      <c r="LBM155" s="31"/>
      <c r="LBN155" s="31"/>
      <c r="LBO155" s="31"/>
      <c r="LBP155" s="31"/>
      <c r="LBQ155" s="31"/>
      <c r="LBR155" s="31"/>
      <c r="LBS155" s="31"/>
      <c r="LBT155" s="31"/>
      <c r="LBU155" s="31"/>
      <c r="LBV155" s="31"/>
      <c r="LBW155" s="31"/>
      <c r="LBX155" s="31"/>
      <c r="LBY155" s="31"/>
      <c r="LBZ155" s="31"/>
      <c r="LCA155" s="31"/>
      <c r="LCB155" s="31"/>
      <c r="LCC155" s="31"/>
      <c r="LCD155" s="31"/>
      <c r="LCE155" s="31"/>
      <c r="LCF155" s="31"/>
      <c r="LCG155" s="31"/>
      <c r="LCH155" s="31"/>
      <c r="LCI155" s="31"/>
      <c r="LCJ155" s="31"/>
      <c r="LCK155" s="31"/>
      <c r="LCL155" s="31"/>
      <c r="LCM155" s="31"/>
      <c r="LCN155" s="31"/>
      <c r="LCO155" s="31"/>
      <c r="LCP155" s="31"/>
      <c r="LCQ155" s="31"/>
      <c r="LCR155" s="31"/>
      <c r="LCS155" s="31"/>
      <c r="LCT155" s="31"/>
      <c r="LCU155" s="31"/>
      <c r="LCV155" s="31"/>
      <c r="LCW155" s="31"/>
      <c r="LCX155" s="31"/>
      <c r="LCY155" s="31"/>
      <c r="LCZ155" s="31"/>
      <c r="LDA155" s="31"/>
      <c r="LDB155" s="31"/>
      <c r="LDC155" s="31"/>
      <c r="LDD155" s="31"/>
      <c r="LDE155" s="31"/>
      <c r="LDF155" s="31"/>
      <c r="LDG155" s="31"/>
      <c r="LDH155" s="31"/>
      <c r="LDI155" s="31"/>
      <c r="LDJ155" s="31"/>
      <c r="LDK155" s="31"/>
      <c r="LDL155" s="31"/>
      <c r="LDM155" s="31"/>
      <c r="LDN155" s="31"/>
      <c r="LDO155" s="31"/>
      <c r="LDP155" s="31"/>
      <c r="LDQ155" s="31"/>
      <c r="LDR155" s="31"/>
      <c r="LDS155" s="31"/>
      <c r="LDT155" s="31"/>
      <c r="LDU155" s="31"/>
      <c r="LDV155" s="31"/>
      <c r="LDW155" s="31"/>
      <c r="LDX155" s="31"/>
      <c r="LDY155" s="31"/>
      <c r="LDZ155" s="31"/>
      <c r="LEA155" s="31"/>
      <c r="LEB155" s="31"/>
      <c r="LEC155" s="31"/>
      <c r="LED155" s="31"/>
      <c r="LEE155" s="31"/>
      <c r="LEF155" s="31"/>
      <c r="LEG155" s="31"/>
      <c r="LEH155" s="31"/>
      <c r="LEI155" s="31"/>
      <c r="LEJ155" s="31"/>
      <c r="LEK155" s="31"/>
      <c r="LEL155" s="31"/>
      <c r="LEM155" s="31"/>
      <c r="LEN155" s="31"/>
      <c r="LEO155" s="31"/>
      <c r="LEP155" s="31"/>
      <c r="LEQ155" s="31"/>
      <c r="LER155" s="31"/>
      <c r="LES155" s="31"/>
      <c r="LET155" s="31"/>
      <c r="LEU155" s="31"/>
      <c r="LEV155" s="31"/>
      <c r="LEW155" s="31"/>
      <c r="LEX155" s="31"/>
      <c r="LEY155" s="31"/>
      <c r="LEZ155" s="31"/>
      <c r="LFA155" s="31"/>
      <c r="LFB155" s="31"/>
      <c r="LFC155" s="31"/>
      <c r="LFD155" s="31"/>
      <c r="LFE155" s="31"/>
      <c r="LFF155" s="31"/>
      <c r="LFG155" s="31"/>
      <c r="LFH155" s="31"/>
      <c r="LFI155" s="31"/>
      <c r="LFJ155" s="31"/>
      <c r="LFK155" s="31"/>
      <c r="LFL155" s="31"/>
      <c r="LFM155" s="31"/>
      <c r="LFN155" s="31"/>
      <c r="LFO155" s="31"/>
      <c r="LFP155" s="31"/>
      <c r="LFQ155" s="31"/>
      <c r="LFR155" s="31"/>
      <c r="LFS155" s="31"/>
      <c r="LFT155" s="31"/>
      <c r="LFU155" s="31"/>
      <c r="LFV155" s="31"/>
      <c r="LFW155" s="31"/>
      <c r="LFX155" s="31"/>
      <c r="LFY155" s="31"/>
      <c r="LFZ155" s="31"/>
      <c r="LGA155" s="31"/>
      <c r="LGB155" s="31"/>
      <c r="LGC155" s="31"/>
      <c r="LGD155" s="31"/>
      <c r="LGE155" s="31"/>
      <c r="LGF155" s="31"/>
      <c r="LGG155" s="31"/>
      <c r="LGH155" s="31"/>
      <c r="LGI155" s="31"/>
      <c r="LGJ155" s="31"/>
      <c r="LGK155" s="31"/>
      <c r="LGL155" s="31"/>
      <c r="LGM155" s="31"/>
      <c r="LGN155" s="31"/>
      <c r="LGO155" s="31"/>
      <c r="LGP155" s="31"/>
      <c r="LGQ155" s="31"/>
      <c r="LGR155" s="31"/>
      <c r="LGS155" s="31"/>
      <c r="LGT155" s="31"/>
      <c r="LGU155" s="31"/>
      <c r="LGV155" s="31"/>
      <c r="LGW155" s="31"/>
      <c r="LGX155" s="31"/>
      <c r="LGY155" s="31"/>
      <c r="LGZ155" s="31"/>
      <c r="LHA155" s="31"/>
      <c r="LHB155" s="31"/>
      <c r="LHC155" s="31"/>
      <c r="LHD155" s="31"/>
      <c r="LHE155" s="31"/>
      <c r="LHF155" s="31"/>
      <c r="LHG155" s="31"/>
      <c r="LHH155" s="31"/>
      <c r="LHI155" s="31"/>
      <c r="LHJ155" s="31"/>
      <c r="LHK155" s="31"/>
      <c r="LHL155" s="31"/>
      <c r="LHM155" s="31"/>
      <c r="LHN155" s="31"/>
      <c r="LHO155" s="31"/>
      <c r="LHP155" s="31"/>
      <c r="LHQ155" s="31"/>
      <c r="LHR155" s="31"/>
      <c r="LHS155" s="31"/>
      <c r="LHT155" s="31"/>
      <c r="LHU155" s="31"/>
      <c r="LHV155" s="31"/>
      <c r="LHW155" s="31"/>
      <c r="LHX155" s="31"/>
      <c r="LHY155" s="31"/>
      <c r="LHZ155" s="31"/>
      <c r="LIA155" s="31"/>
      <c r="LIB155" s="31"/>
      <c r="LIC155" s="31"/>
      <c r="LID155" s="31"/>
      <c r="LIE155" s="31"/>
      <c r="LIF155" s="31"/>
      <c r="LIG155" s="31"/>
      <c r="LIH155" s="31"/>
      <c r="LII155" s="31"/>
      <c r="LIJ155" s="31"/>
      <c r="LIK155" s="31"/>
      <c r="LIL155" s="31"/>
      <c r="LIM155" s="31"/>
      <c r="LIN155" s="31"/>
      <c r="LIO155" s="31"/>
      <c r="LIP155" s="31"/>
      <c r="LIQ155" s="31"/>
      <c r="LIR155" s="31"/>
      <c r="LIS155" s="31"/>
      <c r="LIT155" s="31"/>
      <c r="LIU155" s="31"/>
      <c r="LIV155" s="31"/>
      <c r="LIW155" s="31"/>
      <c r="LIX155" s="31"/>
      <c r="LIY155" s="31"/>
      <c r="LIZ155" s="31"/>
      <c r="LJA155" s="31"/>
      <c r="LJB155" s="31"/>
      <c r="LJC155" s="31"/>
      <c r="LJD155" s="31"/>
      <c r="LJE155" s="31"/>
      <c r="LJF155" s="31"/>
      <c r="LJG155" s="31"/>
      <c r="LJH155" s="31"/>
      <c r="LJI155" s="31"/>
      <c r="LJJ155" s="31"/>
      <c r="LJK155" s="31"/>
      <c r="LJL155" s="31"/>
      <c r="LJM155" s="31"/>
      <c r="LJN155" s="31"/>
      <c r="LJO155" s="31"/>
      <c r="LJP155" s="31"/>
      <c r="LJQ155" s="31"/>
      <c r="LJR155" s="31"/>
      <c r="LJS155" s="31"/>
      <c r="LJT155" s="31"/>
      <c r="LJU155" s="31"/>
      <c r="LJV155" s="31"/>
      <c r="LJW155" s="31"/>
      <c r="LJX155" s="31"/>
      <c r="LJY155" s="31"/>
      <c r="LJZ155" s="31"/>
      <c r="LKA155" s="31"/>
      <c r="LKB155" s="31"/>
      <c r="LKC155" s="31"/>
      <c r="LKD155" s="31"/>
      <c r="LKE155" s="31"/>
      <c r="LKF155" s="31"/>
      <c r="LKG155" s="31"/>
      <c r="LKH155" s="31"/>
      <c r="LKI155" s="31"/>
      <c r="LKJ155" s="31"/>
      <c r="LKK155" s="31"/>
      <c r="LKL155" s="31"/>
      <c r="LKM155" s="31"/>
      <c r="LKN155" s="31"/>
      <c r="LKO155" s="31"/>
      <c r="LKP155" s="31"/>
      <c r="LKQ155" s="31"/>
      <c r="LKR155" s="31"/>
      <c r="LKS155" s="31"/>
      <c r="LKT155" s="31"/>
      <c r="LKU155" s="31"/>
      <c r="LKV155" s="31"/>
      <c r="LKW155" s="31"/>
      <c r="LKX155" s="31"/>
      <c r="LKY155" s="31"/>
      <c r="LKZ155" s="31"/>
      <c r="LLA155" s="31"/>
      <c r="LLB155" s="31"/>
      <c r="LLC155" s="31"/>
      <c r="LLD155" s="31"/>
      <c r="LLE155" s="31"/>
      <c r="LLF155" s="31"/>
      <c r="LLG155" s="31"/>
      <c r="LLH155" s="31"/>
      <c r="LLI155" s="31"/>
      <c r="LLJ155" s="31"/>
      <c r="LLK155" s="31"/>
      <c r="LLL155" s="31"/>
      <c r="LLM155" s="31"/>
      <c r="LLN155" s="31"/>
      <c r="LLO155" s="31"/>
      <c r="LLP155" s="31"/>
      <c r="LLQ155" s="31"/>
      <c r="LLR155" s="31"/>
      <c r="LLS155" s="31"/>
      <c r="LLT155" s="31"/>
      <c r="LLU155" s="31"/>
      <c r="LLV155" s="31"/>
      <c r="LLW155" s="31"/>
      <c r="LLX155" s="31"/>
      <c r="LLY155" s="31"/>
      <c r="LLZ155" s="31"/>
      <c r="LMA155" s="31"/>
      <c r="LMB155" s="31"/>
      <c r="LMC155" s="31"/>
      <c r="LMD155" s="31"/>
      <c r="LME155" s="31"/>
      <c r="LMF155" s="31"/>
      <c r="LMG155" s="31"/>
      <c r="LMH155" s="31"/>
      <c r="LMI155" s="31"/>
      <c r="LMJ155" s="31"/>
      <c r="LMK155" s="31"/>
      <c r="LML155" s="31"/>
      <c r="LMM155" s="31"/>
      <c r="LMN155" s="31"/>
      <c r="LMO155" s="31"/>
      <c r="LMP155" s="31"/>
      <c r="LMQ155" s="31"/>
      <c r="LMR155" s="31"/>
      <c r="LMS155" s="31"/>
      <c r="LMT155" s="31"/>
      <c r="LMU155" s="31"/>
      <c r="LMV155" s="31"/>
      <c r="LMW155" s="31"/>
      <c r="LMX155" s="31"/>
      <c r="LMY155" s="31"/>
      <c r="LMZ155" s="31"/>
      <c r="LNA155" s="31"/>
      <c r="LNB155" s="31"/>
      <c r="LNC155" s="31"/>
      <c r="LND155" s="31"/>
      <c r="LNE155" s="31"/>
      <c r="LNF155" s="31"/>
      <c r="LNG155" s="31"/>
      <c r="LNH155" s="31"/>
      <c r="LNI155" s="31"/>
      <c r="LNJ155" s="31"/>
      <c r="LNK155" s="31"/>
      <c r="LNL155" s="31"/>
      <c r="LNM155" s="31"/>
      <c r="LNN155" s="31"/>
      <c r="LNO155" s="31"/>
      <c r="LNP155" s="31"/>
      <c r="LNQ155" s="31"/>
      <c r="LNR155" s="31"/>
      <c r="LNS155" s="31"/>
      <c r="LNT155" s="31"/>
      <c r="LNU155" s="31"/>
      <c r="LNV155" s="31"/>
      <c r="LNW155" s="31"/>
      <c r="LNX155" s="31"/>
      <c r="LNY155" s="31"/>
      <c r="LNZ155" s="31"/>
      <c r="LOA155" s="31"/>
      <c r="LOB155" s="31"/>
      <c r="LOC155" s="31"/>
      <c r="LOD155" s="31"/>
      <c r="LOE155" s="31"/>
      <c r="LOF155" s="31"/>
      <c r="LOG155" s="31"/>
      <c r="LOH155" s="31"/>
      <c r="LOI155" s="31"/>
      <c r="LOJ155" s="31"/>
      <c r="LOK155" s="31"/>
      <c r="LOL155" s="31"/>
      <c r="LOM155" s="31"/>
      <c r="LON155" s="31"/>
      <c r="LOO155" s="31"/>
      <c r="LOP155" s="31"/>
      <c r="LOQ155" s="31"/>
      <c r="LOR155" s="31"/>
      <c r="LOS155" s="31"/>
      <c r="LOT155" s="31"/>
      <c r="LOU155" s="31"/>
      <c r="LOV155" s="31"/>
      <c r="LOW155" s="31"/>
      <c r="LOX155" s="31"/>
      <c r="LOY155" s="31"/>
      <c r="LOZ155" s="31"/>
      <c r="LPA155" s="31"/>
      <c r="LPB155" s="31"/>
      <c r="LPC155" s="31"/>
      <c r="LPD155" s="31"/>
      <c r="LPE155" s="31"/>
      <c r="LPF155" s="31"/>
      <c r="LPG155" s="31"/>
      <c r="LPH155" s="31"/>
      <c r="LPI155" s="31"/>
      <c r="LPJ155" s="31"/>
      <c r="LPK155" s="31"/>
      <c r="LPL155" s="31"/>
      <c r="LPM155" s="31"/>
      <c r="LPN155" s="31"/>
      <c r="LPO155" s="31"/>
      <c r="LPP155" s="31"/>
      <c r="LPQ155" s="31"/>
      <c r="LPR155" s="31"/>
      <c r="LPS155" s="31"/>
      <c r="LPT155" s="31"/>
      <c r="LPU155" s="31"/>
      <c r="LPV155" s="31"/>
      <c r="LPW155" s="31"/>
      <c r="LPX155" s="31"/>
      <c r="LPY155" s="31"/>
      <c r="LPZ155" s="31"/>
      <c r="LQA155" s="31"/>
      <c r="LQB155" s="31"/>
      <c r="LQC155" s="31"/>
      <c r="LQD155" s="31"/>
      <c r="LQE155" s="31"/>
      <c r="LQF155" s="31"/>
      <c r="LQG155" s="31"/>
      <c r="LQH155" s="31"/>
      <c r="LQI155" s="31"/>
      <c r="LQJ155" s="31"/>
      <c r="LQK155" s="31"/>
      <c r="LQL155" s="31"/>
      <c r="LQM155" s="31"/>
      <c r="LQN155" s="31"/>
      <c r="LQO155" s="31"/>
      <c r="LQP155" s="31"/>
      <c r="LQQ155" s="31"/>
      <c r="LQR155" s="31"/>
      <c r="LQS155" s="31"/>
      <c r="LQT155" s="31"/>
      <c r="LQU155" s="31"/>
      <c r="LQV155" s="31"/>
      <c r="LQW155" s="31"/>
      <c r="LQX155" s="31"/>
      <c r="LQY155" s="31"/>
      <c r="LQZ155" s="31"/>
      <c r="LRA155" s="31"/>
      <c r="LRB155" s="31"/>
      <c r="LRC155" s="31"/>
      <c r="LRD155" s="31"/>
      <c r="LRE155" s="31"/>
      <c r="LRF155" s="31"/>
      <c r="LRG155" s="31"/>
      <c r="LRH155" s="31"/>
      <c r="LRI155" s="31"/>
      <c r="LRJ155" s="31"/>
      <c r="LRK155" s="31"/>
      <c r="LRL155" s="31"/>
      <c r="LRM155" s="31"/>
      <c r="LRN155" s="31"/>
      <c r="LRO155" s="31"/>
      <c r="LRP155" s="31"/>
      <c r="LRQ155" s="31"/>
      <c r="LRR155" s="31"/>
      <c r="LRS155" s="31"/>
      <c r="LRT155" s="31"/>
      <c r="LRU155" s="31"/>
      <c r="LRV155" s="31"/>
      <c r="LRW155" s="31"/>
      <c r="LRX155" s="31"/>
      <c r="LRY155" s="31"/>
      <c r="LRZ155" s="31"/>
      <c r="LSA155" s="31"/>
      <c r="LSB155" s="31"/>
      <c r="LSC155" s="31"/>
      <c r="LSD155" s="31"/>
      <c r="LSE155" s="31"/>
      <c r="LSF155" s="31"/>
      <c r="LSG155" s="31"/>
      <c r="LSH155" s="31"/>
      <c r="LSI155" s="31"/>
      <c r="LSJ155" s="31"/>
      <c r="LSK155" s="31"/>
      <c r="LSL155" s="31"/>
      <c r="LSM155" s="31"/>
      <c r="LSN155" s="31"/>
      <c r="LSO155" s="31"/>
      <c r="LSP155" s="31"/>
      <c r="LSQ155" s="31"/>
      <c r="LSR155" s="31"/>
      <c r="LSS155" s="31"/>
      <c r="LST155" s="31"/>
      <c r="LSU155" s="31"/>
      <c r="LSV155" s="31"/>
      <c r="LSW155" s="31"/>
      <c r="LSX155" s="31"/>
      <c r="LSY155" s="31"/>
      <c r="LSZ155" s="31"/>
      <c r="LTA155" s="31"/>
      <c r="LTB155" s="31"/>
      <c r="LTC155" s="31"/>
      <c r="LTD155" s="31"/>
      <c r="LTE155" s="31"/>
      <c r="LTF155" s="31"/>
      <c r="LTG155" s="31"/>
      <c r="LTH155" s="31"/>
      <c r="LTI155" s="31"/>
      <c r="LTJ155" s="31"/>
      <c r="LTK155" s="31"/>
      <c r="LTL155" s="31"/>
      <c r="LTM155" s="31"/>
      <c r="LTN155" s="31"/>
      <c r="LTO155" s="31"/>
      <c r="LTP155" s="31"/>
      <c r="LTQ155" s="31"/>
      <c r="LTR155" s="31"/>
      <c r="LTS155" s="31"/>
      <c r="LTT155" s="31"/>
      <c r="LTU155" s="31"/>
      <c r="LTV155" s="31"/>
      <c r="LTW155" s="31"/>
      <c r="LTX155" s="31"/>
      <c r="LTY155" s="31"/>
      <c r="LTZ155" s="31"/>
      <c r="LUA155" s="31"/>
      <c r="LUB155" s="31"/>
      <c r="LUC155" s="31"/>
      <c r="LUD155" s="31"/>
      <c r="LUE155" s="31"/>
      <c r="LUF155" s="31"/>
      <c r="LUG155" s="31"/>
      <c r="LUH155" s="31"/>
      <c r="LUI155" s="31"/>
      <c r="LUJ155" s="31"/>
      <c r="LUK155" s="31"/>
      <c r="LUL155" s="31"/>
      <c r="LUM155" s="31"/>
      <c r="LUN155" s="31"/>
      <c r="LUO155" s="31"/>
      <c r="LUP155" s="31"/>
      <c r="LUQ155" s="31"/>
      <c r="LUR155" s="31"/>
      <c r="LUS155" s="31"/>
      <c r="LUT155" s="31"/>
      <c r="LUU155" s="31"/>
      <c r="LUV155" s="31"/>
      <c r="LUW155" s="31"/>
      <c r="LUX155" s="31"/>
      <c r="LUY155" s="31"/>
      <c r="LUZ155" s="31"/>
      <c r="LVA155" s="31"/>
      <c r="LVB155" s="31"/>
      <c r="LVC155" s="31"/>
      <c r="LVD155" s="31"/>
      <c r="LVE155" s="31"/>
      <c r="LVF155" s="31"/>
      <c r="LVG155" s="31"/>
      <c r="LVH155" s="31"/>
      <c r="LVI155" s="31"/>
      <c r="LVJ155" s="31"/>
      <c r="LVK155" s="31"/>
      <c r="LVL155" s="31"/>
      <c r="LVM155" s="31"/>
      <c r="LVN155" s="31"/>
      <c r="LVO155" s="31"/>
      <c r="LVP155" s="31"/>
      <c r="LVQ155" s="31"/>
      <c r="LVR155" s="31"/>
      <c r="LVS155" s="31"/>
      <c r="LVT155" s="31"/>
      <c r="LVU155" s="31"/>
      <c r="LVV155" s="31"/>
      <c r="LVW155" s="31"/>
      <c r="LVX155" s="31"/>
      <c r="LVY155" s="31"/>
      <c r="LVZ155" s="31"/>
      <c r="LWA155" s="31"/>
      <c r="LWB155" s="31"/>
      <c r="LWC155" s="31"/>
      <c r="LWD155" s="31"/>
      <c r="LWE155" s="31"/>
      <c r="LWF155" s="31"/>
      <c r="LWG155" s="31"/>
      <c r="LWH155" s="31"/>
      <c r="LWI155" s="31"/>
      <c r="LWJ155" s="31"/>
      <c r="LWK155" s="31"/>
      <c r="LWL155" s="31"/>
      <c r="LWM155" s="31"/>
      <c r="LWN155" s="31"/>
      <c r="LWO155" s="31"/>
      <c r="LWP155" s="31"/>
      <c r="LWQ155" s="31"/>
      <c r="LWR155" s="31"/>
      <c r="LWS155" s="31"/>
      <c r="LWT155" s="31"/>
      <c r="LWU155" s="31"/>
      <c r="LWV155" s="31"/>
      <c r="LWW155" s="31"/>
      <c r="LWX155" s="31"/>
      <c r="LWY155" s="31"/>
      <c r="LWZ155" s="31"/>
      <c r="LXA155" s="31"/>
      <c r="LXB155" s="31"/>
      <c r="LXC155" s="31"/>
      <c r="LXD155" s="31"/>
      <c r="LXE155" s="31"/>
      <c r="LXF155" s="31"/>
      <c r="LXG155" s="31"/>
      <c r="LXH155" s="31"/>
      <c r="LXI155" s="31"/>
      <c r="LXJ155" s="31"/>
      <c r="LXK155" s="31"/>
      <c r="LXL155" s="31"/>
      <c r="LXM155" s="31"/>
      <c r="LXN155" s="31"/>
      <c r="LXO155" s="31"/>
      <c r="LXP155" s="31"/>
      <c r="LXQ155" s="31"/>
      <c r="LXR155" s="31"/>
      <c r="LXS155" s="31"/>
      <c r="LXT155" s="31"/>
      <c r="LXU155" s="31"/>
      <c r="LXV155" s="31"/>
      <c r="LXW155" s="31"/>
      <c r="LXX155" s="31"/>
      <c r="LXY155" s="31"/>
      <c r="LXZ155" s="31"/>
      <c r="LYA155" s="31"/>
      <c r="LYB155" s="31"/>
      <c r="LYC155" s="31"/>
      <c r="LYD155" s="31"/>
      <c r="LYE155" s="31"/>
      <c r="LYF155" s="31"/>
      <c r="LYG155" s="31"/>
      <c r="LYH155" s="31"/>
      <c r="LYI155" s="31"/>
      <c r="LYJ155" s="31"/>
      <c r="LYK155" s="31"/>
      <c r="LYL155" s="31"/>
      <c r="LYM155" s="31"/>
      <c r="LYN155" s="31"/>
      <c r="LYO155" s="31"/>
      <c r="LYP155" s="31"/>
      <c r="LYQ155" s="31"/>
      <c r="LYR155" s="31"/>
      <c r="LYS155" s="31"/>
      <c r="LYT155" s="31"/>
      <c r="LYU155" s="31"/>
      <c r="LYV155" s="31"/>
      <c r="LYW155" s="31"/>
      <c r="LYX155" s="31"/>
      <c r="LYY155" s="31"/>
      <c r="LYZ155" s="31"/>
      <c r="LZA155" s="31"/>
      <c r="LZB155" s="31"/>
      <c r="LZC155" s="31"/>
      <c r="LZD155" s="31"/>
      <c r="LZE155" s="31"/>
      <c r="LZF155" s="31"/>
      <c r="LZG155" s="31"/>
      <c r="LZH155" s="31"/>
      <c r="LZI155" s="31"/>
      <c r="LZJ155" s="31"/>
      <c r="LZK155" s="31"/>
      <c r="LZL155" s="31"/>
      <c r="LZM155" s="31"/>
      <c r="LZN155" s="31"/>
      <c r="LZO155" s="31"/>
      <c r="LZP155" s="31"/>
      <c r="LZQ155" s="31"/>
      <c r="LZR155" s="31"/>
      <c r="LZS155" s="31"/>
      <c r="LZT155" s="31"/>
      <c r="LZU155" s="31"/>
      <c r="LZV155" s="31"/>
      <c r="LZW155" s="31"/>
      <c r="LZX155" s="31"/>
      <c r="LZY155" s="31"/>
      <c r="LZZ155" s="31"/>
      <c r="MAA155" s="31"/>
      <c r="MAB155" s="31"/>
      <c r="MAC155" s="31"/>
      <c r="MAD155" s="31"/>
      <c r="MAE155" s="31"/>
      <c r="MAF155" s="31"/>
      <c r="MAG155" s="31"/>
      <c r="MAH155" s="31"/>
      <c r="MAI155" s="31"/>
      <c r="MAJ155" s="31"/>
      <c r="MAK155" s="31"/>
      <c r="MAL155" s="31"/>
      <c r="MAM155" s="31"/>
      <c r="MAN155" s="31"/>
      <c r="MAO155" s="31"/>
      <c r="MAP155" s="31"/>
      <c r="MAQ155" s="31"/>
      <c r="MAR155" s="31"/>
      <c r="MAS155" s="31"/>
      <c r="MAT155" s="31"/>
      <c r="MAU155" s="31"/>
      <c r="MAV155" s="31"/>
      <c r="MAW155" s="31"/>
      <c r="MAX155" s="31"/>
      <c r="MAY155" s="31"/>
      <c r="MAZ155" s="31"/>
      <c r="MBA155" s="31"/>
      <c r="MBB155" s="31"/>
      <c r="MBC155" s="31"/>
      <c r="MBD155" s="31"/>
      <c r="MBE155" s="31"/>
      <c r="MBF155" s="31"/>
      <c r="MBG155" s="31"/>
      <c r="MBH155" s="31"/>
      <c r="MBI155" s="31"/>
      <c r="MBJ155" s="31"/>
      <c r="MBK155" s="31"/>
      <c r="MBL155" s="31"/>
      <c r="MBM155" s="31"/>
      <c r="MBN155" s="31"/>
      <c r="MBO155" s="31"/>
      <c r="MBP155" s="31"/>
      <c r="MBQ155" s="31"/>
      <c r="MBR155" s="31"/>
      <c r="MBS155" s="31"/>
      <c r="MBT155" s="31"/>
      <c r="MBU155" s="31"/>
      <c r="MBV155" s="31"/>
      <c r="MBW155" s="31"/>
      <c r="MBX155" s="31"/>
      <c r="MBY155" s="31"/>
      <c r="MBZ155" s="31"/>
      <c r="MCA155" s="31"/>
      <c r="MCB155" s="31"/>
      <c r="MCC155" s="31"/>
      <c r="MCD155" s="31"/>
      <c r="MCE155" s="31"/>
      <c r="MCF155" s="31"/>
      <c r="MCG155" s="31"/>
      <c r="MCH155" s="31"/>
      <c r="MCI155" s="31"/>
      <c r="MCJ155" s="31"/>
      <c r="MCK155" s="31"/>
      <c r="MCL155" s="31"/>
      <c r="MCM155" s="31"/>
      <c r="MCN155" s="31"/>
      <c r="MCO155" s="31"/>
      <c r="MCP155" s="31"/>
      <c r="MCQ155" s="31"/>
      <c r="MCR155" s="31"/>
      <c r="MCS155" s="31"/>
      <c r="MCT155" s="31"/>
      <c r="MCU155" s="31"/>
      <c r="MCV155" s="31"/>
      <c r="MCW155" s="31"/>
      <c r="MCX155" s="31"/>
      <c r="MCY155" s="31"/>
      <c r="MCZ155" s="31"/>
      <c r="MDA155" s="31"/>
      <c r="MDB155" s="31"/>
      <c r="MDC155" s="31"/>
      <c r="MDD155" s="31"/>
      <c r="MDE155" s="31"/>
      <c r="MDF155" s="31"/>
      <c r="MDG155" s="31"/>
      <c r="MDH155" s="31"/>
      <c r="MDI155" s="31"/>
      <c r="MDJ155" s="31"/>
      <c r="MDK155" s="31"/>
      <c r="MDL155" s="31"/>
      <c r="MDM155" s="31"/>
      <c r="MDN155" s="31"/>
      <c r="MDO155" s="31"/>
      <c r="MDP155" s="31"/>
      <c r="MDQ155" s="31"/>
      <c r="MDR155" s="31"/>
      <c r="MDS155" s="31"/>
      <c r="MDT155" s="31"/>
      <c r="MDU155" s="31"/>
      <c r="MDV155" s="31"/>
      <c r="MDW155" s="31"/>
      <c r="MDX155" s="31"/>
      <c r="MDY155" s="31"/>
      <c r="MDZ155" s="31"/>
      <c r="MEA155" s="31"/>
      <c r="MEB155" s="31"/>
      <c r="MEC155" s="31"/>
      <c r="MED155" s="31"/>
      <c r="MEE155" s="31"/>
      <c r="MEF155" s="31"/>
      <c r="MEG155" s="31"/>
      <c r="MEH155" s="31"/>
      <c r="MEI155" s="31"/>
      <c r="MEJ155" s="31"/>
      <c r="MEK155" s="31"/>
      <c r="MEL155" s="31"/>
      <c r="MEM155" s="31"/>
      <c r="MEN155" s="31"/>
      <c r="MEO155" s="31"/>
      <c r="MEP155" s="31"/>
      <c r="MEQ155" s="31"/>
      <c r="MER155" s="31"/>
      <c r="MES155" s="31"/>
      <c r="MET155" s="31"/>
      <c r="MEU155" s="31"/>
      <c r="MEV155" s="31"/>
      <c r="MEW155" s="31"/>
      <c r="MEX155" s="31"/>
      <c r="MEY155" s="31"/>
      <c r="MEZ155" s="31"/>
      <c r="MFA155" s="31"/>
      <c r="MFB155" s="31"/>
      <c r="MFC155" s="31"/>
      <c r="MFD155" s="31"/>
      <c r="MFE155" s="31"/>
      <c r="MFF155" s="31"/>
      <c r="MFG155" s="31"/>
      <c r="MFH155" s="31"/>
      <c r="MFI155" s="31"/>
      <c r="MFJ155" s="31"/>
      <c r="MFK155" s="31"/>
      <c r="MFL155" s="31"/>
      <c r="MFM155" s="31"/>
      <c r="MFN155" s="31"/>
      <c r="MFO155" s="31"/>
      <c r="MFP155" s="31"/>
      <c r="MFQ155" s="31"/>
      <c r="MFR155" s="31"/>
      <c r="MFS155" s="31"/>
      <c r="MFT155" s="31"/>
      <c r="MFU155" s="31"/>
      <c r="MFV155" s="31"/>
      <c r="MFW155" s="31"/>
      <c r="MFX155" s="31"/>
      <c r="MFY155" s="31"/>
      <c r="MFZ155" s="31"/>
      <c r="MGA155" s="31"/>
      <c r="MGB155" s="31"/>
      <c r="MGC155" s="31"/>
      <c r="MGD155" s="31"/>
      <c r="MGE155" s="31"/>
      <c r="MGF155" s="31"/>
      <c r="MGG155" s="31"/>
      <c r="MGH155" s="31"/>
      <c r="MGI155" s="31"/>
      <c r="MGJ155" s="31"/>
      <c r="MGK155" s="31"/>
      <c r="MGL155" s="31"/>
      <c r="MGM155" s="31"/>
      <c r="MGN155" s="31"/>
      <c r="MGO155" s="31"/>
      <c r="MGP155" s="31"/>
      <c r="MGQ155" s="31"/>
      <c r="MGR155" s="31"/>
      <c r="MGS155" s="31"/>
      <c r="MGT155" s="31"/>
      <c r="MGU155" s="31"/>
      <c r="MGV155" s="31"/>
      <c r="MGW155" s="31"/>
      <c r="MGX155" s="31"/>
      <c r="MGY155" s="31"/>
      <c r="MGZ155" s="31"/>
      <c r="MHA155" s="31"/>
      <c r="MHB155" s="31"/>
      <c r="MHC155" s="31"/>
      <c r="MHD155" s="31"/>
      <c r="MHE155" s="31"/>
      <c r="MHF155" s="31"/>
      <c r="MHG155" s="31"/>
      <c r="MHH155" s="31"/>
      <c r="MHI155" s="31"/>
      <c r="MHJ155" s="31"/>
      <c r="MHK155" s="31"/>
      <c r="MHL155" s="31"/>
      <c r="MHM155" s="31"/>
      <c r="MHN155" s="31"/>
      <c r="MHO155" s="31"/>
      <c r="MHP155" s="31"/>
      <c r="MHQ155" s="31"/>
      <c r="MHR155" s="31"/>
      <c r="MHS155" s="31"/>
      <c r="MHT155" s="31"/>
      <c r="MHU155" s="31"/>
      <c r="MHV155" s="31"/>
      <c r="MHW155" s="31"/>
      <c r="MHX155" s="31"/>
      <c r="MHY155" s="31"/>
      <c r="MHZ155" s="31"/>
      <c r="MIA155" s="31"/>
      <c r="MIB155" s="31"/>
      <c r="MIC155" s="31"/>
      <c r="MID155" s="31"/>
      <c r="MIE155" s="31"/>
      <c r="MIF155" s="31"/>
      <c r="MIG155" s="31"/>
      <c r="MIH155" s="31"/>
      <c r="MII155" s="31"/>
      <c r="MIJ155" s="31"/>
      <c r="MIK155" s="31"/>
      <c r="MIL155" s="31"/>
      <c r="MIM155" s="31"/>
      <c r="MIN155" s="31"/>
      <c r="MIO155" s="31"/>
      <c r="MIP155" s="31"/>
      <c r="MIQ155" s="31"/>
      <c r="MIR155" s="31"/>
      <c r="MIS155" s="31"/>
      <c r="MIT155" s="31"/>
      <c r="MIU155" s="31"/>
      <c r="MIV155" s="31"/>
      <c r="MIW155" s="31"/>
      <c r="MIX155" s="31"/>
      <c r="MIY155" s="31"/>
      <c r="MIZ155" s="31"/>
      <c r="MJA155" s="31"/>
      <c r="MJB155" s="31"/>
      <c r="MJC155" s="31"/>
      <c r="MJD155" s="31"/>
      <c r="MJE155" s="31"/>
      <c r="MJF155" s="31"/>
      <c r="MJG155" s="31"/>
      <c r="MJH155" s="31"/>
      <c r="MJI155" s="31"/>
      <c r="MJJ155" s="31"/>
      <c r="MJK155" s="31"/>
      <c r="MJL155" s="31"/>
      <c r="MJM155" s="31"/>
      <c r="MJN155" s="31"/>
      <c r="MJO155" s="31"/>
      <c r="MJP155" s="31"/>
      <c r="MJQ155" s="31"/>
      <c r="MJR155" s="31"/>
      <c r="MJS155" s="31"/>
      <c r="MJT155" s="31"/>
      <c r="MJU155" s="31"/>
      <c r="MJV155" s="31"/>
      <c r="MJW155" s="31"/>
      <c r="MJX155" s="31"/>
      <c r="MJY155" s="31"/>
      <c r="MJZ155" s="31"/>
      <c r="MKA155" s="31"/>
      <c r="MKB155" s="31"/>
      <c r="MKC155" s="31"/>
      <c r="MKD155" s="31"/>
      <c r="MKE155" s="31"/>
      <c r="MKF155" s="31"/>
      <c r="MKG155" s="31"/>
      <c r="MKH155" s="31"/>
      <c r="MKI155" s="31"/>
      <c r="MKJ155" s="31"/>
      <c r="MKK155" s="31"/>
      <c r="MKL155" s="31"/>
      <c r="MKM155" s="31"/>
      <c r="MKN155" s="31"/>
      <c r="MKO155" s="31"/>
      <c r="MKP155" s="31"/>
      <c r="MKQ155" s="31"/>
      <c r="MKR155" s="31"/>
      <c r="MKS155" s="31"/>
      <c r="MKT155" s="31"/>
      <c r="MKU155" s="31"/>
      <c r="MKV155" s="31"/>
      <c r="MKW155" s="31"/>
      <c r="MKX155" s="31"/>
      <c r="MKY155" s="31"/>
      <c r="MKZ155" s="31"/>
      <c r="MLA155" s="31"/>
      <c r="MLB155" s="31"/>
      <c r="MLC155" s="31"/>
      <c r="MLD155" s="31"/>
      <c r="MLE155" s="31"/>
      <c r="MLF155" s="31"/>
      <c r="MLG155" s="31"/>
      <c r="MLH155" s="31"/>
      <c r="MLI155" s="31"/>
      <c r="MLJ155" s="31"/>
      <c r="MLK155" s="31"/>
      <c r="MLL155" s="31"/>
      <c r="MLM155" s="31"/>
      <c r="MLN155" s="31"/>
      <c r="MLO155" s="31"/>
      <c r="MLP155" s="31"/>
      <c r="MLQ155" s="31"/>
      <c r="MLR155" s="31"/>
      <c r="MLS155" s="31"/>
      <c r="MLT155" s="31"/>
      <c r="MLU155" s="31"/>
      <c r="MLV155" s="31"/>
      <c r="MLW155" s="31"/>
      <c r="MLX155" s="31"/>
      <c r="MLY155" s="31"/>
      <c r="MLZ155" s="31"/>
      <c r="MMA155" s="31"/>
      <c r="MMB155" s="31"/>
      <c r="MMC155" s="31"/>
      <c r="MMD155" s="31"/>
      <c r="MME155" s="31"/>
      <c r="MMF155" s="31"/>
      <c r="MMG155" s="31"/>
      <c r="MMH155" s="31"/>
      <c r="MMI155" s="31"/>
      <c r="MMJ155" s="31"/>
      <c r="MMK155" s="31"/>
      <c r="MML155" s="31"/>
      <c r="MMM155" s="31"/>
      <c r="MMN155" s="31"/>
      <c r="MMO155" s="31"/>
      <c r="MMP155" s="31"/>
      <c r="MMQ155" s="31"/>
      <c r="MMR155" s="31"/>
      <c r="MMS155" s="31"/>
      <c r="MMT155" s="31"/>
      <c r="MMU155" s="31"/>
      <c r="MMV155" s="31"/>
      <c r="MMW155" s="31"/>
      <c r="MMX155" s="31"/>
      <c r="MMY155" s="31"/>
      <c r="MMZ155" s="31"/>
      <c r="MNA155" s="31"/>
      <c r="MNB155" s="31"/>
      <c r="MNC155" s="31"/>
      <c r="MND155" s="31"/>
      <c r="MNE155" s="31"/>
      <c r="MNF155" s="31"/>
      <c r="MNG155" s="31"/>
      <c r="MNH155" s="31"/>
      <c r="MNI155" s="31"/>
      <c r="MNJ155" s="31"/>
      <c r="MNK155" s="31"/>
      <c r="MNL155" s="31"/>
      <c r="MNM155" s="31"/>
      <c r="MNN155" s="31"/>
      <c r="MNO155" s="31"/>
      <c r="MNP155" s="31"/>
      <c r="MNQ155" s="31"/>
      <c r="MNR155" s="31"/>
      <c r="MNS155" s="31"/>
      <c r="MNT155" s="31"/>
      <c r="MNU155" s="31"/>
      <c r="MNV155" s="31"/>
      <c r="MNW155" s="31"/>
      <c r="MNX155" s="31"/>
      <c r="MNY155" s="31"/>
      <c r="MNZ155" s="31"/>
      <c r="MOA155" s="31"/>
      <c r="MOB155" s="31"/>
      <c r="MOC155" s="31"/>
      <c r="MOD155" s="31"/>
      <c r="MOE155" s="31"/>
      <c r="MOF155" s="31"/>
      <c r="MOG155" s="31"/>
      <c r="MOH155" s="31"/>
      <c r="MOI155" s="31"/>
      <c r="MOJ155" s="31"/>
      <c r="MOK155" s="31"/>
      <c r="MOL155" s="31"/>
      <c r="MOM155" s="31"/>
      <c r="MON155" s="31"/>
      <c r="MOO155" s="31"/>
      <c r="MOP155" s="31"/>
      <c r="MOQ155" s="31"/>
      <c r="MOR155" s="31"/>
      <c r="MOS155" s="31"/>
      <c r="MOT155" s="31"/>
      <c r="MOU155" s="31"/>
      <c r="MOV155" s="31"/>
      <c r="MOW155" s="31"/>
      <c r="MOX155" s="31"/>
      <c r="MOY155" s="31"/>
      <c r="MOZ155" s="31"/>
      <c r="MPA155" s="31"/>
      <c r="MPB155" s="31"/>
      <c r="MPC155" s="31"/>
      <c r="MPD155" s="31"/>
      <c r="MPE155" s="31"/>
      <c r="MPF155" s="31"/>
      <c r="MPG155" s="31"/>
      <c r="MPH155" s="31"/>
      <c r="MPI155" s="31"/>
      <c r="MPJ155" s="31"/>
      <c r="MPK155" s="31"/>
      <c r="MPL155" s="31"/>
      <c r="MPM155" s="31"/>
      <c r="MPN155" s="31"/>
      <c r="MPO155" s="31"/>
      <c r="MPP155" s="31"/>
      <c r="MPQ155" s="31"/>
      <c r="MPR155" s="31"/>
      <c r="MPS155" s="31"/>
      <c r="MPT155" s="31"/>
      <c r="MPU155" s="31"/>
      <c r="MPV155" s="31"/>
      <c r="MPW155" s="31"/>
      <c r="MPX155" s="31"/>
      <c r="MPY155" s="31"/>
      <c r="MPZ155" s="31"/>
      <c r="MQA155" s="31"/>
      <c r="MQB155" s="31"/>
      <c r="MQC155" s="31"/>
      <c r="MQD155" s="31"/>
      <c r="MQE155" s="31"/>
      <c r="MQF155" s="31"/>
      <c r="MQG155" s="31"/>
      <c r="MQH155" s="31"/>
      <c r="MQI155" s="31"/>
      <c r="MQJ155" s="31"/>
      <c r="MQK155" s="31"/>
      <c r="MQL155" s="31"/>
      <c r="MQM155" s="31"/>
      <c r="MQN155" s="31"/>
      <c r="MQO155" s="31"/>
      <c r="MQP155" s="31"/>
      <c r="MQQ155" s="31"/>
      <c r="MQR155" s="31"/>
      <c r="MQS155" s="31"/>
      <c r="MQT155" s="31"/>
      <c r="MQU155" s="31"/>
      <c r="MQV155" s="31"/>
      <c r="MQW155" s="31"/>
      <c r="MQX155" s="31"/>
      <c r="MQY155" s="31"/>
      <c r="MQZ155" s="31"/>
      <c r="MRA155" s="31"/>
      <c r="MRB155" s="31"/>
      <c r="MRC155" s="31"/>
      <c r="MRD155" s="31"/>
      <c r="MRE155" s="31"/>
      <c r="MRF155" s="31"/>
      <c r="MRG155" s="31"/>
      <c r="MRH155" s="31"/>
      <c r="MRI155" s="31"/>
      <c r="MRJ155" s="31"/>
      <c r="MRK155" s="31"/>
      <c r="MRL155" s="31"/>
      <c r="MRM155" s="31"/>
      <c r="MRN155" s="31"/>
      <c r="MRO155" s="31"/>
      <c r="MRP155" s="31"/>
      <c r="MRQ155" s="31"/>
      <c r="MRR155" s="31"/>
      <c r="MRS155" s="31"/>
      <c r="MRT155" s="31"/>
      <c r="MRU155" s="31"/>
      <c r="MRV155" s="31"/>
      <c r="MRW155" s="31"/>
      <c r="MRX155" s="31"/>
      <c r="MRY155" s="31"/>
      <c r="MRZ155" s="31"/>
      <c r="MSA155" s="31"/>
      <c r="MSB155" s="31"/>
      <c r="MSC155" s="31"/>
      <c r="MSD155" s="31"/>
      <c r="MSE155" s="31"/>
      <c r="MSF155" s="31"/>
      <c r="MSG155" s="31"/>
      <c r="MSH155" s="31"/>
      <c r="MSI155" s="31"/>
      <c r="MSJ155" s="31"/>
      <c r="MSK155" s="31"/>
      <c r="MSL155" s="31"/>
      <c r="MSM155" s="31"/>
      <c r="MSN155" s="31"/>
      <c r="MSO155" s="31"/>
      <c r="MSP155" s="31"/>
      <c r="MSQ155" s="31"/>
      <c r="MSR155" s="31"/>
      <c r="MSS155" s="31"/>
      <c r="MST155" s="31"/>
      <c r="MSU155" s="31"/>
      <c r="MSV155" s="31"/>
      <c r="MSW155" s="31"/>
      <c r="MSX155" s="31"/>
      <c r="MSY155" s="31"/>
      <c r="MSZ155" s="31"/>
      <c r="MTA155" s="31"/>
      <c r="MTB155" s="31"/>
      <c r="MTC155" s="31"/>
      <c r="MTD155" s="31"/>
      <c r="MTE155" s="31"/>
      <c r="MTF155" s="31"/>
      <c r="MTG155" s="31"/>
      <c r="MTH155" s="31"/>
      <c r="MTI155" s="31"/>
      <c r="MTJ155" s="31"/>
      <c r="MTK155" s="31"/>
      <c r="MTL155" s="31"/>
      <c r="MTM155" s="31"/>
      <c r="MTN155" s="31"/>
      <c r="MTO155" s="31"/>
      <c r="MTP155" s="31"/>
      <c r="MTQ155" s="31"/>
      <c r="MTR155" s="31"/>
      <c r="MTS155" s="31"/>
      <c r="MTT155" s="31"/>
      <c r="MTU155" s="31"/>
      <c r="MTV155" s="31"/>
      <c r="MTW155" s="31"/>
      <c r="MTX155" s="31"/>
      <c r="MTY155" s="31"/>
      <c r="MTZ155" s="31"/>
      <c r="MUA155" s="31"/>
      <c r="MUB155" s="31"/>
      <c r="MUC155" s="31"/>
      <c r="MUD155" s="31"/>
      <c r="MUE155" s="31"/>
      <c r="MUF155" s="31"/>
      <c r="MUG155" s="31"/>
      <c r="MUH155" s="31"/>
      <c r="MUI155" s="31"/>
      <c r="MUJ155" s="31"/>
      <c r="MUK155" s="31"/>
      <c r="MUL155" s="31"/>
      <c r="MUM155" s="31"/>
      <c r="MUN155" s="31"/>
      <c r="MUO155" s="31"/>
      <c r="MUP155" s="31"/>
      <c r="MUQ155" s="31"/>
      <c r="MUR155" s="31"/>
      <c r="MUS155" s="31"/>
      <c r="MUT155" s="31"/>
      <c r="MUU155" s="31"/>
      <c r="MUV155" s="31"/>
      <c r="MUW155" s="31"/>
      <c r="MUX155" s="31"/>
      <c r="MUY155" s="31"/>
      <c r="MUZ155" s="31"/>
      <c r="MVA155" s="31"/>
      <c r="MVB155" s="31"/>
      <c r="MVC155" s="31"/>
      <c r="MVD155" s="31"/>
      <c r="MVE155" s="31"/>
      <c r="MVF155" s="31"/>
      <c r="MVG155" s="31"/>
      <c r="MVH155" s="31"/>
      <c r="MVI155" s="31"/>
      <c r="MVJ155" s="31"/>
      <c r="MVK155" s="31"/>
      <c r="MVL155" s="31"/>
      <c r="MVM155" s="31"/>
      <c r="MVN155" s="31"/>
      <c r="MVO155" s="31"/>
      <c r="MVP155" s="31"/>
      <c r="MVQ155" s="31"/>
      <c r="MVR155" s="31"/>
      <c r="MVS155" s="31"/>
      <c r="MVT155" s="31"/>
      <c r="MVU155" s="31"/>
      <c r="MVV155" s="31"/>
      <c r="MVW155" s="31"/>
      <c r="MVX155" s="31"/>
      <c r="MVY155" s="31"/>
      <c r="MVZ155" s="31"/>
      <c r="MWA155" s="31"/>
      <c r="MWB155" s="31"/>
      <c r="MWC155" s="31"/>
      <c r="MWD155" s="31"/>
      <c r="MWE155" s="31"/>
      <c r="MWF155" s="31"/>
      <c r="MWG155" s="31"/>
      <c r="MWH155" s="31"/>
      <c r="MWI155" s="31"/>
      <c r="MWJ155" s="31"/>
      <c r="MWK155" s="31"/>
      <c r="MWL155" s="31"/>
      <c r="MWM155" s="31"/>
      <c r="MWN155" s="31"/>
      <c r="MWO155" s="31"/>
      <c r="MWP155" s="31"/>
      <c r="MWQ155" s="31"/>
      <c r="MWR155" s="31"/>
      <c r="MWS155" s="31"/>
      <c r="MWT155" s="31"/>
      <c r="MWU155" s="31"/>
      <c r="MWV155" s="31"/>
      <c r="MWW155" s="31"/>
      <c r="MWX155" s="31"/>
      <c r="MWY155" s="31"/>
      <c r="MWZ155" s="31"/>
      <c r="MXA155" s="31"/>
      <c r="MXB155" s="31"/>
      <c r="MXC155" s="31"/>
      <c r="MXD155" s="31"/>
      <c r="MXE155" s="31"/>
      <c r="MXF155" s="31"/>
      <c r="MXG155" s="31"/>
      <c r="MXH155" s="31"/>
      <c r="MXI155" s="31"/>
      <c r="MXJ155" s="31"/>
      <c r="MXK155" s="31"/>
      <c r="MXL155" s="31"/>
      <c r="MXM155" s="31"/>
      <c r="MXN155" s="31"/>
      <c r="MXO155" s="31"/>
      <c r="MXP155" s="31"/>
      <c r="MXQ155" s="31"/>
      <c r="MXR155" s="31"/>
      <c r="MXS155" s="31"/>
      <c r="MXT155" s="31"/>
      <c r="MXU155" s="31"/>
      <c r="MXV155" s="31"/>
      <c r="MXW155" s="31"/>
      <c r="MXX155" s="31"/>
      <c r="MXY155" s="31"/>
      <c r="MXZ155" s="31"/>
      <c r="MYA155" s="31"/>
      <c r="MYB155" s="31"/>
      <c r="MYC155" s="31"/>
      <c r="MYD155" s="31"/>
      <c r="MYE155" s="31"/>
      <c r="MYF155" s="31"/>
      <c r="MYG155" s="31"/>
      <c r="MYH155" s="31"/>
      <c r="MYI155" s="31"/>
      <c r="MYJ155" s="31"/>
      <c r="MYK155" s="31"/>
      <c r="MYL155" s="31"/>
      <c r="MYM155" s="31"/>
      <c r="MYN155" s="31"/>
      <c r="MYO155" s="31"/>
      <c r="MYP155" s="31"/>
      <c r="MYQ155" s="31"/>
      <c r="MYR155" s="31"/>
      <c r="MYS155" s="31"/>
      <c r="MYT155" s="31"/>
      <c r="MYU155" s="31"/>
      <c r="MYV155" s="31"/>
      <c r="MYW155" s="31"/>
      <c r="MYX155" s="31"/>
      <c r="MYY155" s="31"/>
      <c r="MYZ155" s="31"/>
      <c r="MZA155" s="31"/>
      <c r="MZB155" s="31"/>
      <c r="MZC155" s="31"/>
      <c r="MZD155" s="31"/>
      <c r="MZE155" s="31"/>
      <c r="MZF155" s="31"/>
      <c r="MZG155" s="31"/>
      <c r="MZH155" s="31"/>
      <c r="MZI155" s="31"/>
      <c r="MZJ155" s="31"/>
      <c r="MZK155" s="31"/>
      <c r="MZL155" s="31"/>
      <c r="MZM155" s="31"/>
      <c r="MZN155" s="31"/>
      <c r="MZO155" s="31"/>
      <c r="MZP155" s="31"/>
      <c r="MZQ155" s="31"/>
      <c r="MZR155" s="31"/>
      <c r="MZS155" s="31"/>
      <c r="MZT155" s="31"/>
      <c r="MZU155" s="31"/>
      <c r="MZV155" s="31"/>
      <c r="MZW155" s="31"/>
      <c r="MZX155" s="31"/>
      <c r="MZY155" s="31"/>
      <c r="MZZ155" s="31"/>
      <c r="NAA155" s="31"/>
      <c r="NAB155" s="31"/>
      <c r="NAC155" s="31"/>
      <c r="NAD155" s="31"/>
      <c r="NAE155" s="31"/>
      <c r="NAF155" s="31"/>
      <c r="NAG155" s="31"/>
      <c r="NAH155" s="31"/>
      <c r="NAI155" s="31"/>
      <c r="NAJ155" s="31"/>
      <c r="NAK155" s="31"/>
      <c r="NAL155" s="31"/>
      <c r="NAM155" s="31"/>
      <c r="NAN155" s="31"/>
      <c r="NAO155" s="31"/>
      <c r="NAP155" s="31"/>
      <c r="NAQ155" s="31"/>
      <c r="NAR155" s="31"/>
      <c r="NAS155" s="31"/>
      <c r="NAT155" s="31"/>
      <c r="NAU155" s="31"/>
      <c r="NAV155" s="31"/>
      <c r="NAW155" s="31"/>
      <c r="NAX155" s="31"/>
      <c r="NAY155" s="31"/>
      <c r="NAZ155" s="31"/>
      <c r="NBA155" s="31"/>
      <c r="NBB155" s="31"/>
      <c r="NBC155" s="31"/>
      <c r="NBD155" s="31"/>
      <c r="NBE155" s="31"/>
      <c r="NBF155" s="31"/>
      <c r="NBG155" s="31"/>
      <c r="NBH155" s="31"/>
      <c r="NBI155" s="31"/>
      <c r="NBJ155" s="31"/>
      <c r="NBK155" s="31"/>
      <c r="NBL155" s="31"/>
      <c r="NBM155" s="31"/>
      <c r="NBN155" s="31"/>
      <c r="NBO155" s="31"/>
      <c r="NBP155" s="31"/>
      <c r="NBQ155" s="31"/>
      <c r="NBR155" s="31"/>
      <c r="NBS155" s="31"/>
      <c r="NBT155" s="31"/>
      <c r="NBU155" s="31"/>
      <c r="NBV155" s="31"/>
      <c r="NBW155" s="31"/>
      <c r="NBX155" s="31"/>
      <c r="NBY155" s="31"/>
      <c r="NBZ155" s="31"/>
      <c r="NCA155" s="31"/>
      <c r="NCB155" s="31"/>
      <c r="NCC155" s="31"/>
      <c r="NCD155" s="31"/>
      <c r="NCE155" s="31"/>
      <c r="NCF155" s="31"/>
      <c r="NCG155" s="31"/>
      <c r="NCH155" s="31"/>
      <c r="NCI155" s="31"/>
      <c r="NCJ155" s="31"/>
      <c r="NCK155" s="31"/>
      <c r="NCL155" s="31"/>
      <c r="NCM155" s="31"/>
      <c r="NCN155" s="31"/>
      <c r="NCO155" s="31"/>
      <c r="NCP155" s="31"/>
      <c r="NCQ155" s="31"/>
      <c r="NCR155" s="31"/>
      <c r="NCS155" s="31"/>
      <c r="NCT155" s="31"/>
      <c r="NCU155" s="31"/>
      <c r="NCV155" s="31"/>
      <c r="NCW155" s="31"/>
      <c r="NCX155" s="31"/>
      <c r="NCY155" s="31"/>
      <c r="NCZ155" s="31"/>
      <c r="NDA155" s="31"/>
      <c r="NDB155" s="31"/>
      <c r="NDC155" s="31"/>
      <c r="NDD155" s="31"/>
      <c r="NDE155" s="31"/>
      <c r="NDF155" s="31"/>
      <c r="NDG155" s="31"/>
      <c r="NDH155" s="31"/>
      <c r="NDI155" s="31"/>
      <c r="NDJ155" s="31"/>
      <c r="NDK155" s="31"/>
      <c r="NDL155" s="31"/>
      <c r="NDM155" s="31"/>
      <c r="NDN155" s="31"/>
      <c r="NDO155" s="31"/>
      <c r="NDP155" s="31"/>
      <c r="NDQ155" s="31"/>
      <c r="NDR155" s="31"/>
      <c r="NDS155" s="31"/>
      <c r="NDT155" s="31"/>
      <c r="NDU155" s="31"/>
      <c r="NDV155" s="31"/>
      <c r="NDW155" s="31"/>
      <c r="NDX155" s="31"/>
      <c r="NDY155" s="31"/>
      <c r="NDZ155" s="31"/>
      <c r="NEA155" s="31"/>
      <c r="NEB155" s="31"/>
      <c r="NEC155" s="31"/>
      <c r="NED155" s="31"/>
      <c r="NEE155" s="31"/>
      <c r="NEF155" s="31"/>
      <c r="NEG155" s="31"/>
      <c r="NEH155" s="31"/>
      <c r="NEI155" s="31"/>
      <c r="NEJ155" s="31"/>
      <c r="NEK155" s="31"/>
      <c r="NEL155" s="31"/>
      <c r="NEM155" s="31"/>
      <c r="NEN155" s="31"/>
      <c r="NEO155" s="31"/>
      <c r="NEP155" s="31"/>
      <c r="NEQ155" s="31"/>
      <c r="NER155" s="31"/>
      <c r="NES155" s="31"/>
      <c r="NET155" s="31"/>
      <c r="NEU155" s="31"/>
      <c r="NEV155" s="31"/>
      <c r="NEW155" s="31"/>
      <c r="NEX155" s="31"/>
      <c r="NEY155" s="31"/>
      <c r="NEZ155" s="31"/>
      <c r="NFA155" s="31"/>
      <c r="NFB155" s="31"/>
      <c r="NFC155" s="31"/>
      <c r="NFD155" s="31"/>
      <c r="NFE155" s="31"/>
      <c r="NFF155" s="31"/>
      <c r="NFG155" s="31"/>
      <c r="NFH155" s="31"/>
      <c r="NFI155" s="31"/>
      <c r="NFJ155" s="31"/>
      <c r="NFK155" s="31"/>
      <c r="NFL155" s="31"/>
      <c r="NFM155" s="31"/>
      <c r="NFN155" s="31"/>
      <c r="NFO155" s="31"/>
      <c r="NFP155" s="31"/>
      <c r="NFQ155" s="31"/>
      <c r="NFR155" s="31"/>
      <c r="NFS155" s="31"/>
      <c r="NFT155" s="31"/>
      <c r="NFU155" s="31"/>
      <c r="NFV155" s="31"/>
      <c r="NFW155" s="31"/>
      <c r="NFX155" s="31"/>
      <c r="NFY155" s="31"/>
      <c r="NFZ155" s="31"/>
      <c r="NGA155" s="31"/>
      <c r="NGB155" s="31"/>
      <c r="NGC155" s="31"/>
      <c r="NGD155" s="31"/>
      <c r="NGE155" s="31"/>
      <c r="NGF155" s="31"/>
      <c r="NGG155" s="31"/>
      <c r="NGH155" s="31"/>
      <c r="NGI155" s="31"/>
      <c r="NGJ155" s="31"/>
      <c r="NGK155" s="31"/>
      <c r="NGL155" s="31"/>
      <c r="NGM155" s="31"/>
      <c r="NGN155" s="31"/>
      <c r="NGO155" s="31"/>
      <c r="NGP155" s="31"/>
      <c r="NGQ155" s="31"/>
      <c r="NGR155" s="31"/>
      <c r="NGS155" s="31"/>
      <c r="NGT155" s="31"/>
      <c r="NGU155" s="31"/>
      <c r="NGV155" s="31"/>
      <c r="NGW155" s="31"/>
      <c r="NGX155" s="31"/>
      <c r="NGY155" s="31"/>
      <c r="NGZ155" s="31"/>
      <c r="NHA155" s="31"/>
      <c r="NHB155" s="31"/>
      <c r="NHC155" s="31"/>
      <c r="NHD155" s="31"/>
      <c r="NHE155" s="31"/>
      <c r="NHF155" s="31"/>
      <c r="NHG155" s="31"/>
      <c r="NHH155" s="31"/>
      <c r="NHI155" s="31"/>
      <c r="NHJ155" s="31"/>
      <c r="NHK155" s="31"/>
      <c r="NHL155" s="31"/>
      <c r="NHM155" s="31"/>
      <c r="NHN155" s="31"/>
      <c r="NHO155" s="31"/>
      <c r="NHP155" s="31"/>
      <c r="NHQ155" s="31"/>
      <c r="NHR155" s="31"/>
      <c r="NHS155" s="31"/>
      <c r="NHT155" s="31"/>
      <c r="NHU155" s="31"/>
      <c r="NHV155" s="31"/>
      <c r="NHW155" s="31"/>
      <c r="NHX155" s="31"/>
      <c r="NHY155" s="31"/>
      <c r="NHZ155" s="31"/>
      <c r="NIA155" s="31"/>
      <c r="NIB155" s="31"/>
      <c r="NIC155" s="31"/>
      <c r="NID155" s="31"/>
      <c r="NIE155" s="31"/>
      <c r="NIF155" s="31"/>
      <c r="NIG155" s="31"/>
      <c r="NIH155" s="31"/>
      <c r="NII155" s="31"/>
      <c r="NIJ155" s="31"/>
      <c r="NIK155" s="31"/>
      <c r="NIL155" s="31"/>
      <c r="NIM155" s="31"/>
      <c r="NIN155" s="31"/>
      <c r="NIO155" s="31"/>
      <c r="NIP155" s="31"/>
      <c r="NIQ155" s="31"/>
      <c r="NIR155" s="31"/>
      <c r="NIS155" s="31"/>
      <c r="NIT155" s="31"/>
      <c r="NIU155" s="31"/>
      <c r="NIV155" s="31"/>
      <c r="NIW155" s="31"/>
      <c r="NIX155" s="31"/>
      <c r="NIY155" s="31"/>
      <c r="NIZ155" s="31"/>
      <c r="NJA155" s="31"/>
      <c r="NJB155" s="31"/>
      <c r="NJC155" s="31"/>
      <c r="NJD155" s="31"/>
      <c r="NJE155" s="31"/>
      <c r="NJF155" s="31"/>
      <c r="NJG155" s="31"/>
      <c r="NJH155" s="31"/>
      <c r="NJI155" s="31"/>
      <c r="NJJ155" s="31"/>
      <c r="NJK155" s="31"/>
      <c r="NJL155" s="31"/>
      <c r="NJM155" s="31"/>
      <c r="NJN155" s="31"/>
      <c r="NJO155" s="31"/>
      <c r="NJP155" s="31"/>
      <c r="NJQ155" s="31"/>
      <c r="NJR155" s="31"/>
      <c r="NJS155" s="31"/>
      <c r="NJT155" s="31"/>
      <c r="NJU155" s="31"/>
      <c r="NJV155" s="31"/>
      <c r="NJW155" s="31"/>
      <c r="NJX155" s="31"/>
      <c r="NJY155" s="31"/>
      <c r="NJZ155" s="31"/>
      <c r="NKA155" s="31"/>
      <c r="NKB155" s="31"/>
      <c r="NKC155" s="31"/>
      <c r="NKD155" s="31"/>
      <c r="NKE155" s="31"/>
      <c r="NKF155" s="31"/>
      <c r="NKG155" s="31"/>
      <c r="NKH155" s="31"/>
      <c r="NKI155" s="31"/>
      <c r="NKJ155" s="31"/>
      <c r="NKK155" s="31"/>
      <c r="NKL155" s="31"/>
      <c r="NKM155" s="31"/>
      <c r="NKN155" s="31"/>
      <c r="NKO155" s="31"/>
      <c r="NKP155" s="31"/>
      <c r="NKQ155" s="31"/>
      <c r="NKR155" s="31"/>
      <c r="NKS155" s="31"/>
      <c r="NKT155" s="31"/>
      <c r="NKU155" s="31"/>
      <c r="NKV155" s="31"/>
      <c r="NKW155" s="31"/>
      <c r="NKX155" s="31"/>
      <c r="NKY155" s="31"/>
      <c r="NKZ155" s="31"/>
      <c r="NLA155" s="31"/>
      <c r="NLB155" s="31"/>
      <c r="NLC155" s="31"/>
      <c r="NLD155" s="31"/>
      <c r="NLE155" s="31"/>
      <c r="NLF155" s="31"/>
      <c r="NLG155" s="31"/>
      <c r="NLH155" s="31"/>
      <c r="NLI155" s="31"/>
      <c r="NLJ155" s="31"/>
      <c r="NLK155" s="31"/>
      <c r="NLL155" s="31"/>
      <c r="NLM155" s="31"/>
      <c r="NLN155" s="31"/>
      <c r="NLO155" s="31"/>
      <c r="NLP155" s="31"/>
      <c r="NLQ155" s="31"/>
      <c r="NLR155" s="31"/>
      <c r="NLS155" s="31"/>
      <c r="NLT155" s="31"/>
      <c r="NLU155" s="31"/>
      <c r="NLV155" s="31"/>
      <c r="NLW155" s="31"/>
      <c r="NLX155" s="31"/>
      <c r="NLY155" s="31"/>
      <c r="NLZ155" s="31"/>
      <c r="NMA155" s="31"/>
      <c r="NMB155" s="31"/>
      <c r="NMC155" s="31"/>
      <c r="NMD155" s="31"/>
      <c r="NME155" s="31"/>
      <c r="NMF155" s="31"/>
      <c r="NMG155" s="31"/>
      <c r="NMH155" s="31"/>
      <c r="NMI155" s="31"/>
      <c r="NMJ155" s="31"/>
      <c r="NMK155" s="31"/>
      <c r="NML155" s="31"/>
      <c r="NMM155" s="31"/>
      <c r="NMN155" s="31"/>
      <c r="NMO155" s="31"/>
      <c r="NMP155" s="31"/>
      <c r="NMQ155" s="31"/>
      <c r="NMR155" s="31"/>
      <c r="NMS155" s="31"/>
      <c r="NMT155" s="31"/>
      <c r="NMU155" s="31"/>
      <c r="NMV155" s="31"/>
      <c r="NMW155" s="31"/>
      <c r="NMX155" s="31"/>
      <c r="NMY155" s="31"/>
      <c r="NMZ155" s="31"/>
      <c r="NNA155" s="31"/>
      <c r="NNB155" s="31"/>
      <c r="NNC155" s="31"/>
      <c r="NND155" s="31"/>
      <c r="NNE155" s="31"/>
      <c r="NNF155" s="31"/>
      <c r="NNG155" s="31"/>
      <c r="NNH155" s="31"/>
      <c r="NNI155" s="31"/>
      <c r="NNJ155" s="31"/>
      <c r="NNK155" s="31"/>
      <c r="NNL155" s="31"/>
      <c r="NNM155" s="31"/>
      <c r="NNN155" s="31"/>
      <c r="NNO155" s="31"/>
      <c r="NNP155" s="31"/>
      <c r="NNQ155" s="31"/>
      <c r="NNR155" s="31"/>
      <c r="NNS155" s="31"/>
      <c r="NNT155" s="31"/>
      <c r="NNU155" s="31"/>
      <c r="NNV155" s="31"/>
      <c r="NNW155" s="31"/>
      <c r="NNX155" s="31"/>
      <c r="NNY155" s="31"/>
      <c r="NNZ155" s="31"/>
      <c r="NOA155" s="31"/>
      <c r="NOB155" s="31"/>
      <c r="NOC155" s="31"/>
      <c r="NOD155" s="31"/>
      <c r="NOE155" s="31"/>
      <c r="NOF155" s="31"/>
      <c r="NOG155" s="31"/>
      <c r="NOH155" s="31"/>
      <c r="NOI155" s="31"/>
      <c r="NOJ155" s="31"/>
      <c r="NOK155" s="31"/>
      <c r="NOL155" s="31"/>
      <c r="NOM155" s="31"/>
      <c r="NON155" s="31"/>
      <c r="NOO155" s="31"/>
      <c r="NOP155" s="31"/>
      <c r="NOQ155" s="31"/>
      <c r="NOR155" s="31"/>
      <c r="NOS155" s="31"/>
      <c r="NOT155" s="31"/>
      <c r="NOU155" s="31"/>
      <c r="NOV155" s="31"/>
      <c r="NOW155" s="31"/>
      <c r="NOX155" s="31"/>
      <c r="NOY155" s="31"/>
      <c r="NOZ155" s="31"/>
      <c r="NPA155" s="31"/>
      <c r="NPB155" s="31"/>
      <c r="NPC155" s="31"/>
      <c r="NPD155" s="31"/>
      <c r="NPE155" s="31"/>
      <c r="NPF155" s="31"/>
      <c r="NPG155" s="31"/>
      <c r="NPH155" s="31"/>
      <c r="NPI155" s="31"/>
      <c r="NPJ155" s="31"/>
      <c r="NPK155" s="31"/>
      <c r="NPL155" s="31"/>
      <c r="NPM155" s="31"/>
      <c r="NPN155" s="31"/>
      <c r="NPO155" s="31"/>
      <c r="NPP155" s="31"/>
      <c r="NPQ155" s="31"/>
      <c r="NPR155" s="31"/>
      <c r="NPS155" s="31"/>
      <c r="NPT155" s="31"/>
      <c r="NPU155" s="31"/>
      <c r="NPV155" s="31"/>
      <c r="NPW155" s="31"/>
      <c r="NPX155" s="31"/>
      <c r="NPY155" s="31"/>
      <c r="NPZ155" s="31"/>
      <c r="NQA155" s="31"/>
      <c r="NQB155" s="31"/>
      <c r="NQC155" s="31"/>
      <c r="NQD155" s="31"/>
      <c r="NQE155" s="31"/>
      <c r="NQF155" s="31"/>
      <c r="NQG155" s="31"/>
      <c r="NQH155" s="31"/>
      <c r="NQI155" s="31"/>
      <c r="NQJ155" s="31"/>
      <c r="NQK155" s="31"/>
      <c r="NQL155" s="31"/>
      <c r="NQM155" s="31"/>
      <c r="NQN155" s="31"/>
      <c r="NQO155" s="31"/>
      <c r="NQP155" s="31"/>
      <c r="NQQ155" s="31"/>
      <c r="NQR155" s="31"/>
      <c r="NQS155" s="31"/>
      <c r="NQT155" s="31"/>
      <c r="NQU155" s="31"/>
      <c r="NQV155" s="31"/>
      <c r="NQW155" s="31"/>
      <c r="NQX155" s="31"/>
      <c r="NQY155" s="31"/>
      <c r="NQZ155" s="31"/>
      <c r="NRA155" s="31"/>
      <c r="NRB155" s="31"/>
      <c r="NRC155" s="31"/>
      <c r="NRD155" s="31"/>
      <c r="NRE155" s="31"/>
      <c r="NRF155" s="31"/>
      <c r="NRG155" s="31"/>
      <c r="NRH155" s="31"/>
      <c r="NRI155" s="31"/>
      <c r="NRJ155" s="31"/>
      <c r="NRK155" s="31"/>
      <c r="NRL155" s="31"/>
      <c r="NRM155" s="31"/>
      <c r="NRN155" s="31"/>
      <c r="NRO155" s="31"/>
      <c r="NRP155" s="31"/>
      <c r="NRQ155" s="31"/>
      <c r="NRR155" s="31"/>
      <c r="NRS155" s="31"/>
      <c r="NRT155" s="31"/>
      <c r="NRU155" s="31"/>
      <c r="NRV155" s="31"/>
      <c r="NRW155" s="31"/>
      <c r="NRX155" s="31"/>
      <c r="NRY155" s="31"/>
      <c r="NRZ155" s="31"/>
      <c r="NSA155" s="31"/>
      <c r="NSB155" s="31"/>
      <c r="NSC155" s="31"/>
      <c r="NSD155" s="31"/>
      <c r="NSE155" s="31"/>
      <c r="NSF155" s="31"/>
      <c r="NSG155" s="31"/>
      <c r="NSH155" s="31"/>
      <c r="NSI155" s="31"/>
      <c r="NSJ155" s="31"/>
      <c r="NSK155" s="31"/>
      <c r="NSL155" s="31"/>
      <c r="NSM155" s="31"/>
      <c r="NSN155" s="31"/>
      <c r="NSO155" s="31"/>
      <c r="NSP155" s="31"/>
      <c r="NSQ155" s="31"/>
      <c r="NSR155" s="31"/>
      <c r="NSS155" s="31"/>
      <c r="NST155" s="31"/>
      <c r="NSU155" s="31"/>
      <c r="NSV155" s="31"/>
      <c r="NSW155" s="31"/>
      <c r="NSX155" s="31"/>
      <c r="NSY155" s="31"/>
      <c r="NSZ155" s="31"/>
      <c r="NTA155" s="31"/>
      <c r="NTB155" s="31"/>
      <c r="NTC155" s="31"/>
      <c r="NTD155" s="31"/>
      <c r="NTE155" s="31"/>
      <c r="NTF155" s="31"/>
      <c r="NTG155" s="31"/>
      <c r="NTH155" s="31"/>
      <c r="NTI155" s="31"/>
      <c r="NTJ155" s="31"/>
      <c r="NTK155" s="31"/>
      <c r="NTL155" s="31"/>
      <c r="NTM155" s="31"/>
      <c r="NTN155" s="31"/>
      <c r="NTO155" s="31"/>
      <c r="NTP155" s="31"/>
      <c r="NTQ155" s="31"/>
      <c r="NTR155" s="31"/>
      <c r="NTS155" s="31"/>
      <c r="NTT155" s="31"/>
      <c r="NTU155" s="31"/>
      <c r="NTV155" s="31"/>
      <c r="NTW155" s="31"/>
      <c r="NTX155" s="31"/>
      <c r="NTY155" s="31"/>
      <c r="NTZ155" s="31"/>
      <c r="NUA155" s="31"/>
      <c r="NUB155" s="31"/>
      <c r="NUC155" s="31"/>
      <c r="NUD155" s="31"/>
      <c r="NUE155" s="31"/>
      <c r="NUF155" s="31"/>
      <c r="NUG155" s="31"/>
      <c r="NUH155" s="31"/>
      <c r="NUI155" s="31"/>
      <c r="NUJ155" s="31"/>
      <c r="NUK155" s="31"/>
      <c r="NUL155" s="31"/>
      <c r="NUM155" s="31"/>
      <c r="NUN155" s="31"/>
      <c r="NUO155" s="31"/>
      <c r="NUP155" s="31"/>
      <c r="NUQ155" s="31"/>
      <c r="NUR155" s="31"/>
      <c r="NUS155" s="31"/>
      <c r="NUT155" s="31"/>
      <c r="NUU155" s="31"/>
      <c r="NUV155" s="31"/>
      <c r="NUW155" s="31"/>
      <c r="NUX155" s="31"/>
      <c r="NUY155" s="31"/>
      <c r="NUZ155" s="31"/>
      <c r="NVA155" s="31"/>
      <c r="NVB155" s="31"/>
      <c r="NVC155" s="31"/>
      <c r="NVD155" s="31"/>
      <c r="NVE155" s="31"/>
      <c r="NVF155" s="31"/>
      <c r="NVG155" s="31"/>
      <c r="NVH155" s="31"/>
      <c r="NVI155" s="31"/>
      <c r="NVJ155" s="31"/>
      <c r="NVK155" s="31"/>
      <c r="NVL155" s="31"/>
      <c r="NVM155" s="31"/>
      <c r="NVN155" s="31"/>
      <c r="NVO155" s="31"/>
      <c r="NVP155" s="31"/>
      <c r="NVQ155" s="31"/>
      <c r="NVR155" s="31"/>
      <c r="NVS155" s="31"/>
      <c r="NVT155" s="31"/>
      <c r="NVU155" s="31"/>
      <c r="NVV155" s="31"/>
      <c r="NVW155" s="31"/>
      <c r="NVX155" s="31"/>
      <c r="NVY155" s="31"/>
      <c r="NVZ155" s="31"/>
      <c r="NWA155" s="31"/>
      <c r="NWB155" s="31"/>
      <c r="NWC155" s="31"/>
      <c r="NWD155" s="31"/>
      <c r="NWE155" s="31"/>
      <c r="NWF155" s="31"/>
      <c r="NWG155" s="31"/>
      <c r="NWH155" s="31"/>
      <c r="NWI155" s="31"/>
      <c r="NWJ155" s="31"/>
      <c r="NWK155" s="31"/>
      <c r="NWL155" s="31"/>
      <c r="NWM155" s="31"/>
      <c r="NWN155" s="31"/>
      <c r="NWO155" s="31"/>
      <c r="NWP155" s="31"/>
      <c r="NWQ155" s="31"/>
      <c r="NWR155" s="31"/>
      <c r="NWS155" s="31"/>
      <c r="NWT155" s="31"/>
      <c r="NWU155" s="31"/>
      <c r="NWV155" s="31"/>
      <c r="NWW155" s="31"/>
      <c r="NWX155" s="31"/>
      <c r="NWY155" s="31"/>
      <c r="NWZ155" s="31"/>
      <c r="NXA155" s="31"/>
      <c r="NXB155" s="31"/>
      <c r="NXC155" s="31"/>
      <c r="NXD155" s="31"/>
      <c r="NXE155" s="31"/>
      <c r="NXF155" s="31"/>
      <c r="NXG155" s="31"/>
      <c r="NXH155" s="31"/>
      <c r="NXI155" s="31"/>
      <c r="NXJ155" s="31"/>
      <c r="NXK155" s="31"/>
      <c r="NXL155" s="31"/>
      <c r="NXM155" s="31"/>
      <c r="NXN155" s="31"/>
      <c r="NXO155" s="31"/>
      <c r="NXP155" s="31"/>
      <c r="NXQ155" s="31"/>
      <c r="NXR155" s="31"/>
      <c r="NXS155" s="31"/>
      <c r="NXT155" s="31"/>
      <c r="NXU155" s="31"/>
      <c r="NXV155" s="31"/>
      <c r="NXW155" s="31"/>
      <c r="NXX155" s="31"/>
      <c r="NXY155" s="31"/>
      <c r="NXZ155" s="31"/>
      <c r="NYA155" s="31"/>
      <c r="NYB155" s="31"/>
      <c r="NYC155" s="31"/>
      <c r="NYD155" s="31"/>
      <c r="NYE155" s="31"/>
      <c r="NYF155" s="31"/>
      <c r="NYG155" s="31"/>
      <c r="NYH155" s="31"/>
      <c r="NYI155" s="31"/>
      <c r="NYJ155" s="31"/>
      <c r="NYK155" s="31"/>
      <c r="NYL155" s="31"/>
      <c r="NYM155" s="31"/>
      <c r="NYN155" s="31"/>
      <c r="NYO155" s="31"/>
      <c r="NYP155" s="31"/>
      <c r="NYQ155" s="31"/>
      <c r="NYR155" s="31"/>
      <c r="NYS155" s="31"/>
      <c r="NYT155" s="31"/>
      <c r="NYU155" s="31"/>
      <c r="NYV155" s="31"/>
      <c r="NYW155" s="31"/>
      <c r="NYX155" s="31"/>
      <c r="NYY155" s="31"/>
      <c r="NYZ155" s="31"/>
      <c r="NZA155" s="31"/>
      <c r="NZB155" s="31"/>
      <c r="NZC155" s="31"/>
      <c r="NZD155" s="31"/>
      <c r="NZE155" s="31"/>
      <c r="NZF155" s="31"/>
      <c r="NZG155" s="31"/>
      <c r="NZH155" s="31"/>
      <c r="NZI155" s="31"/>
      <c r="NZJ155" s="31"/>
      <c r="NZK155" s="31"/>
      <c r="NZL155" s="31"/>
      <c r="NZM155" s="31"/>
      <c r="NZN155" s="31"/>
      <c r="NZO155" s="31"/>
      <c r="NZP155" s="31"/>
      <c r="NZQ155" s="31"/>
      <c r="NZR155" s="31"/>
      <c r="NZS155" s="31"/>
      <c r="NZT155" s="31"/>
      <c r="NZU155" s="31"/>
      <c r="NZV155" s="31"/>
      <c r="NZW155" s="31"/>
      <c r="NZX155" s="31"/>
      <c r="NZY155" s="31"/>
      <c r="NZZ155" s="31"/>
      <c r="OAA155" s="31"/>
      <c r="OAB155" s="31"/>
      <c r="OAC155" s="31"/>
      <c r="OAD155" s="31"/>
      <c r="OAE155" s="31"/>
      <c r="OAF155" s="31"/>
      <c r="OAG155" s="31"/>
      <c r="OAH155" s="31"/>
      <c r="OAI155" s="31"/>
      <c r="OAJ155" s="31"/>
      <c r="OAK155" s="31"/>
      <c r="OAL155" s="31"/>
      <c r="OAM155" s="31"/>
      <c r="OAN155" s="31"/>
      <c r="OAO155" s="31"/>
      <c r="OAP155" s="31"/>
      <c r="OAQ155" s="31"/>
      <c r="OAR155" s="31"/>
      <c r="OAS155" s="31"/>
      <c r="OAT155" s="31"/>
      <c r="OAU155" s="31"/>
      <c r="OAV155" s="31"/>
      <c r="OAW155" s="31"/>
      <c r="OAX155" s="31"/>
      <c r="OAY155" s="31"/>
      <c r="OAZ155" s="31"/>
      <c r="OBA155" s="31"/>
      <c r="OBB155" s="31"/>
      <c r="OBC155" s="31"/>
      <c r="OBD155" s="31"/>
      <c r="OBE155" s="31"/>
      <c r="OBF155" s="31"/>
      <c r="OBG155" s="31"/>
      <c r="OBH155" s="31"/>
      <c r="OBI155" s="31"/>
      <c r="OBJ155" s="31"/>
      <c r="OBK155" s="31"/>
      <c r="OBL155" s="31"/>
      <c r="OBM155" s="31"/>
      <c r="OBN155" s="31"/>
      <c r="OBO155" s="31"/>
      <c r="OBP155" s="31"/>
      <c r="OBQ155" s="31"/>
      <c r="OBR155" s="31"/>
      <c r="OBS155" s="31"/>
      <c r="OBT155" s="31"/>
      <c r="OBU155" s="31"/>
      <c r="OBV155" s="31"/>
      <c r="OBW155" s="31"/>
      <c r="OBX155" s="31"/>
      <c r="OBY155" s="31"/>
      <c r="OBZ155" s="31"/>
      <c r="OCA155" s="31"/>
      <c r="OCB155" s="31"/>
      <c r="OCC155" s="31"/>
      <c r="OCD155" s="31"/>
      <c r="OCE155" s="31"/>
      <c r="OCF155" s="31"/>
      <c r="OCG155" s="31"/>
      <c r="OCH155" s="31"/>
      <c r="OCI155" s="31"/>
      <c r="OCJ155" s="31"/>
      <c r="OCK155" s="31"/>
      <c r="OCL155" s="31"/>
      <c r="OCM155" s="31"/>
      <c r="OCN155" s="31"/>
      <c r="OCO155" s="31"/>
      <c r="OCP155" s="31"/>
      <c r="OCQ155" s="31"/>
      <c r="OCR155" s="31"/>
      <c r="OCS155" s="31"/>
      <c r="OCT155" s="31"/>
      <c r="OCU155" s="31"/>
      <c r="OCV155" s="31"/>
      <c r="OCW155" s="31"/>
      <c r="OCX155" s="31"/>
      <c r="OCY155" s="31"/>
      <c r="OCZ155" s="31"/>
      <c r="ODA155" s="31"/>
      <c r="ODB155" s="31"/>
      <c r="ODC155" s="31"/>
      <c r="ODD155" s="31"/>
      <c r="ODE155" s="31"/>
      <c r="ODF155" s="31"/>
      <c r="ODG155" s="31"/>
      <c r="ODH155" s="31"/>
      <c r="ODI155" s="31"/>
      <c r="ODJ155" s="31"/>
      <c r="ODK155" s="31"/>
      <c r="ODL155" s="31"/>
      <c r="ODM155" s="31"/>
      <c r="ODN155" s="31"/>
      <c r="ODO155" s="31"/>
      <c r="ODP155" s="31"/>
      <c r="ODQ155" s="31"/>
      <c r="ODR155" s="31"/>
      <c r="ODS155" s="31"/>
      <c r="ODT155" s="31"/>
      <c r="ODU155" s="31"/>
      <c r="ODV155" s="31"/>
      <c r="ODW155" s="31"/>
      <c r="ODX155" s="31"/>
      <c r="ODY155" s="31"/>
      <c r="ODZ155" s="31"/>
      <c r="OEA155" s="31"/>
      <c r="OEB155" s="31"/>
      <c r="OEC155" s="31"/>
      <c r="OED155" s="31"/>
      <c r="OEE155" s="31"/>
      <c r="OEF155" s="31"/>
      <c r="OEG155" s="31"/>
      <c r="OEH155" s="31"/>
      <c r="OEI155" s="31"/>
      <c r="OEJ155" s="31"/>
      <c r="OEK155" s="31"/>
      <c r="OEL155" s="31"/>
      <c r="OEM155" s="31"/>
      <c r="OEN155" s="31"/>
      <c r="OEO155" s="31"/>
      <c r="OEP155" s="31"/>
      <c r="OEQ155" s="31"/>
      <c r="OER155" s="31"/>
      <c r="OES155" s="31"/>
      <c r="OET155" s="31"/>
      <c r="OEU155" s="31"/>
      <c r="OEV155" s="31"/>
      <c r="OEW155" s="31"/>
      <c r="OEX155" s="31"/>
      <c r="OEY155" s="31"/>
      <c r="OEZ155" s="31"/>
      <c r="OFA155" s="31"/>
      <c r="OFB155" s="31"/>
      <c r="OFC155" s="31"/>
      <c r="OFD155" s="31"/>
      <c r="OFE155" s="31"/>
      <c r="OFF155" s="31"/>
      <c r="OFG155" s="31"/>
      <c r="OFH155" s="31"/>
      <c r="OFI155" s="31"/>
      <c r="OFJ155" s="31"/>
      <c r="OFK155" s="31"/>
      <c r="OFL155" s="31"/>
      <c r="OFM155" s="31"/>
      <c r="OFN155" s="31"/>
      <c r="OFO155" s="31"/>
      <c r="OFP155" s="31"/>
      <c r="OFQ155" s="31"/>
      <c r="OFR155" s="31"/>
      <c r="OFS155" s="31"/>
      <c r="OFT155" s="31"/>
      <c r="OFU155" s="31"/>
      <c r="OFV155" s="31"/>
      <c r="OFW155" s="31"/>
      <c r="OFX155" s="31"/>
      <c r="OFY155" s="31"/>
      <c r="OFZ155" s="31"/>
      <c r="OGA155" s="31"/>
      <c r="OGB155" s="31"/>
      <c r="OGC155" s="31"/>
      <c r="OGD155" s="31"/>
      <c r="OGE155" s="31"/>
      <c r="OGF155" s="31"/>
      <c r="OGG155" s="31"/>
      <c r="OGH155" s="31"/>
      <c r="OGI155" s="31"/>
      <c r="OGJ155" s="31"/>
      <c r="OGK155" s="31"/>
      <c r="OGL155" s="31"/>
      <c r="OGM155" s="31"/>
      <c r="OGN155" s="31"/>
      <c r="OGO155" s="31"/>
      <c r="OGP155" s="31"/>
      <c r="OGQ155" s="31"/>
      <c r="OGR155" s="31"/>
      <c r="OGS155" s="31"/>
      <c r="OGT155" s="31"/>
      <c r="OGU155" s="31"/>
      <c r="OGV155" s="31"/>
      <c r="OGW155" s="31"/>
      <c r="OGX155" s="31"/>
      <c r="OGY155" s="31"/>
      <c r="OGZ155" s="31"/>
      <c r="OHA155" s="31"/>
      <c r="OHB155" s="31"/>
      <c r="OHC155" s="31"/>
      <c r="OHD155" s="31"/>
      <c r="OHE155" s="31"/>
      <c r="OHF155" s="31"/>
      <c r="OHG155" s="31"/>
      <c r="OHH155" s="31"/>
      <c r="OHI155" s="31"/>
      <c r="OHJ155" s="31"/>
      <c r="OHK155" s="31"/>
      <c r="OHL155" s="31"/>
      <c r="OHM155" s="31"/>
      <c r="OHN155" s="31"/>
      <c r="OHO155" s="31"/>
      <c r="OHP155" s="31"/>
      <c r="OHQ155" s="31"/>
      <c r="OHR155" s="31"/>
      <c r="OHS155" s="31"/>
      <c r="OHT155" s="31"/>
      <c r="OHU155" s="31"/>
      <c r="OHV155" s="31"/>
      <c r="OHW155" s="31"/>
      <c r="OHX155" s="31"/>
      <c r="OHY155" s="31"/>
      <c r="OHZ155" s="31"/>
      <c r="OIA155" s="31"/>
      <c r="OIB155" s="31"/>
      <c r="OIC155" s="31"/>
      <c r="OID155" s="31"/>
      <c r="OIE155" s="31"/>
      <c r="OIF155" s="31"/>
      <c r="OIG155" s="31"/>
      <c r="OIH155" s="31"/>
      <c r="OII155" s="31"/>
      <c r="OIJ155" s="31"/>
      <c r="OIK155" s="31"/>
      <c r="OIL155" s="31"/>
      <c r="OIM155" s="31"/>
      <c r="OIN155" s="31"/>
      <c r="OIO155" s="31"/>
      <c r="OIP155" s="31"/>
      <c r="OIQ155" s="31"/>
      <c r="OIR155" s="31"/>
      <c r="OIS155" s="31"/>
      <c r="OIT155" s="31"/>
      <c r="OIU155" s="31"/>
      <c r="OIV155" s="31"/>
      <c r="OIW155" s="31"/>
      <c r="OIX155" s="31"/>
      <c r="OIY155" s="31"/>
      <c r="OIZ155" s="31"/>
      <c r="OJA155" s="31"/>
      <c r="OJB155" s="31"/>
      <c r="OJC155" s="31"/>
      <c r="OJD155" s="31"/>
      <c r="OJE155" s="31"/>
      <c r="OJF155" s="31"/>
      <c r="OJG155" s="31"/>
      <c r="OJH155" s="31"/>
      <c r="OJI155" s="31"/>
      <c r="OJJ155" s="31"/>
      <c r="OJK155" s="31"/>
      <c r="OJL155" s="31"/>
      <c r="OJM155" s="31"/>
      <c r="OJN155" s="31"/>
      <c r="OJO155" s="31"/>
      <c r="OJP155" s="31"/>
      <c r="OJQ155" s="31"/>
      <c r="OJR155" s="31"/>
      <c r="OJS155" s="31"/>
      <c r="OJT155" s="31"/>
      <c r="OJU155" s="31"/>
      <c r="OJV155" s="31"/>
      <c r="OJW155" s="31"/>
      <c r="OJX155" s="31"/>
      <c r="OJY155" s="31"/>
      <c r="OJZ155" s="31"/>
      <c r="OKA155" s="31"/>
      <c r="OKB155" s="31"/>
      <c r="OKC155" s="31"/>
      <c r="OKD155" s="31"/>
      <c r="OKE155" s="31"/>
      <c r="OKF155" s="31"/>
      <c r="OKG155" s="31"/>
      <c r="OKH155" s="31"/>
      <c r="OKI155" s="31"/>
      <c r="OKJ155" s="31"/>
      <c r="OKK155" s="31"/>
      <c r="OKL155" s="31"/>
      <c r="OKM155" s="31"/>
      <c r="OKN155" s="31"/>
      <c r="OKO155" s="31"/>
      <c r="OKP155" s="31"/>
      <c r="OKQ155" s="31"/>
      <c r="OKR155" s="31"/>
      <c r="OKS155" s="31"/>
      <c r="OKT155" s="31"/>
      <c r="OKU155" s="31"/>
      <c r="OKV155" s="31"/>
      <c r="OKW155" s="31"/>
      <c r="OKX155" s="31"/>
      <c r="OKY155" s="31"/>
      <c r="OKZ155" s="31"/>
      <c r="OLA155" s="31"/>
      <c r="OLB155" s="31"/>
      <c r="OLC155" s="31"/>
      <c r="OLD155" s="31"/>
      <c r="OLE155" s="31"/>
      <c r="OLF155" s="31"/>
      <c r="OLG155" s="31"/>
      <c r="OLH155" s="31"/>
      <c r="OLI155" s="31"/>
      <c r="OLJ155" s="31"/>
      <c r="OLK155" s="31"/>
      <c r="OLL155" s="31"/>
      <c r="OLM155" s="31"/>
      <c r="OLN155" s="31"/>
      <c r="OLO155" s="31"/>
      <c r="OLP155" s="31"/>
      <c r="OLQ155" s="31"/>
      <c r="OLR155" s="31"/>
      <c r="OLS155" s="31"/>
      <c r="OLT155" s="31"/>
      <c r="OLU155" s="31"/>
      <c r="OLV155" s="31"/>
      <c r="OLW155" s="31"/>
      <c r="OLX155" s="31"/>
      <c r="OLY155" s="31"/>
      <c r="OLZ155" s="31"/>
      <c r="OMA155" s="31"/>
      <c r="OMB155" s="31"/>
      <c r="OMC155" s="31"/>
      <c r="OMD155" s="31"/>
      <c r="OME155" s="31"/>
      <c r="OMF155" s="31"/>
      <c r="OMG155" s="31"/>
      <c r="OMH155" s="31"/>
      <c r="OMI155" s="31"/>
      <c r="OMJ155" s="31"/>
      <c r="OMK155" s="31"/>
      <c r="OML155" s="31"/>
      <c r="OMM155" s="31"/>
      <c r="OMN155" s="31"/>
      <c r="OMO155" s="31"/>
      <c r="OMP155" s="31"/>
      <c r="OMQ155" s="31"/>
      <c r="OMR155" s="31"/>
      <c r="OMS155" s="31"/>
      <c r="OMT155" s="31"/>
      <c r="OMU155" s="31"/>
      <c r="OMV155" s="31"/>
      <c r="OMW155" s="31"/>
      <c r="OMX155" s="31"/>
      <c r="OMY155" s="31"/>
      <c r="OMZ155" s="31"/>
      <c r="ONA155" s="31"/>
      <c r="ONB155" s="31"/>
      <c r="ONC155" s="31"/>
      <c r="OND155" s="31"/>
      <c r="ONE155" s="31"/>
      <c r="ONF155" s="31"/>
      <c r="ONG155" s="31"/>
      <c r="ONH155" s="31"/>
      <c r="ONI155" s="31"/>
      <c r="ONJ155" s="31"/>
      <c r="ONK155" s="31"/>
      <c r="ONL155" s="31"/>
      <c r="ONM155" s="31"/>
      <c r="ONN155" s="31"/>
      <c r="ONO155" s="31"/>
      <c r="ONP155" s="31"/>
      <c r="ONQ155" s="31"/>
      <c r="ONR155" s="31"/>
      <c r="ONS155" s="31"/>
      <c r="ONT155" s="31"/>
      <c r="ONU155" s="31"/>
      <c r="ONV155" s="31"/>
      <c r="ONW155" s="31"/>
      <c r="ONX155" s="31"/>
      <c r="ONY155" s="31"/>
      <c r="ONZ155" s="31"/>
      <c r="OOA155" s="31"/>
      <c r="OOB155" s="31"/>
      <c r="OOC155" s="31"/>
      <c r="OOD155" s="31"/>
      <c r="OOE155" s="31"/>
      <c r="OOF155" s="31"/>
      <c r="OOG155" s="31"/>
      <c r="OOH155" s="31"/>
      <c r="OOI155" s="31"/>
      <c r="OOJ155" s="31"/>
      <c r="OOK155" s="31"/>
      <c r="OOL155" s="31"/>
      <c r="OOM155" s="31"/>
      <c r="OON155" s="31"/>
      <c r="OOO155" s="31"/>
      <c r="OOP155" s="31"/>
      <c r="OOQ155" s="31"/>
      <c r="OOR155" s="31"/>
      <c r="OOS155" s="31"/>
      <c r="OOT155" s="31"/>
      <c r="OOU155" s="31"/>
      <c r="OOV155" s="31"/>
      <c r="OOW155" s="31"/>
      <c r="OOX155" s="31"/>
      <c r="OOY155" s="31"/>
      <c r="OOZ155" s="31"/>
      <c r="OPA155" s="31"/>
      <c r="OPB155" s="31"/>
      <c r="OPC155" s="31"/>
      <c r="OPD155" s="31"/>
      <c r="OPE155" s="31"/>
      <c r="OPF155" s="31"/>
      <c r="OPG155" s="31"/>
      <c r="OPH155" s="31"/>
      <c r="OPI155" s="31"/>
      <c r="OPJ155" s="31"/>
      <c r="OPK155" s="31"/>
      <c r="OPL155" s="31"/>
      <c r="OPM155" s="31"/>
      <c r="OPN155" s="31"/>
      <c r="OPO155" s="31"/>
      <c r="OPP155" s="31"/>
      <c r="OPQ155" s="31"/>
      <c r="OPR155" s="31"/>
      <c r="OPS155" s="31"/>
      <c r="OPT155" s="31"/>
      <c r="OPU155" s="31"/>
      <c r="OPV155" s="31"/>
      <c r="OPW155" s="31"/>
      <c r="OPX155" s="31"/>
      <c r="OPY155" s="31"/>
      <c r="OPZ155" s="31"/>
      <c r="OQA155" s="31"/>
      <c r="OQB155" s="31"/>
      <c r="OQC155" s="31"/>
      <c r="OQD155" s="31"/>
      <c r="OQE155" s="31"/>
      <c r="OQF155" s="31"/>
      <c r="OQG155" s="31"/>
      <c r="OQH155" s="31"/>
      <c r="OQI155" s="31"/>
      <c r="OQJ155" s="31"/>
      <c r="OQK155" s="31"/>
      <c r="OQL155" s="31"/>
      <c r="OQM155" s="31"/>
      <c r="OQN155" s="31"/>
      <c r="OQO155" s="31"/>
      <c r="OQP155" s="31"/>
      <c r="OQQ155" s="31"/>
      <c r="OQR155" s="31"/>
      <c r="OQS155" s="31"/>
      <c r="OQT155" s="31"/>
      <c r="OQU155" s="31"/>
      <c r="OQV155" s="31"/>
      <c r="OQW155" s="31"/>
      <c r="OQX155" s="31"/>
      <c r="OQY155" s="31"/>
      <c r="OQZ155" s="31"/>
      <c r="ORA155" s="31"/>
      <c r="ORB155" s="31"/>
      <c r="ORC155" s="31"/>
      <c r="ORD155" s="31"/>
      <c r="ORE155" s="31"/>
      <c r="ORF155" s="31"/>
      <c r="ORG155" s="31"/>
      <c r="ORH155" s="31"/>
      <c r="ORI155" s="31"/>
      <c r="ORJ155" s="31"/>
      <c r="ORK155" s="31"/>
      <c r="ORL155" s="31"/>
      <c r="ORM155" s="31"/>
      <c r="ORN155" s="31"/>
      <c r="ORO155" s="31"/>
      <c r="ORP155" s="31"/>
      <c r="ORQ155" s="31"/>
      <c r="ORR155" s="31"/>
      <c r="ORS155" s="31"/>
      <c r="ORT155" s="31"/>
      <c r="ORU155" s="31"/>
      <c r="ORV155" s="31"/>
      <c r="ORW155" s="31"/>
      <c r="ORX155" s="31"/>
      <c r="ORY155" s="31"/>
      <c r="ORZ155" s="31"/>
      <c r="OSA155" s="31"/>
      <c r="OSB155" s="31"/>
      <c r="OSC155" s="31"/>
      <c r="OSD155" s="31"/>
      <c r="OSE155" s="31"/>
      <c r="OSF155" s="31"/>
      <c r="OSG155" s="31"/>
      <c r="OSH155" s="31"/>
      <c r="OSI155" s="31"/>
      <c r="OSJ155" s="31"/>
      <c r="OSK155" s="31"/>
      <c r="OSL155" s="31"/>
      <c r="OSM155" s="31"/>
      <c r="OSN155" s="31"/>
      <c r="OSO155" s="31"/>
      <c r="OSP155" s="31"/>
      <c r="OSQ155" s="31"/>
      <c r="OSR155" s="31"/>
      <c r="OSS155" s="31"/>
      <c r="OST155" s="31"/>
      <c r="OSU155" s="31"/>
      <c r="OSV155" s="31"/>
      <c r="OSW155" s="31"/>
      <c r="OSX155" s="31"/>
      <c r="OSY155" s="31"/>
      <c r="OSZ155" s="31"/>
      <c r="OTA155" s="31"/>
      <c r="OTB155" s="31"/>
      <c r="OTC155" s="31"/>
      <c r="OTD155" s="31"/>
      <c r="OTE155" s="31"/>
      <c r="OTF155" s="31"/>
      <c r="OTG155" s="31"/>
      <c r="OTH155" s="31"/>
      <c r="OTI155" s="31"/>
      <c r="OTJ155" s="31"/>
      <c r="OTK155" s="31"/>
      <c r="OTL155" s="31"/>
      <c r="OTM155" s="31"/>
      <c r="OTN155" s="31"/>
      <c r="OTO155" s="31"/>
      <c r="OTP155" s="31"/>
      <c r="OTQ155" s="31"/>
      <c r="OTR155" s="31"/>
      <c r="OTS155" s="31"/>
      <c r="OTT155" s="31"/>
      <c r="OTU155" s="31"/>
      <c r="OTV155" s="31"/>
      <c r="OTW155" s="31"/>
      <c r="OTX155" s="31"/>
      <c r="OTY155" s="31"/>
      <c r="OTZ155" s="31"/>
      <c r="OUA155" s="31"/>
      <c r="OUB155" s="31"/>
      <c r="OUC155" s="31"/>
      <c r="OUD155" s="31"/>
      <c r="OUE155" s="31"/>
      <c r="OUF155" s="31"/>
      <c r="OUG155" s="31"/>
      <c r="OUH155" s="31"/>
      <c r="OUI155" s="31"/>
      <c r="OUJ155" s="31"/>
      <c r="OUK155" s="31"/>
      <c r="OUL155" s="31"/>
      <c r="OUM155" s="31"/>
      <c r="OUN155" s="31"/>
      <c r="OUO155" s="31"/>
      <c r="OUP155" s="31"/>
      <c r="OUQ155" s="31"/>
      <c r="OUR155" s="31"/>
      <c r="OUS155" s="31"/>
      <c r="OUT155" s="31"/>
      <c r="OUU155" s="31"/>
      <c r="OUV155" s="31"/>
      <c r="OUW155" s="31"/>
      <c r="OUX155" s="31"/>
      <c r="OUY155" s="31"/>
      <c r="OUZ155" s="31"/>
      <c r="OVA155" s="31"/>
      <c r="OVB155" s="31"/>
      <c r="OVC155" s="31"/>
      <c r="OVD155" s="31"/>
      <c r="OVE155" s="31"/>
      <c r="OVF155" s="31"/>
      <c r="OVG155" s="31"/>
      <c r="OVH155" s="31"/>
      <c r="OVI155" s="31"/>
      <c r="OVJ155" s="31"/>
      <c r="OVK155" s="31"/>
      <c r="OVL155" s="31"/>
      <c r="OVM155" s="31"/>
      <c r="OVN155" s="31"/>
      <c r="OVO155" s="31"/>
      <c r="OVP155" s="31"/>
      <c r="OVQ155" s="31"/>
      <c r="OVR155" s="31"/>
      <c r="OVS155" s="31"/>
      <c r="OVT155" s="31"/>
      <c r="OVU155" s="31"/>
      <c r="OVV155" s="31"/>
      <c r="OVW155" s="31"/>
      <c r="OVX155" s="31"/>
      <c r="OVY155" s="31"/>
      <c r="OVZ155" s="31"/>
      <c r="OWA155" s="31"/>
      <c r="OWB155" s="31"/>
      <c r="OWC155" s="31"/>
      <c r="OWD155" s="31"/>
      <c r="OWE155" s="31"/>
      <c r="OWF155" s="31"/>
      <c r="OWG155" s="31"/>
      <c r="OWH155" s="31"/>
      <c r="OWI155" s="31"/>
      <c r="OWJ155" s="31"/>
      <c r="OWK155" s="31"/>
      <c r="OWL155" s="31"/>
      <c r="OWM155" s="31"/>
      <c r="OWN155" s="31"/>
      <c r="OWO155" s="31"/>
      <c r="OWP155" s="31"/>
      <c r="OWQ155" s="31"/>
      <c r="OWR155" s="31"/>
      <c r="OWS155" s="31"/>
      <c r="OWT155" s="31"/>
      <c r="OWU155" s="31"/>
      <c r="OWV155" s="31"/>
      <c r="OWW155" s="31"/>
      <c r="OWX155" s="31"/>
      <c r="OWY155" s="31"/>
      <c r="OWZ155" s="31"/>
      <c r="OXA155" s="31"/>
      <c r="OXB155" s="31"/>
      <c r="OXC155" s="31"/>
      <c r="OXD155" s="31"/>
      <c r="OXE155" s="31"/>
      <c r="OXF155" s="31"/>
      <c r="OXG155" s="31"/>
      <c r="OXH155" s="31"/>
      <c r="OXI155" s="31"/>
      <c r="OXJ155" s="31"/>
      <c r="OXK155" s="31"/>
      <c r="OXL155" s="31"/>
      <c r="OXM155" s="31"/>
      <c r="OXN155" s="31"/>
      <c r="OXO155" s="31"/>
      <c r="OXP155" s="31"/>
      <c r="OXQ155" s="31"/>
      <c r="OXR155" s="31"/>
      <c r="OXS155" s="31"/>
      <c r="OXT155" s="31"/>
      <c r="OXU155" s="31"/>
      <c r="OXV155" s="31"/>
      <c r="OXW155" s="31"/>
      <c r="OXX155" s="31"/>
      <c r="OXY155" s="31"/>
      <c r="OXZ155" s="31"/>
      <c r="OYA155" s="31"/>
      <c r="OYB155" s="31"/>
      <c r="OYC155" s="31"/>
      <c r="OYD155" s="31"/>
      <c r="OYE155" s="31"/>
      <c r="OYF155" s="31"/>
      <c r="OYG155" s="31"/>
      <c r="OYH155" s="31"/>
      <c r="OYI155" s="31"/>
      <c r="OYJ155" s="31"/>
      <c r="OYK155" s="31"/>
      <c r="OYL155" s="31"/>
      <c r="OYM155" s="31"/>
      <c r="OYN155" s="31"/>
      <c r="OYO155" s="31"/>
      <c r="OYP155" s="31"/>
      <c r="OYQ155" s="31"/>
      <c r="OYR155" s="31"/>
      <c r="OYS155" s="31"/>
      <c r="OYT155" s="31"/>
      <c r="OYU155" s="31"/>
      <c r="OYV155" s="31"/>
      <c r="OYW155" s="31"/>
      <c r="OYX155" s="31"/>
      <c r="OYY155" s="31"/>
      <c r="OYZ155" s="31"/>
      <c r="OZA155" s="31"/>
      <c r="OZB155" s="31"/>
      <c r="OZC155" s="31"/>
      <c r="OZD155" s="31"/>
      <c r="OZE155" s="31"/>
      <c r="OZF155" s="31"/>
      <c r="OZG155" s="31"/>
      <c r="OZH155" s="31"/>
      <c r="OZI155" s="31"/>
      <c r="OZJ155" s="31"/>
      <c r="OZK155" s="31"/>
      <c r="OZL155" s="31"/>
      <c r="OZM155" s="31"/>
      <c r="OZN155" s="31"/>
      <c r="OZO155" s="31"/>
      <c r="OZP155" s="31"/>
      <c r="OZQ155" s="31"/>
      <c r="OZR155" s="31"/>
      <c r="OZS155" s="31"/>
      <c r="OZT155" s="31"/>
      <c r="OZU155" s="31"/>
      <c r="OZV155" s="31"/>
      <c r="OZW155" s="31"/>
      <c r="OZX155" s="31"/>
      <c r="OZY155" s="31"/>
      <c r="OZZ155" s="31"/>
      <c r="PAA155" s="31"/>
      <c r="PAB155" s="31"/>
      <c r="PAC155" s="31"/>
      <c r="PAD155" s="31"/>
      <c r="PAE155" s="31"/>
      <c r="PAF155" s="31"/>
      <c r="PAG155" s="31"/>
      <c r="PAH155" s="31"/>
      <c r="PAI155" s="31"/>
      <c r="PAJ155" s="31"/>
      <c r="PAK155" s="31"/>
      <c r="PAL155" s="31"/>
      <c r="PAM155" s="31"/>
      <c r="PAN155" s="31"/>
      <c r="PAO155" s="31"/>
      <c r="PAP155" s="31"/>
      <c r="PAQ155" s="31"/>
      <c r="PAR155" s="31"/>
      <c r="PAS155" s="31"/>
      <c r="PAT155" s="31"/>
      <c r="PAU155" s="31"/>
      <c r="PAV155" s="31"/>
      <c r="PAW155" s="31"/>
      <c r="PAX155" s="31"/>
      <c r="PAY155" s="31"/>
      <c r="PAZ155" s="31"/>
      <c r="PBA155" s="31"/>
      <c r="PBB155" s="31"/>
      <c r="PBC155" s="31"/>
      <c r="PBD155" s="31"/>
      <c r="PBE155" s="31"/>
      <c r="PBF155" s="31"/>
      <c r="PBG155" s="31"/>
      <c r="PBH155" s="31"/>
      <c r="PBI155" s="31"/>
      <c r="PBJ155" s="31"/>
      <c r="PBK155" s="31"/>
      <c r="PBL155" s="31"/>
      <c r="PBM155" s="31"/>
      <c r="PBN155" s="31"/>
      <c r="PBO155" s="31"/>
      <c r="PBP155" s="31"/>
      <c r="PBQ155" s="31"/>
      <c r="PBR155" s="31"/>
      <c r="PBS155" s="31"/>
      <c r="PBT155" s="31"/>
      <c r="PBU155" s="31"/>
      <c r="PBV155" s="31"/>
      <c r="PBW155" s="31"/>
      <c r="PBX155" s="31"/>
      <c r="PBY155" s="31"/>
      <c r="PBZ155" s="31"/>
      <c r="PCA155" s="31"/>
      <c r="PCB155" s="31"/>
      <c r="PCC155" s="31"/>
      <c r="PCD155" s="31"/>
      <c r="PCE155" s="31"/>
      <c r="PCF155" s="31"/>
      <c r="PCG155" s="31"/>
      <c r="PCH155" s="31"/>
      <c r="PCI155" s="31"/>
      <c r="PCJ155" s="31"/>
      <c r="PCK155" s="31"/>
      <c r="PCL155" s="31"/>
      <c r="PCM155" s="31"/>
      <c r="PCN155" s="31"/>
      <c r="PCO155" s="31"/>
      <c r="PCP155" s="31"/>
      <c r="PCQ155" s="31"/>
      <c r="PCR155" s="31"/>
      <c r="PCS155" s="31"/>
      <c r="PCT155" s="31"/>
      <c r="PCU155" s="31"/>
      <c r="PCV155" s="31"/>
      <c r="PCW155" s="31"/>
      <c r="PCX155" s="31"/>
      <c r="PCY155" s="31"/>
      <c r="PCZ155" s="31"/>
      <c r="PDA155" s="31"/>
      <c r="PDB155" s="31"/>
      <c r="PDC155" s="31"/>
      <c r="PDD155" s="31"/>
      <c r="PDE155" s="31"/>
      <c r="PDF155" s="31"/>
      <c r="PDG155" s="31"/>
      <c r="PDH155" s="31"/>
      <c r="PDI155" s="31"/>
      <c r="PDJ155" s="31"/>
      <c r="PDK155" s="31"/>
      <c r="PDL155" s="31"/>
      <c r="PDM155" s="31"/>
      <c r="PDN155" s="31"/>
      <c r="PDO155" s="31"/>
      <c r="PDP155" s="31"/>
      <c r="PDQ155" s="31"/>
      <c r="PDR155" s="31"/>
      <c r="PDS155" s="31"/>
      <c r="PDT155" s="31"/>
      <c r="PDU155" s="31"/>
      <c r="PDV155" s="31"/>
      <c r="PDW155" s="31"/>
      <c r="PDX155" s="31"/>
      <c r="PDY155" s="31"/>
      <c r="PDZ155" s="31"/>
      <c r="PEA155" s="31"/>
      <c r="PEB155" s="31"/>
      <c r="PEC155" s="31"/>
      <c r="PED155" s="31"/>
      <c r="PEE155" s="31"/>
      <c r="PEF155" s="31"/>
      <c r="PEG155" s="31"/>
      <c r="PEH155" s="31"/>
      <c r="PEI155" s="31"/>
      <c r="PEJ155" s="31"/>
      <c r="PEK155" s="31"/>
      <c r="PEL155" s="31"/>
      <c r="PEM155" s="31"/>
      <c r="PEN155" s="31"/>
      <c r="PEO155" s="31"/>
      <c r="PEP155" s="31"/>
      <c r="PEQ155" s="31"/>
      <c r="PER155" s="31"/>
      <c r="PES155" s="31"/>
      <c r="PET155" s="31"/>
      <c r="PEU155" s="31"/>
      <c r="PEV155" s="31"/>
      <c r="PEW155" s="31"/>
      <c r="PEX155" s="31"/>
      <c r="PEY155" s="31"/>
      <c r="PEZ155" s="31"/>
      <c r="PFA155" s="31"/>
      <c r="PFB155" s="31"/>
      <c r="PFC155" s="31"/>
      <c r="PFD155" s="31"/>
      <c r="PFE155" s="31"/>
      <c r="PFF155" s="31"/>
      <c r="PFG155" s="31"/>
      <c r="PFH155" s="31"/>
      <c r="PFI155" s="31"/>
      <c r="PFJ155" s="31"/>
      <c r="PFK155" s="31"/>
      <c r="PFL155" s="31"/>
      <c r="PFM155" s="31"/>
      <c r="PFN155" s="31"/>
      <c r="PFO155" s="31"/>
      <c r="PFP155" s="31"/>
      <c r="PFQ155" s="31"/>
      <c r="PFR155" s="31"/>
      <c r="PFS155" s="31"/>
      <c r="PFT155" s="31"/>
      <c r="PFU155" s="31"/>
      <c r="PFV155" s="31"/>
      <c r="PFW155" s="31"/>
      <c r="PFX155" s="31"/>
      <c r="PFY155" s="31"/>
      <c r="PFZ155" s="31"/>
      <c r="PGA155" s="31"/>
      <c r="PGB155" s="31"/>
      <c r="PGC155" s="31"/>
      <c r="PGD155" s="31"/>
      <c r="PGE155" s="31"/>
      <c r="PGF155" s="31"/>
      <c r="PGG155" s="31"/>
      <c r="PGH155" s="31"/>
      <c r="PGI155" s="31"/>
      <c r="PGJ155" s="31"/>
      <c r="PGK155" s="31"/>
      <c r="PGL155" s="31"/>
      <c r="PGM155" s="31"/>
      <c r="PGN155" s="31"/>
      <c r="PGO155" s="31"/>
      <c r="PGP155" s="31"/>
      <c r="PGQ155" s="31"/>
      <c r="PGR155" s="31"/>
      <c r="PGS155" s="31"/>
      <c r="PGT155" s="31"/>
      <c r="PGU155" s="31"/>
      <c r="PGV155" s="31"/>
      <c r="PGW155" s="31"/>
      <c r="PGX155" s="31"/>
      <c r="PGY155" s="31"/>
      <c r="PGZ155" s="31"/>
      <c r="PHA155" s="31"/>
      <c r="PHB155" s="31"/>
      <c r="PHC155" s="31"/>
      <c r="PHD155" s="31"/>
      <c r="PHE155" s="31"/>
      <c r="PHF155" s="31"/>
      <c r="PHG155" s="31"/>
      <c r="PHH155" s="31"/>
      <c r="PHI155" s="31"/>
      <c r="PHJ155" s="31"/>
      <c r="PHK155" s="31"/>
      <c r="PHL155" s="31"/>
      <c r="PHM155" s="31"/>
      <c r="PHN155" s="31"/>
      <c r="PHO155" s="31"/>
      <c r="PHP155" s="31"/>
      <c r="PHQ155" s="31"/>
      <c r="PHR155" s="31"/>
      <c r="PHS155" s="31"/>
      <c r="PHT155" s="31"/>
      <c r="PHU155" s="31"/>
      <c r="PHV155" s="31"/>
      <c r="PHW155" s="31"/>
      <c r="PHX155" s="31"/>
      <c r="PHY155" s="31"/>
      <c r="PHZ155" s="31"/>
      <c r="PIA155" s="31"/>
      <c r="PIB155" s="31"/>
      <c r="PIC155" s="31"/>
      <c r="PID155" s="31"/>
      <c r="PIE155" s="31"/>
      <c r="PIF155" s="31"/>
      <c r="PIG155" s="31"/>
      <c r="PIH155" s="31"/>
      <c r="PII155" s="31"/>
      <c r="PIJ155" s="31"/>
      <c r="PIK155" s="31"/>
      <c r="PIL155" s="31"/>
      <c r="PIM155" s="31"/>
      <c r="PIN155" s="31"/>
      <c r="PIO155" s="31"/>
      <c r="PIP155" s="31"/>
      <c r="PIQ155" s="31"/>
      <c r="PIR155" s="31"/>
      <c r="PIS155" s="31"/>
      <c r="PIT155" s="31"/>
      <c r="PIU155" s="31"/>
      <c r="PIV155" s="31"/>
      <c r="PIW155" s="31"/>
      <c r="PIX155" s="31"/>
      <c r="PIY155" s="31"/>
      <c r="PIZ155" s="31"/>
      <c r="PJA155" s="31"/>
      <c r="PJB155" s="31"/>
      <c r="PJC155" s="31"/>
      <c r="PJD155" s="31"/>
      <c r="PJE155" s="31"/>
      <c r="PJF155" s="31"/>
      <c r="PJG155" s="31"/>
      <c r="PJH155" s="31"/>
      <c r="PJI155" s="31"/>
      <c r="PJJ155" s="31"/>
      <c r="PJK155" s="31"/>
      <c r="PJL155" s="31"/>
      <c r="PJM155" s="31"/>
      <c r="PJN155" s="31"/>
      <c r="PJO155" s="31"/>
      <c r="PJP155" s="31"/>
      <c r="PJQ155" s="31"/>
      <c r="PJR155" s="31"/>
      <c r="PJS155" s="31"/>
      <c r="PJT155" s="31"/>
      <c r="PJU155" s="31"/>
      <c r="PJV155" s="31"/>
      <c r="PJW155" s="31"/>
      <c r="PJX155" s="31"/>
      <c r="PJY155" s="31"/>
      <c r="PJZ155" s="31"/>
      <c r="PKA155" s="31"/>
      <c r="PKB155" s="31"/>
      <c r="PKC155" s="31"/>
      <c r="PKD155" s="31"/>
      <c r="PKE155" s="31"/>
      <c r="PKF155" s="31"/>
      <c r="PKG155" s="31"/>
      <c r="PKH155" s="31"/>
      <c r="PKI155" s="31"/>
      <c r="PKJ155" s="31"/>
      <c r="PKK155" s="31"/>
      <c r="PKL155" s="31"/>
      <c r="PKM155" s="31"/>
      <c r="PKN155" s="31"/>
      <c r="PKO155" s="31"/>
      <c r="PKP155" s="31"/>
      <c r="PKQ155" s="31"/>
      <c r="PKR155" s="31"/>
      <c r="PKS155" s="31"/>
      <c r="PKT155" s="31"/>
      <c r="PKU155" s="31"/>
      <c r="PKV155" s="31"/>
      <c r="PKW155" s="31"/>
      <c r="PKX155" s="31"/>
      <c r="PKY155" s="31"/>
      <c r="PKZ155" s="31"/>
      <c r="PLA155" s="31"/>
      <c r="PLB155" s="31"/>
      <c r="PLC155" s="31"/>
      <c r="PLD155" s="31"/>
      <c r="PLE155" s="31"/>
      <c r="PLF155" s="31"/>
      <c r="PLG155" s="31"/>
      <c r="PLH155" s="31"/>
      <c r="PLI155" s="31"/>
      <c r="PLJ155" s="31"/>
      <c r="PLK155" s="31"/>
      <c r="PLL155" s="31"/>
      <c r="PLM155" s="31"/>
      <c r="PLN155" s="31"/>
      <c r="PLO155" s="31"/>
      <c r="PLP155" s="31"/>
      <c r="PLQ155" s="31"/>
      <c r="PLR155" s="31"/>
      <c r="PLS155" s="31"/>
      <c r="PLT155" s="31"/>
      <c r="PLU155" s="31"/>
      <c r="PLV155" s="31"/>
      <c r="PLW155" s="31"/>
      <c r="PLX155" s="31"/>
      <c r="PLY155" s="31"/>
      <c r="PLZ155" s="31"/>
      <c r="PMA155" s="31"/>
      <c r="PMB155" s="31"/>
      <c r="PMC155" s="31"/>
      <c r="PMD155" s="31"/>
      <c r="PME155" s="31"/>
      <c r="PMF155" s="31"/>
      <c r="PMG155" s="31"/>
      <c r="PMH155" s="31"/>
      <c r="PMI155" s="31"/>
      <c r="PMJ155" s="31"/>
      <c r="PMK155" s="31"/>
      <c r="PML155" s="31"/>
      <c r="PMM155" s="31"/>
      <c r="PMN155" s="31"/>
      <c r="PMO155" s="31"/>
      <c r="PMP155" s="31"/>
      <c r="PMQ155" s="31"/>
      <c r="PMR155" s="31"/>
      <c r="PMS155" s="31"/>
      <c r="PMT155" s="31"/>
      <c r="PMU155" s="31"/>
      <c r="PMV155" s="31"/>
      <c r="PMW155" s="31"/>
      <c r="PMX155" s="31"/>
      <c r="PMY155" s="31"/>
      <c r="PMZ155" s="31"/>
      <c r="PNA155" s="31"/>
      <c r="PNB155" s="31"/>
      <c r="PNC155" s="31"/>
      <c r="PND155" s="31"/>
      <c r="PNE155" s="31"/>
      <c r="PNF155" s="31"/>
      <c r="PNG155" s="31"/>
      <c r="PNH155" s="31"/>
      <c r="PNI155" s="31"/>
      <c r="PNJ155" s="31"/>
      <c r="PNK155" s="31"/>
      <c r="PNL155" s="31"/>
      <c r="PNM155" s="31"/>
      <c r="PNN155" s="31"/>
      <c r="PNO155" s="31"/>
      <c r="PNP155" s="31"/>
      <c r="PNQ155" s="31"/>
      <c r="PNR155" s="31"/>
      <c r="PNS155" s="31"/>
      <c r="PNT155" s="31"/>
      <c r="PNU155" s="31"/>
      <c r="PNV155" s="31"/>
      <c r="PNW155" s="31"/>
      <c r="PNX155" s="31"/>
      <c r="PNY155" s="31"/>
      <c r="PNZ155" s="31"/>
      <c r="POA155" s="31"/>
      <c r="POB155" s="31"/>
      <c r="POC155" s="31"/>
      <c r="POD155" s="31"/>
      <c r="POE155" s="31"/>
      <c r="POF155" s="31"/>
      <c r="POG155" s="31"/>
      <c r="POH155" s="31"/>
      <c r="POI155" s="31"/>
      <c r="POJ155" s="31"/>
      <c r="POK155" s="31"/>
      <c r="POL155" s="31"/>
      <c r="POM155" s="31"/>
      <c r="PON155" s="31"/>
      <c r="POO155" s="31"/>
      <c r="POP155" s="31"/>
      <c r="POQ155" s="31"/>
      <c r="POR155" s="31"/>
      <c r="POS155" s="31"/>
      <c r="POT155" s="31"/>
      <c r="POU155" s="31"/>
      <c r="POV155" s="31"/>
      <c r="POW155" s="31"/>
      <c r="POX155" s="31"/>
      <c r="POY155" s="31"/>
      <c r="POZ155" s="31"/>
      <c r="PPA155" s="31"/>
      <c r="PPB155" s="31"/>
      <c r="PPC155" s="31"/>
      <c r="PPD155" s="31"/>
      <c r="PPE155" s="31"/>
      <c r="PPF155" s="31"/>
      <c r="PPG155" s="31"/>
      <c r="PPH155" s="31"/>
      <c r="PPI155" s="31"/>
      <c r="PPJ155" s="31"/>
      <c r="PPK155" s="31"/>
      <c r="PPL155" s="31"/>
      <c r="PPM155" s="31"/>
      <c r="PPN155" s="31"/>
      <c r="PPO155" s="31"/>
      <c r="PPP155" s="31"/>
      <c r="PPQ155" s="31"/>
      <c r="PPR155" s="31"/>
      <c r="PPS155" s="31"/>
      <c r="PPT155" s="31"/>
      <c r="PPU155" s="31"/>
      <c r="PPV155" s="31"/>
      <c r="PPW155" s="31"/>
      <c r="PPX155" s="31"/>
      <c r="PPY155" s="31"/>
      <c r="PPZ155" s="31"/>
      <c r="PQA155" s="31"/>
      <c r="PQB155" s="31"/>
      <c r="PQC155" s="31"/>
      <c r="PQD155" s="31"/>
      <c r="PQE155" s="31"/>
      <c r="PQF155" s="31"/>
      <c r="PQG155" s="31"/>
      <c r="PQH155" s="31"/>
      <c r="PQI155" s="31"/>
      <c r="PQJ155" s="31"/>
      <c r="PQK155" s="31"/>
      <c r="PQL155" s="31"/>
      <c r="PQM155" s="31"/>
      <c r="PQN155" s="31"/>
      <c r="PQO155" s="31"/>
      <c r="PQP155" s="31"/>
      <c r="PQQ155" s="31"/>
      <c r="PQR155" s="31"/>
      <c r="PQS155" s="31"/>
      <c r="PQT155" s="31"/>
      <c r="PQU155" s="31"/>
      <c r="PQV155" s="31"/>
      <c r="PQW155" s="31"/>
      <c r="PQX155" s="31"/>
      <c r="PQY155" s="31"/>
      <c r="PQZ155" s="31"/>
      <c r="PRA155" s="31"/>
      <c r="PRB155" s="31"/>
      <c r="PRC155" s="31"/>
      <c r="PRD155" s="31"/>
      <c r="PRE155" s="31"/>
      <c r="PRF155" s="31"/>
      <c r="PRG155" s="31"/>
      <c r="PRH155" s="31"/>
      <c r="PRI155" s="31"/>
      <c r="PRJ155" s="31"/>
      <c r="PRK155" s="31"/>
      <c r="PRL155" s="31"/>
      <c r="PRM155" s="31"/>
      <c r="PRN155" s="31"/>
      <c r="PRO155" s="31"/>
      <c r="PRP155" s="31"/>
      <c r="PRQ155" s="31"/>
      <c r="PRR155" s="31"/>
      <c r="PRS155" s="31"/>
      <c r="PRT155" s="31"/>
      <c r="PRU155" s="31"/>
      <c r="PRV155" s="31"/>
      <c r="PRW155" s="31"/>
      <c r="PRX155" s="31"/>
      <c r="PRY155" s="31"/>
      <c r="PRZ155" s="31"/>
      <c r="PSA155" s="31"/>
      <c r="PSB155" s="31"/>
      <c r="PSC155" s="31"/>
      <c r="PSD155" s="31"/>
      <c r="PSE155" s="31"/>
      <c r="PSF155" s="31"/>
      <c r="PSG155" s="31"/>
      <c r="PSH155" s="31"/>
      <c r="PSI155" s="31"/>
      <c r="PSJ155" s="31"/>
      <c r="PSK155" s="31"/>
      <c r="PSL155" s="31"/>
      <c r="PSM155" s="31"/>
      <c r="PSN155" s="31"/>
      <c r="PSO155" s="31"/>
      <c r="PSP155" s="31"/>
      <c r="PSQ155" s="31"/>
      <c r="PSR155" s="31"/>
      <c r="PSS155" s="31"/>
      <c r="PST155" s="31"/>
      <c r="PSU155" s="31"/>
      <c r="PSV155" s="31"/>
      <c r="PSW155" s="31"/>
      <c r="PSX155" s="31"/>
      <c r="PSY155" s="31"/>
      <c r="PSZ155" s="31"/>
      <c r="PTA155" s="31"/>
      <c r="PTB155" s="31"/>
      <c r="PTC155" s="31"/>
      <c r="PTD155" s="31"/>
      <c r="PTE155" s="31"/>
      <c r="PTF155" s="31"/>
      <c r="PTG155" s="31"/>
      <c r="PTH155" s="31"/>
      <c r="PTI155" s="31"/>
      <c r="PTJ155" s="31"/>
      <c r="PTK155" s="31"/>
      <c r="PTL155" s="31"/>
      <c r="PTM155" s="31"/>
      <c r="PTN155" s="31"/>
      <c r="PTO155" s="31"/>
      <c r="PTP155" s="31"/>
      <c r="PTQ155" s="31"/>
      <c r="PTR155" s="31"/>
      <c r="PTS155" s="31"/>
      <c r="PTT155" s="31"/>
      <c r="PTU155" s="31"/>
      <c r="PTV155" s="31"/>
      <c r="PTW155" s="31"/>
      <c r="PTX155" s="31"/>
      <c r="PTY155" s="31"/>
      <c r="PTZ155" s="31"/>
      <c r="PUA155" s="31"/>
      <c r="PUB155" s="31"/>
      <c r="PUC155" s="31"/>
      <c r="PUD155" s="31"/>
      <c r="PUE155" s="31"/>
      <c r="PUF155" s="31"/>
      <c r="PUG155" s="31"/>
      <c r="PUH155" s="31"/>
      <c r="PUI155" s="31"/>
      <c r="PUJ155" s="31"/>
      <c r="PUK155" s="31"/>
      <c r="PUL155" s="31"/>
      <c r="PUM155" s="31"/>
      <c r="PUN155" s="31"/>
      <c r="PUO155" s="31"/>
      <c r="PUP155" s="31"/>
      <c r="PUQ155" s="31"/>
      <c r="PUR155" s="31"/>
      <c r="PUS155" s="31"/>
      <c r="PUT155" s="31"/>
      <c r="PUU155" s="31"/>
      <c r="PUV155" s="31"/>
      <c r="PUW155" s="31"/>
      <c r="PUX155" s="31"/>
      <c r="PUY155" s="31"/>
      <c r="PUZ155" s="31"/>
      <c r="PVA155" s="31"/>
      <c r="PVB155" s="31"/>
      <c r="PVC155" s="31"/>
      <c r="PVD155" s="31"/>
      <c r="PVE155" s="31"/>
      <c r="PVF155" s="31"/>
      <c r="PVG155" s="31"/>
      <c r="PVH155" s="31"/>
      <c r="PVI155" s="31"/>
      <c r="PVJ155" s="31"/>
      <c r="PVK155" s="31"/>
      <c r="PVL155" s="31"/>
      <c r="PVM155" s="31"/>
      <c r="PVN155" s="31"/>
      <c r="PVO155" s="31"/>
      <c r="PVP155" s="31"/>
      <c r="PVQ155" s="31"/>
      <c r="PVR155" s="31"/>
      <c r="PVS155" s="31"/>
      <c r="PVT155" s="31"/>
      <c r="PVU155" s="31"/>
      <c r="PVV155" s="31"/>
      <c r="PVW155" s="31"/>
      <c r="PVX155" s="31"/>
      <c r="PVY155" s="31"/>
      <c r="PVZ155" s="31"/>
      <c r="PWA155" s="31"/>
      <c r="PWB155" s="31"/>
      <c r="PWC155" s="31"/>
      <c r="PWD155" s="31"/>
      <c r="PWE155" s="31"/>
      <c r="PWF155" s="31"/>
      <c r="PWG155" s="31"/>
      <c r="PWH155" s="31"/>
      <c r="PWI155" s="31"/>
      <c r="PWJ155" s="31"/>
      <c r="PWK155" s="31"/>
      <c r="PWL155" s="31"/>
      <c r="PWM155" s="31"/>
      <c r="PWN155" s="31"/>
      <c r="PWO155" s="31"/>
      <c r="PWP155" s="31"/>
      <c r="PWQ155" s="31"/>
      <c r="PWR155" s="31"/>
      <c r="PWS155" s="31"/>
      <c r="PWT155" s="31"/>
      <c r="PWU155" s="31"/>
      <c r="PWV155" s="31"/>
      <c r="PWW155" s="31"/>
      <c r="PWX155" s="31"/>
      <c r="PWY155" s="31"/>
      <c r="PWZ155" s="31"/>
      <c r="PXA155" s="31"/>
      <c r="PXB155" s="31"/>
      <c r="PXC155" s="31"/>
      <c r="PXD155" s="31"/>
      <c r="PXE155" s="31"/>
      <c r="PXF155" s="31"/>
      <c r="PXG155" s="31"/>
      <c r="PXH155" s="31"/>
      <c r="PXI155" s="31"/>
      <c r="PXJ155" s="31"/>
      <c r="PXK155" s="31"/>
      <c r="PXL155" s="31"/>
      <c r="PXM155" s="31"/>
      <c r="PXN155" s="31"/>
      <c r="PXO155" s="31"/>
      <c r="PXP155" s="31"/>
      <c r="PXQ155" s="31"/>
      <c r="PXR155" s="31"/>
      <c r="PXS155" s="31"/>
      <c r="PXT155" s="31"/>
      <c r="PXU155" s="31"/>
      <c r="PXV155" s="31"/>
      <c r="PXW155" s="31"/>
      <c r="PXX155" s="31"/>
      <c r="PXY155" s="31"/>
      <c r="PXZ155" s="31"/>
      <c r="PYA155" s="31"/>
      <c r="PYB155" s="31"/>
      <c r="PYC155" s="31"/>
      <c r="PYD155" s="31"/>
      <c r="PYE155" s="31"/>
      <c r="PYF155" s="31"/>
      <c r="PYG155" s="31"/>
      <c r="PYH155" s="31"/>
      <c r="PYI155" s="31"/>
      <c r="PYJ155" s="31"/>
      <c r="PYK155" s="31"/>
      <c r="PYL155" s="31"/>
      <c r="PYM155" s="31"/>
      <c r="PYN155" s="31"/>
      <c r="PYO155" s="31"/>
      <c r="PYP155" s="31"/>
      <c r="PYQ155" s="31"/>
      <c r="PYR155" s="31"/>
      <c r="PYS155" s="31"/>
      <c r="PYT155" s="31"/>
      <c r="PYU155" s="31"/>
      <c r="PYV155" s="31"/>
      <c r="PYW155" s="31"/>
      <c r="PYX155" s="31"/>
      <c r="PYY155" s="31"/>
      <c r="PYZ155" s="31"/>
      <c r="PZA155" s="31"/>
      <c r="PZB155" s="31"/>
      <c r="PZC155" s="31"/>
      <c r="PZD155" s="31"/>
      <c r="PZE155" s="31"/>
      <c r="PZF155" s="31"/>
      <c r="PZG155" s="31"/>
      <c r="PZH155" s="31"/>
      <c r="PZI155" s="31"/>
      <c r="PZJ155" s="31"/>
      <c r="PZK155" s="31"/>
      <c r="PZL155" s="31"/>
      <c r="PZM155" s="31"/>
      <c r="PZN155" s="31"/>
      <c r="PZO155" s="31"/>
      <c r="PZP155" s="31"/>
      <c r="PZQ155" s="31"/>
      <c r="PZR155" s="31"/>
      <c r="PZS155" s="31"/>
      <c r="PZT155" s="31"/>
      <c r="PZU155" s="31"/>
      <c r="PZV155" s="31"/>
      <c r="PZW155" s="31"/>
      <c r="PZX155" s="31"/>
      <c r="PZY155" s="31"/>
      <c r="PZZ155" s="31"/>
      <c r="QAA155" s="31"/>
      <c r="QAB155" s="31"/>
      <c r="QAC155" s="31"/>
      <c r="QAD155" s="31"/>
      <c r="QAE155" s="31"/>
      <c r="QAF155" s="31"/>
      <c r="QAG155" s="31"/>
      <c r="QAH155" s="31"/>
      <c r="QAI155" s="31"/>
      <c r="QAJ155" s="31"/>
      <c r="QAK155" s="31"/>
      <c r="QAL155" s="31"/>
      <c r="QAM155" s="31"/>
      <c r="QAN155" s="31"/>
      <c r="QAO155" s="31"/>
      <c r="QAP155" s="31"/>
      <c r="QAQ155" s="31"/>
      <c r="QAR155" s="31"/>
      <c r="QAS155" s="31"/>
      <c r="QAT155" s="31"/>
      <c r="QAU155" s="31"/>
      <c r="QAV155" s="31"/>
      <c r="QAW155" s="31"/>
      <c r="QAX155" s="31"/>
      <c r="QAY155" s="31"/>
      <c r="QAZ155" s="31"/>
      <c r="QBA155" s="31"/>
      <c r="QBB155" s="31"/>
      <c r="QBC155" s="31"/>
      <c r="QBD155" s="31"/>
      <c r="QBE155" s="31"/>
      <c r="QBF155" s="31"/>
      <c r="QBG155" s="31"/>
      <c r="QBH155" s="31"/>
      <c r="QBI155" s="31"/>
      <c r="QBJ155" s="31"/>
      <c r="QBK155" s="31"/>
      <c r="QBL155" s="31"/>
      <c r="QBM155" s="31"/>
      <c r="QBN155" s="31"/>
      <c r="QBO155" s="31"/>
      <c r="QBP155" s="31"/>
      <c r="QBQ155" s="31"/>
      <c r="QBR155" s="31"/>
      <c r="QBS155" s="31"/>
      <c r="QBT155" s="31"/>
      <c r="QBU155" s="31"/>
      <c r="QBV155" s="31"/>
      <c r="QBW155" s="31"/>
      <c r="QBX155" s="31"/>
      <c r="QBY155" s="31"/>
      <c r="QBZ155" s="31"/>
      <c r="QCA155" s="31"/>
      <c r="QCB155" s="31"/>
      <c r="QCC155" s="31"/>
      <c r="QCD155" s="31"/>
      <c r="QCE155" s="31"/>
      <c r="QCF155" s="31"/>
      <c r="QCG155" s="31"/>
      <c r="QCH155" s="31"/>
      <c r="QCI155" s="31"/>
      <c r="QCJ155" s="31"/>
      <c r="QCK155" s="31"/>
      <c r="QCL155" s="31"/>
      <c r="QCM155" s="31"/>
      <c r="QCN155" s="31"/>
      <c r="QCO155" s="31"/>
      <c r="QCP155" s="31"/>
      <c r="QCQ155" s="31"/>
      <c r="QCR155" s="31"/>
      <c r="QCS155" s="31"/>
      <c r="QCT155" s="31"/>
      <c r="QCU155" s="31"/>
      <c r="QCV155" s="31"/>
      <c r="QCW155" s="31"/>
      <c r="QCX155" s="31"/>
      <c r="QCY155" s="31"/>
      <c r="QCZ155" s="31"/>
      <c r="QDA155" s="31"/>
      <c r="QDB155" s="31"/>
      <c r="QDC155" s="31"/>
      <c r="QDD155" s="31"/>
      <c r="QDE155" s="31"/>
      <c r="QDF155" s="31"/>
      <c r="QDG155" s="31"/>
      <c r="QDH155" s="31"/>
      <c r="QDI155" s="31"/>
      <c r="QDJ155" s="31"/>
      <c r="QDK155" s="31"/>
      <c r="QDL155" s="31"/>
      <c r="QDM155" s="31"/>
      <c r="QDN155" s="31"/>
      <c r="QDO155" s="31"/>
      <c r="QDP155" s="31"/>
      <c r="QDQ155" s="31"/>
      <c r="QDR155" s="31"/>
      <c r="QDS155" s="31"/>
      <c r="QDT155" s="31"/>
      <c r="QDU155" s="31"/>
      <c r="QDV155" s="31"/>
      <c r="QDW155" s="31"/>
      <c r="QDX155" s="31"/>
      <c r="QDY155" s="31"/>
      <c r="QDZ155" s="31"/>
      <c r="QEA155" s="31"/>
      <c r="QEB155" s="31"/>
      <c r="QEC155" s="31"/>
      <c r="QED155" s="31"/>
      <c r="QEE155" s="31"/>
      <c r="QEF155" s="31"/>
      <c r="QEG155" s="31"/>
      <c r="QEH155" s="31"/>
      <c r="QEI155" s="31"/>
      <c r="QEJ155" s="31"/>
      <c r="QEK155" s="31"/>
      <c r="QEL155" s="31"/>
      <c r="QEM155" s="31"/>
      <c r="QEN155" s="31"/>
      <c r="QEO155" s="31"/>
      <c r="QEP155" s="31"/>
      <c r="QEQ155" s="31"/>
      <c r="QER155" s="31"/>
      <c r="QES155" s="31"/>
      <c r="QET155" s="31"/>
      <c r="QEU155" s="31"/>
      <c r="QEV155" s="31"/>
      <c r="QEW155" s="31"/>
      <c r="QEX155" s="31"/>
      <c r="QEY155" s="31"/>
      <c r="QEZ155" s="31"/>
      <c r="QFA155" s="31"/>
      <c r="QFB155" s="31"/>
      <c r="QFC155" s="31"/>
      <c r="QFD155" s="31"/>
      <c r="QFE155" s="31"/>
      <c r="QFF155" s="31"/>
      <c r="QFG155" s="31"/>
      <c r="QFH155" s="31"/>
      <c r="QFI155" s="31"/>
      <c r="QFJ155" s="31"/>
      <c r="QFK155" s="31"/>
      <c r="QFL155" s="31"/>
      <c r="QFM155" s="31"/>
      <c r="QFN155" s="31"/>
      <c r="QFO155" s="31"/>
      <c r="QFP155" s="31"/>
      <c r="QFQ155" s="31"/>
      <c r="QFR155" s="31"/>
      <c r="QFS155" s="31"/>
      <c r="QFT155" s="31"/>
      <c r="QFU155" s="31"/>
      <c r="QFV155" s="31"/>
      <c r="QFW155" s="31"/>
      <c r="QFX155" s="31"/>
      <c r="QFY155" s="31"/>
      <c r="QFZ155" s="31"/>
      <c r="QGA155" s="31"/>
      <c r="QGB155" s="31"/>
      <c r="QGC155" s="31"/>
      <c r="QGD155" s="31"/>
      <c r="QGE155" s="31"/>
      <c r="QGF155" s="31"/>
      <c r="QGG155" s="31"/>
      <c r="QGH155" s="31"/>
      <c r="QGI155" s="31"/>
      <c r="QGJ155" s="31"/>
      <c r="QGK155" s="31"/>
      <c r="QGL155" s="31"/>
      <c r="QGM155" s="31"/>
      <c r="QGN155" s="31"/>
      <c r="QGO155" s="31"/>
      <c r="QGP155" s="31"/>
      <c r="QGQ155" s="31"/>
      <c r="QGR155" s="31"/>
      <c r="QGS155" s="31"/>
      <c r="QGT155" s="31"/>
      <c r="QGU155" s="31"/>
      <c r="QGV155" s="31"/>
      <c r="QGW155" s="31"/>
      <c r="QGX155" s="31"/>
      <c r="QGY155" s="31"/>
      <c r="QGZ155" s="31"/>
      <c r="QHA155" s="31"/>
      <c r="QHB155" s="31"/>
      <c r="QHC155" s="31"/>
      <c r="QHD155" s="31"/>
      <c r="QHE155" s="31"/>
      <c r="QHF155" s="31"/>
      <c r="QHG155" s="31"/>
      <c r="QHH155" s="31"/>
      <c r="QHI155" s="31"/>
      <c r="QHJ155" s="31"/>
      <c r="QHK155" s="31"/>
      <c r="QHL155" s="31"/>
      <c r="QHM155" s="31"/>
      <c r="QHN155" s="31"/>
      <c r="QHO155" s="31"/>
      <c r="QHP155" s="31"/>
      <c r="QHQ155" s="31"/>
      <c r="QHR155" s="31"/>
      <c r="QHS155" s="31"/>
      <c r="QHT155" s="31"/>
      <c r="QHU155" s="31"/>
      <c r="QHV155" s="31"/>
      <c r="QHW155" s="31"/>
      <c r="QHX155" s="31"/>
      <c r="QHY155" s="31"/>
      <c r="QHZ155" s="31"/>
      <c r="QIA155" s="31"/>
      <c r="QIB155" s="31"/>
      <c r="QIC155" s="31"/>
      <c r="QID155" s="31"/>
      <c r="QIE155" s="31"/>
      <c r="QIF155" s="31"/>
      <c r="QIG155" s="31"/>
      <c r="QIH155" s="31"/>
      <c r="QII155" s="31"/>
      <c r="QIJ155" s="31"/>
      <c r="QIK155" s="31"/>
      <c r="QIL155" s="31"/>
      <c r="QIM155" s="31"/>
      <c r="QIN155" s="31"/>
      <c r="QIO155" s="31"/>
      <c r="QIP155" s="31"/>
      <c r="QIQ155" s="31"/>
      <c r="QIR155" s="31"/>
      <c r="QIS155" s="31"/>
      <c r="QIT155" s="31"/>
      <c r="QIU155" s="31"/>
      <c r="QIV155" s="31"/>
      <c r="QIW155" s="31"/>
      <c r="QIX155" s="31"/>
      <c r="QIY155" s="31"/>
      <c r="QIZ155" s="31"/>
      <c r="QJA155" s="31"/>
      <c r="QJB155" s="31"/>
      <c r="QJC155" s="31"/>
      <c r="QJD155" s="31"/>
      <c r="QJE155" s="31"/>
      <c r="QJF155" s="31"/>
      <c r="QJG155" s="31"/>
      <c r="QJH155" s="31"/>
      <c r="QJI155" s="31"/>
      <c r="QJJ155" s="31"/>
      <c r="QJK155" s="31"/>
      <c r="QJL155" s="31"/>
      <c r="QJM155" s="31"/>
      <c r="QJN155" s="31"/>
      <c r="QJO155" s="31"/>
      <c r="QJP155" s="31"/>
      <c r="QJQ155" s="31"/>
      <c r="QJR155" s="31"/>
      <c r="QJS155" s="31"/>
      <c r="QJT155" s="31"/>
      <c r="QJU155" s="31"/>
      <c r="QJV155" s="31"/>
      <c r="QJW155" s="31"/>
      <c r="QJX155" s="31"/>
      <c r="QJY155" s="31"/>
      <c r="QJZ155" s="31"/>
      <c r="QKA155" s="31"/>
      <c r="QKB155" s="31"/>
      <c r="QKC155" s="31"/>
      <c r="QKD155" s="31"/>
      <c r="QKE155" s="31"/>
      <c r="QKF155" s="31"/>
      <c r="QKG155" s="31"/>
      <c r="QKH155" s="31"/>
      <c r="QKI155" s="31"/>
      <c r="QKJ155" s="31"/>
      <c r="QKK155" s="31"/>
      <c r="QKL155" s="31"/>
      <c r="QKM155" s="31"/>
      <c r="QKN155" s="31"/>
      <c r="QKO155" s="31"/>
      <c r="QKP155" s="31"/>
      <c r="QKQ155" s="31"/>
      <c r="QKR155" s="31"/>
      <c r="QKS155" s="31"/>
      <c r="QKT155" s="31"/>
      <c r="QKU155" s="31"/>
      <c r="QKV155" s="31"/>
      <c r="QKW155" s="31"/>
      <c r="QKX155" s="31"/>
      <c r="QKY155" s="31"/>
      <c r="QKZ155" s="31"/>
      <c r="QLA155" s="31"/>
      <c r="QLB155" s="31"/>
      <c r="QLC155" s="31"/>
      <c r="QLD155" s="31"/>
      <c r="QLE155" s="31"/>
      <c r="QLF155" s="31"/>
      <c r="QLG155" s="31"/>
      <c r="QLH155" s="31"/>
      <c r="QLI155" s="31"/>
      <c r="QLJ155" s="31"/>
      <c r="QLK155" s="31"/>
      <c r="QLL155" s="31"/>
      <c r="QLM155" s="31"/>
      <c r="QLN155" s="31"/>
      <c r="QLO155" s="31"/>
      <c r="QLP155" s="31"/>
      <c r="QLQ155" s="31"/>
      <c r="QLR155" s="31"/>
      <c r="QLS155" s="31"/>
      <c r="QLT155" s="31"/>
      <c r="QLU155" s="31"/>
      <c r="QLV155" s="31"/>
      <c r="QLW155" s="31"/>
      <c r="QLX155" s="31"/>
      <c r="QLY155" s="31"/>
      <c r="QLZ155" s="31"/>
      <c r="QMA155" s="31"/>
      <c r="QMB155" s="31"/>
      <c r="QMC155" s="31"/>
      <c r="QMD155" s="31"/>
      <c r="QME155" s="31"/>
      <c r="QMF155" s="31"/>
      <c r="QMG155" s="31"/>
      <c r="QMH155" s="31"/>
      <c r="QMI155" s="31"/>
      <c r="QMJ155" s="31"/>
      <c r="QMK155" s="31"/>
      <c r="QML155" s="31"/>
      <c r="QMM155" s="31"/>
      <c r="QMN155" s="31"/>
      <c r="QMO155" s="31"/>
      <c r="QMP155" s="31"/>
      <c r="QMQ155" s="31"/>
      <c r="QMR155" s="31"/>
      <c r="QMS155" s="31"/>
      <c r="QMT155" s="31"/>
      <c r="QMU155" s="31"/>
      <c r="QMV155" s="31"/>
      <c r="QMW155" s="31"/>
      <c r="QMX155" s="31"/>
      <c r="QMY155" s="31"/>
      <c r="QMZ155" s="31"/>
      <c r="QNA155" s="31"/>
      <c r="QNB155" s="31"/>
      <c r="QNC155" s="31"/>
      <c r="QND155" s="31"/>
      <c r="QNE155" s="31"/>
      <c r="QNF155" s="31"/>
      <c r="QNG155" s="31"/>
      <c r="QNH155" s="31"/>
      <c r="QNI155" s="31"/>
      <c r="QNJ155" s="31"/>
      <c r="QNK155" s="31"/>
      <c r="QNL155" s="31"/>
      <c r="QNM155" s="31"/>
      <c r="QNN155" s="31"/>
      <c r="QNO155" s="31"/>
      <c r="QNP155" s="31"/>
      <c r="QNQ155" s="31"/>
      <c r="QNR155" s="31"/>
      <c r="QNS155" s="31"/>
      <c r="QNT155" s="31"/>
      <c r="QNU155" s="31"/>
      <c r="QNV155" s="31"/>
      <c r="QNW155" s="31"/>
      <c r="QNX155" s="31"/>
      <c r="QNY155" s="31"/>
      <c r="QNZ155" s="31"/>
      <c r="QOA155" s="31"/>
      <c r="QOB155" s="31"/>
      <c r="QOC155" s="31"/>
      <c r="QOD155" s="31"/>
      <c r="QOE155" s="31"/>
      <c r="QOF155" s="31"/>
      <c r="QOG155" s="31"/>
      <c r="QOH155" s="31"/>
      <c r="QOI155" s="31"/>
      <c r="QOJ155" s="31"/>
      <c r="QOK155" s="31"/>
      <c r="QOL155" s="31"/>
      <c r="QOM155" s="31"/>
      <c r="QON155" s="31"/>
      <c r="QOO155" s="31"/>
      <c r="QOP155" s="31"/>
      <c r="QOQ155" s="31"/>
      <c r="QOR155" s="31"/>
      <c r="QOS155" s="31"/>
      <c r="QOT155" s="31"/>
      <c r="QOU155" s="31"/>
      <c r="QOV155" s="31"/>
      <c r="QOW155" s="31"/>
      <c r="QOX155" s="31"/>
      <c r="QOY155" s="31"/>
      <c r="QOZ155" s="31"/>
      <c r="QPA155" s="31"/>
      <c r="QPB155" s="31"/>
      <c r="QPC155" s="31"/>
      <c r="QPD155" s="31"/>
      <c r="QPE155" s="31"/>
      <c r="QPF155" s="31"/>
      <c r="QPG155" s="31"/>
      <c r="QPH155" s="31"/>
      <c r="QPI155" s="31"/>
      <c r="QPJ155" s="31"/>
      <c r="QPK155" s="31"/>
      <c r="QPL155" s="31"/>
      <c r="QPM155" s="31"/>
      <c r="QPN155" s="31"/>
      <c r="QPO155" s="31"/>
      <c r="QPP155" s="31"/>
      <c r="QPQ155" s="31"/>
      <c r="QPR155" s="31"/>
      <c r="QPS155" s="31"/>
      <c r="QPT155" s="31"/>
      <c r="QPU155" s="31"/>
      <c r="QPV155" s="31"/>
      <c r="QPW155" s="31"/>
      <c r="QPX155" s="31"/>
      <c r="QPY155" s="31"/>
      <c r="QPZ155" s="31"/>
      <c r="QQA155" s="31"/>
      <c r="QQB155" s="31"/>
      <c r="QQC155" s="31"/>
      <c r="QQD155" s="31"/>
      <c r="QQE155" s="31"/>
      <c r="QQF155" s="31"/>
      <c r="QQG155" s="31"/>
      <c r="QQH155" s="31"/>
      <c r="QQI155" s="31"/>
      <c r="QQJ155" s="31"/>
      <c r="QQK155" s="31"/>
      <c r="QQL155" s="31"/>
      <c r="QQM155" s="31"/>
      <c r="QQN155" s="31"/>
      <c r="QQO155" s="31"/>
      <c r="QQP155" s="31"/>
      <c r="QQQ155" s="31"/>
      <c r="QQR155" s="31"/>
      <c r="QQS155" s="31"/>
      <c r="QQT155" s="31"/>
      <c r="QQU155" s="31"/>
      <c r="QQV155" s="31"/>
      <c r="QQW155" s="31"/>
      <c r="QQX155" s="31"/>
      <c r="QQY155" s="31"/>
      <c r="QQZ155" s="31"/>
      <c r="QRA155" s="31"/>
      <c r="QRB155" s="31"/>
      <c r="QRC155" s="31"/>
      <c r="QRD155" s="31"/>
      <c r="QRE155" s="31"/>
      <c r="QRF155" s="31"/>
      <c r="QRG155" s="31"/>
      <c r="QRH155" s="31"/>
      <c r="QRI155" s="31"/>
      <c r="QRJ155" s="31"/>
      <c r="QRK155" s="31"/>
      <c r="QRL155" s="31"/>
      <c r="QRM155" s="31"/>
      <c r="QRN155" s="31"/>
      <c r="QRO155" s="31"/>
      <c r="QRP155" s="31"/>
      <c r="QRQ155" s="31"/>
      <c r="QRR155" s="31"/>
      <c r="QRS155" s="31"/>
      <c r="QRT155" s="31"/>
      <c r="QRU155" s="31"/>
      <c r="QRV155" s="31"/>
      <c r="QRW155" s="31"/>
      <c r="QRX155" s="31"/>
      <c r="QRY155" s="31"/>
      <c r="QRZ155" s="31"/>
      <c r="QSA155" s="31"/>
      <c r="QSB155" s="31"/>
      <c r="QSC155" s="31"/>
      <c r="QSD155" s="31"/>
      <c r="QSE155" s="31"/>
      <c r="QSF155" s="31"/>
      <c r="QSG155" s="31"/>
      <c r="QSH155" s="31"/>
      <c r="QSI155" s="31"/>
      <c r="QSJ155" s="31"/>
      <c r="QSK155" s="31"/>
      <c r="QSL155" s="31"/>
      <c r="QSM155" s="31"/>
      <c r="QSN155" s="31"/>
      <c r="QSO155" s="31"/>
      <c r="QSP155" s="31"/>
      <c r="QSQ155" s="31"/>
      <c r="QSR155" s="31"/>
      <c r="QSS155" s="31"/>
      <c r="QST155" s="31"/>
      <c r="QSU155" s="31"/>
      <c r="QSV155" s="31"/>
      <c r="QSW155" s="31"/>
      <c r="QSX155" s="31"/>
      <c r="QSY155" s="31"/>
      <c r="QSZ155" s="31"/>
      <c r="QTA155" s="31"/>
      <c r="QTB155" s="31"/>
      <c r="QTC155" s="31"/>
      <c r="QTD155" s="31"/>
      <c r="QTE155" s="31"/>
      <c r="QTF155" s="31"/>
      <c r="QTG155" s="31"/>
      <c r="QTH155" s="31"/>
      <c r="QTI155" s="31"/>
      <c r="QTJ155" s="31"/>
      <c r="QTK155" s="31"/>
      <c r="QTL155" s="31"/>
      <c r="QTM155" s="31"/>
      <c r="QTN155" s="31"/>
      <c r="QTO155" s="31"/>
      <c r="QTP155" s="31"/>
      <c r="QTQ155" s="31"/>
      <c r="QTR155" s="31"/>
      <c r="QTS155" s="31"/>
      <c r="QTT155" s="31"/>
      <c r="QTU155" s="31"/>
      <c r="QTV155" s="31"/>
      <c r="QTW155" s="31"/>
      <c r="QTX155" s="31"/>
      <c r="QTY155" s="31"/>
      <c r="QTZ155" s="31"/>
      <c r="QUA155" s="31"/>
      <c r="QUB155" s="31"/>
      <c r="QUC155" s="31"/>
      <c r="QUD155" s="31"/>
      <c r="QUE155" s="31"/>
      <c r="QUF155" s="31"/>
      <c r="QUG155" s="31"/>
      <c r="QUH155" s="31"/>
      <c r="QUI155" s="31"/>
      <c r="QUJ155" s="31"/>
      <c r="QUK155" s="31"/>
      <c r="QUL155" s="31"/>
      <c r="QUM155" s="31"/>
      <c r="QUN155" s="31"/>
      <c r="QUO155" s="31"/>
      <c r="QUP155" s="31"/>
      <c r="QUQ155" s="31"/>
      <c r="QUR155" s="31"/>
      <c r="QUS155" s="31"/>
      <c r="QUT155" s="31"/>
      <c r="QUU155" s="31"/>
      <c r="QUV155" s="31"/>
      <c r="QUW155" s="31"/>
      <c r="QUX155" s="31"/>
      <c r="QUY155" s="31"/>
      <c r="QUZ155" s="31"/>
      <c r="QVA155" s="31"/>
      <c r="QVB155" s="31"/>
      <c r="QVC155" s="31"/>
      <c r="QVD155" s="31"/>
      <c r="QVE155" s="31"/>
      <c r="QVF155" s="31"/>
      <c r="QVG155" s="31"/>
      <c r="QVH155" s="31"/>
      <c r="QVI155" s="31"/>
      <c r="QVJ155" s="31"/>
      <c r="QVK155" s="31"/>
      <c r="QVL155" s="31"/>
      <c r="QVM155" s="31"/>
      <c r="QVN155" s="31"/>
      <c r="QVO155" s="31"/>
      <c r="QVP155" s="31"/>
      <c r="QVQ155" s="31"/>
      <c r="QVR155" s="31"/>
      <c r="QVS155" s="31"/>
      <c r="QVT155" s="31"/>
      <c r="QVU155" s="31"/>
      <c r="QVV155" s="31"/>
      <c r="QVW155" s="31"/>
      <c r="QVX155" s="31"/>
      <c r="QVY155" s="31"/>
      <c r="QVZ155" s="31"/>
      <c r="QWA155" s="31"/>
      <c r="QWB155" s="31"/>
      <c r="QWC155" s="31"/>
      <c r="QWD155" s="31"/>
      <c r="QWE155" s="31"/>
      <c r="QWF155" s="31"/>
      <c r="QWG155" s="31"/>
      <c r="QWH155" s="31"/>
      <c r="QWI155" s="31"/>
      <c r="QWJ155" s="31"/>
      <c r="QWK155" s="31"/>
      <c r="QWL155" s="31"/>
      <c r="QWM155" s="31"/>
      <c r="QWN155" s="31"/>
      <c r="QWO155" s="31"/>
      <c r="QWP155" s="31"/>
      <c r="QWQ155" s="31"/>
      <c r="QWR155" s="31"/>
      <c r="QWS155" s="31"/>
      <c r="QWT155" s="31"/>
      <c r="QWU155" s="31"/>
      <c r="QWV155" s="31"/>
      <c r="QWW155" s="31"/>
      <c r="QWX155" s="31"/>
      <c r="QWY155" s="31"/>
      <c r="QWZ155" s="31"/>
      <c r="QXA155" s="31"/>
      <c r="QXB155" s="31"/>
      <c r="QXC155" s="31"/>
      <c r="QXD155" s="31"/>
      <c r="QXE155" s="31"/>
      <c r="QXF155" s="31"/>
      <c r="QXG155" s="31"/>
      <c r="QXH155" s="31"/>
      <c r="QXI155" s="31"/>
      <c r="QXJ155" s="31"/>
      <c r="QXK155" s="31"/>
      <c r="QXL155" s="31"/>
      <c r="QXM155" s="31"/>
      <c r="QXN155" s="31"/>
      <c r="QXO155" s="31"/>
      <c r="QXP155" s="31"/>
      <c r="QXQ155" s="31"/>
      <c r="QXR155" s="31"/>
      <c r="QXS155" s="31"/>
      <c r="QXT155" s="31"/>
      <c r="QXU155" s="31"/>
      <c r="QXV155" s="31"/>
      <c r="QXW155" s="31"/>
      <c r="QXX155" s="31"/>
      <c r="QXY155" s="31"/>
      <c r="QXZ155" s="31"/>
      <c r="QYA155" s="31"/>
      <c r="QYB155" s="31"/>
      <c r="QYC155" s="31"/>
      <c r="QYD155" s="31"/>
      <c r="QYE155" s="31"/>
      <c r="QYF155" s="31"/>
      <c r="QYG155" s="31"/>
      <c r="QYH155" s="31"/>
      <c r="QYI155" s="31"/>
      <c r="QYJ155" s="31"/>
      <c r="QYK155" s="31"/>
      <c r="QYL155" s="31"/>
      <c r="QYM155" s="31"/>
      <c r="QYN155" s="31"/>
      <c r="QYO155" s="31"/>
      <c r="QYP155" s="31"/>
      <c r="QYQ155" s="31"/>
      <c r="QYR155" s="31"/>
      <c r="QYS155" s="31"/>
      <c r="QYT155" s="31"/>
      <c r="QYU155" s="31"/>
      <c r="QYV155" s="31"/>
      <c r="QYW155" s="31"/>
      <c r="QYX155" s="31"/>
      <c r="QYY155" s="31"/>
      <c r="QYZ155" s="31"/>
      <c r="QZA155" s="31"/>
      <c r="QZB155" s="31"/>
      <c r="QZC155" s="31"/>
      <c r="QZD155" s="31"/>
      <c r="QZE155" s="31"/>
      <c r="QZF155" s="31"/>
      <c r="QZG155" s="31"/>
      <c r="QZH155" s="31"/>
      <c r="QZI155" s="31"/>
      <c r="QZJ155" s="31"/>
      <c r="QZK155" s="31"/>
      <c r="QZL155" s="31"/>
      <c r="QZM155" s="31"/>
      <c r="QZN155" s="31"/>
      <c r="QZO155" s="31"/>
      <c r="QZP155" s="31"/>
      <c r="QZQ155" s="31"/>
      <c r="QZR155" s="31"/>
      <c r="QZS155" s="31"/>
      <c r="QZT155" s="31"/>
      <c r="QZU155" s="31"/>
      <c r="QZV155" s="31"/>
      <c r="QZW155" s="31"/>
      <c r="QZX155" s="31"/>
      <c r="QZY155" s="31"/>
      <c r="QZZ155" s="31"/>
      <c r="RAA155" s="31"/>
      <c r="RAB155" s="31"/>
      <c r="RAC155" s="31"/>
      <c r="RAD155" s="31"/>
      <c r="RAE155" s="31"/>
      <c r="RAF155" s="31"/>
      <c r="RAG155" s="31"/>
      <c r="RAH155" s="31"/>
      <c r="RAI155" s="31"/>
      <c r="RAJ155" s="31"/>
      <c r="RAK155" s="31"/>
      <c r="RAL155" s="31"/>
      <c r="RAM155" s="31"/>
      <c r="RAN155" s="31"/>
      <c r="RAO155" s="31"/>
      <c r="RAP155" s="31"/>
      <c r="RAQ155" s="31"/>
      <c r="RAR155" s="31"/>
      <c r="RAS155" s="31"/>
      <c r="RAT155" s="31"/>
      <c r="RAU155" s="31"/>
      <c r="RAV155" s="31"/>
      <c r="RAW155" s="31"/>
      <c r="RAX155" s="31"/>
      <c r="RAY155" s="31"/>
      <c r="RAZ155" s="31"/>
      <c r="RBA155" s="31"/>
      <c r="RBB155" s="31"/>
      <c r="RBC155" s="31"/>
      <c r="RBD155" s="31"/>
      <c r="RBE155" s="31"/>
      <c r="RBF155" s="31"/>
      <c r="RBG155" s="31"/>
      <c r="RBH155" s="31"/>
      <c r="RBI155" s="31"/>
      <c r="RBJ155" s="31"/>
      <c r="RBK155" s="31"/>
      <c r="RBL155" s="31"/>
      <c r="RBM155" s="31"/>
      <c r="RBN155" s="31"/>
      <c r="RBO155" s="31"/>
      <c r="RBP155" s="31"/>
      <c r="RBQ155" s="31"/>
      <c r="RBR155" s="31"/>
      <c r="RBS155" s="31"/>
      <c r="RBT155" s="31"/>
      <c r="RBU155" s="31"/>
      <c r="RBV155" s="31"/>
      <c r="RBW155" s="31"/>
      <c r="RBX155" s="31"/>
      <c r="RBY155" s="31"/>
      <c r="RBZ155" s="31"/>
      <c r="RCA155" s="31"/>
      <c r="RCB155" s="31"/>
      <c r="RCC155" s="31"/>
      <c r="RCD155" s="31"/>
      <c r="RCE155" s="31"/>
      <c r="RCF155" s="31"/>
      <c r="RCG155" s="31"/>
      <c r="RCH155" s="31"/>
      <c r="RCI155" s="31"/>
      <c r="RCJ155" s="31"/>
      <c r="RCK155" s="31"/>
      <c r="RCL155" s="31"/>
      <c r="RCM155" s="31"/>
      <c r="RCN155" s="31"/>
      <c r="RCO155" s="31"/>
      <c r="RCP155" s="31"/>
      <c r="RCQ155" s="31"/>
      <c r="RCR155" s="31"/>
      <c r="RCS155" s="31"/>
      <c r="RCT155" s="31"/>
      <c r="RCU155" s="31"/>
      <c r="RCV155" s="31"/>
      <c r="RCW155" s="31"/>
      <c r="RCX155" s="31"/>
      <c r="RCY155" s="31"/>
      <c r="RCZ155" s="31"/>
      <c r="RDA155" s="31"/>
      <c r="RDB155" s="31"/>
      <c r="RDC155" s="31"/>
      <c r="RDD155" s="31"/>
      <c r="RDE155" s="31"/>
      <c r="RDF155" s="31"/>
      <c r="RDG155" s="31"/>
      <c r="RDH155" s="31"/>
      <c r="RDI155" s="31"/>
      <c r="RDJ155" s="31"/>
      <c r="RDK155" s="31"/>
      <c r="RDL155" s="31"/>
      <c r="RDM155" s="31"/>
      <c r="RDN155" s="31"/>
      <c r="RDO155" s="31"/>
      <c r="RDP155" s="31"/>
      <c r="RDQ155" s="31"/>
      <c r="RDR155" s="31"/>
      <c r="RDS155" s="31"/>
      <c r="RDT155" s="31"/>
      <c r="RDU155" s="31"/>
      <c r="RDV155" s="31"/>
      <c r="RDW155" s="31"/>
      <c r="RDX155" s="31"/>
      <c r="RDY155" s="31"/>
      <c r="RDZ155" s="31"/>
      <c r="REA155" s="31"/>
      <c r="REB155" s="31"/>
      <c r="REC155" s="31"/>
      <c r="RED155" s="31"/>
      <c r="REE155" s="31"/>
      <c r="REF155" s="31"/>
      <c r="REG155" s="31"/>
      <c r="REH155" s="31"/>
      <c r="REI155" s="31"/>
      <c r="REJ155" s="31"/>
      <c r="REK155" s="31"/>
      <c r="REL155" s="31"/>
      <c r="REM155" s="31"/>
      <c r="REN155" s="31"/>
      <c r="REO155" s="31"/>
      <c r="REP155" s="31"/>
      <c r="REQ155" s="31"/>
      <c r="RER155" s="31"/>
      <c r="RES155" s="31"/>
      <c r="RET155" s="31"/>
      <c r="REU155" s="31"/>
      <c r="REV155" s="31"/>
      <c r="REW155" s="31"/>
      <c r="REX155" s="31"/>
      <c r="REY155" s="31"/>
      <c r="REZ155" s="31"/>
      <c r="RFA155" s="31"/>
      <c r="RFB155" s="31"/>
      <c r="RFC155" s="31"/>
      <c r="RFD155" s="31"/>
      <c r="RFE155" s="31"/>
      <c r="RFF155" s="31"/>
      <c r="RFG155" s="31"/>
      <c r="RFH155" s="31"/>
      <c r="RFI155" s="31"/>
      <c r="RFJ155" s="31"/>
      <c r="RFK155" s="31"/>
      <c r="RFL155" s="31"/>
      <c r="RFM155" s="31"/>
      <c r="RFN155" s="31"/>
      <c r="RFO155" s="31"/>
      <c r="RFP155" s="31"/>
      <c r="RFQ155" s="31"/>
      <c r="RFR155" s="31"/>
      <c r="RFS155" s="31"/>
      <c r="RFT155" s="31"/>
      <c r="RFU155" s="31"/>
      <c r="RFV155" s="31"/>
      <c r="RFW155" s="31"/>
      <c r="RFX155" s="31"/>
      <c r="RFY155" s="31"/>
      <c r="RFZ155" s="31"/>
      <c r="RGA155" s="31"/>
      <c r="RGB155" s="31"/>
      <c r="RGC155" s="31"/>
      <c r="RGD155" s="31"/>
      <c r="RGE155" s="31"/>
      <c r="RGF155" s="31"/>
      <c r="RGG155" s="31"/>
      <c r="RGH155" s="31"/>
      <c r="RGI155" s="31"/>
      <c r="RGJ155" s="31"/>
      <c r="RGK155" s="31"/>
      <c r="RGL155" s="31"/>
      <c r="RGM155" s="31"/>
      <c r="RGN155" s="31"/>
      <c r="RGO155" s="31"/>
      <c r="RGP155" s="31"/>
      <c r="RGQ155" s="31"/>
      <c r="RGR155" s="31"/>
      <c r="RGS155" s="31"/>
      <c r="RGT155" s="31"/>
      <c r="RGU155" s="31"/>
      <c r="RGV155" s="31"/>
      <c r="RGW155" s="31"/>
      <c r="RGX155" s="31"/>
      <c r="RGY155" s="31"/>
      <c r="RGZ155" s="31"/>
      <c r="RHA155" s="31"/>
      <c r="RHB155" s="31"/>
      <c r="RHC155" s="31"/>
      <c r="RHD155" s="31"/>
      <c r="RHE155" s="31"/>
      <c r="RHF155" s="31"/>
      <c r="RHG155" s="31"/>
      <c r="RHH155" s="31"/>
      <c r="RHI155" s="31"/>
      <c r="RHJ155" s="31"/>
      <c r="RHK155" s="31"/>
      <c r="RHL155" s="31"/>
      <c r="RHM155" s="31"/>
      <c r="RHN155" s="31"/>
      <c r="RHO155" s="31"/>
      <c r="RHP155" s="31"/>
      <c r="RHQ155" s="31"/>
      <c r="RHR155" s="31"/>
      <c r="RHS155" s="31"/>
      <c r="RHT155" s="31"/>
      <c r="RHU155" s="31"/>
      <c r="RHV155" s="31"/>
      <c r="RHW155" s="31"/>
      <c r="RHX155" s="31"/>
      <c r="RHY155" s="31"/>
      <c r="RHZ155" s="31"/>
      <c r="RIA155" s="31"/>
      <c r="RIB155" s="31"/>
      <c r="RIC155" s="31"/>
      <c r="RID155" s="31"/>
      <c r="RIE155" s="31"/>
      <c r="RIF155" s="31"/>
      <c r="RIG155" s="31"/>
      <c r="RIH155" s="31"/>
      <c r="RII155" s="31"/>
      <c r="RIJ155" s="31"/>
      <c r="RIK155" s="31"/>
      <c r="RIL155" s="31"/>
      <c r="RIM155" s="31"/>
      <c r="RIN155" s="31"/>
      <c r="RIO155" s="31"/>
      <c r="RIP155" s="31"/>
      <c r="RIQ155" s="31"/>
      <c r="RIR155" s="31"/>
      <c r="RIS155" s="31"/>
      <c r="RIT155" s="31"/>
      <c r="RIU155" s="31"/>
      <c r="RIV155" s="31"/>
      <c r="RIW155" s="31"/>
      <c r="RIX155" s="31"/>
      <c r="RIY155" s="31"/>
      <c r="RIZ155" s="31"/>
      <c r="RJA155" s="31"/>
      <c r="RJB155" s="31"/>
      <c r="RJC155" s="31"/>
      <c r="RJD155" s="31"/>
      <c r="RJE155" s="31"/>
      <c r="RJF155" s="31"/>
      <c r="RJG155" s="31"/>
      <c r="RJH155" s="31"/>
      <c r="RJI155" s="31"/>
      <c r="RJJ155" s="31"/>
      <c r="RJK155" s="31"/>
      <c r="RJL155" s="31"/>
      <c r="RJM155" s="31"/>
      <c r="RJN155" s="31"/>
      <c r="RJO155" s="31"/>
      <c r="RJP155" s="31"/>
      <c r="RJQ155" s="31"/>
      <c r="RJR155" s="31"/>
      <c r="RJS155" s="31"/>
      <c r="RJT155" s="31"/>
      <c r="RJU155" s="31"/>
      <c r="RJV155" s="31"/>
      <c r="RJW155" s="31"/>
      <c r="RJX155" s="31"/>
      <c r="RJY155" s="31"/>
      <c r="RJZ155" s="31"/>
      <c r="RKA155" s="31"/>
      <c r="RKB155" s="31"/>
      <c r="RKC155" s="31"/>
      <c r="RKD155" s="31"/>
      <c r="RKE155" s="31"/>
      <c r="RKF155" s="31"/>
      <c r="RKG155" s="31"/>
      <c r="RKH155" s="31"/>
      <c r="RKI155" s="31"/>
      <c r="RKJ155" s="31"/>
      <c r="RKK155" s="31"/>
      <c r="RKL155" s="31"/>
      <c r="RKM155" s="31"/>
      <c r="RKN155" s="31"/>
      <c r="RKO155" s="31"/>
      <c r="RKP155" s="31"/>
      <c r="RKQ155" s="31"/>
      <c r="RKR155" s="31"/>
      <c r="RKS155" s="31"/>
      <c r="RKT155" s="31"/>
      <c r="RKU155" s="31"/>
      <c r="RKV155" s="31"/>
      <c r="RKW155" s="31"/>
      <c r="RKX155" s="31"/>
      <c r="RKY155" s="31"/>
      <c r="RKZ155" s="31"/>
      <c r="RLA155" s="31"/>
      <c r="RLB155" s="31"/>
      <c r="RLC155" s="31"/>
      <c r="RLD155" s="31"/>
      <c r="RLE155" s="31"/>
      <c r="RLF155" s="31"/>
      <c r="RLG155" s="31"/>
      <c r="RLH155" s="31"/>
      <c r="RLI155" s="31"/>
      <c r="RLJ155" s="31"/>
      <c r="RLK155" s="31"/>
      <c r="RLL155" s="31"/>
      <c r="RLM155" s="31"/>
      <c r="RLN155" s="31"/>
      <c r="RLO155" s="31"/>
      <c r="RLP155" s="31"/>
      <c r="RLQ155" s="31"/>
      <c r="RLR155" s="31"/>
      <c r="RLS155" s="31"/>
      <c r="RLT155" s="31"/>
      <c r="RLU155" s="31"/>
      <c r="RLV155" s="31"/>
      <c r="RLW155" s="31"/>
      <c r="RLX155" s="31"/>
      <c r="RLY155" s="31"/>
      <c r="RLZ155" s="31"/>
      <c r="RMA155" s="31"/>
      <c r="RMB155" s="31"/>
      <c r="RMC155" s="31"/>
      <c r="RMD155" s="31"/>
      <c r="RME155" s="31"/>
      <c r="RMF155" s="31"/>
      <c r="RMG155" s="31"/>
      <c r="RMH155" s="31"/>
      <c r="RMI155" s="31"/>
      <c r="RMJ155" s="31"/>
      <c r="RMK155" s="31"/>
      <c r="RML155" s="31"/>
      <c r="RMM155" s="31"/>
      <c r="RMN155" s="31"/>
      <c r="RMO155" s="31"/>
      <c r="RMP155" s="31"/>
      <c r="RMQ155" s="31"/>
      <c r="RMR155" s="31"/>
      <c r="RMS155" s="31"/>
      <c r="RMT155" s="31"/>
      <c r="RMU155" s="31"/>
      <c r="RMV155" s="31"/>
      <c r="RMW155" s="31"/>
      <c r="RMX155" s="31"/>
      <c r="RMY155" s="31"/>
      <c r="RMZ155" s="31"/>
      <c r="RNA155" s="31"/>
      <c r="RNB155" s="31"/>
      <c r="RNC155" s="31"/>
      <c r="RND155" s="31"/>
      <c r="RNE155" s="31"/>
      <c r="RNF155" s="31"/>
      <c r="RNG155" s="31"/>
      <c r="RNH155" s="31"/>
      <c r="RNI155" s="31"/>
      <c r="RNJ155" s="31"/>
      <c r="RNK155" s="31"/>
      <c r="RNL155" s="31"/>
      <c r="RNM155" s="31"/>
      <c r="RNN155" s="31"/>
      <c r="RNO155" s="31"/>
      <c r="RNP155" s="31"/>
      <c r="RNQ155" s="31"/>
      <c r="RNR155" s="31"/>
      <c r="RNS155" s="31"/>
      <c r="RNT155" s="31"/>
      <c r="RNU155" s="31"/>
      <c r="RNV155" s="31"/>
      <c r="RNW155" s="31"/>
      <c r="RNX155" s="31"/>
      <c r="RNY155" s="31"/>
      <c r="RNZ155" s="31"/>
      <c r="ROA155" s="31"/>
      <c r="ROB155" s="31"/>
      <c r="ROC155" s="31"/>
      <c r="ROD155" s="31"/>
      <c r="ROE155" s="31"/>
      <c r="ROF155" s="31"/>
      <c r="ROG155" s="31"/>
      <c r="ROH155" s="31"/>
      <c r="ROI155" s="31"/>
      <c r="ROJ155" s="31"/>
      <c r="ROK155" s="31"/>
      <c r="ROL155" s="31"/>
      <c r="ROM155" s="31"/>
      <c r="RON155" s="31"/>
      <c r="ROO155" s="31"/>
      <c r="ROP155" s="31"/>
      <c r="ROQ155" s="31"/>
      <c r="ROR155" s="31"/>
      <c r="ROS155" s="31"/>
      <c r="ROT155" s="31"/>
      <c r="ROU155" s="31"/>
      <c r="ROV155" s="31"/>
      <c r="ROW155" s="31"/>
      <c r="ROX155" s="31"/>
      <c r="ROY155" s="31"/>
      <c r="ROZ155" s="31"/>
      <c r="RPA155" s="31"/>
      <c r="RPB155" s="31"/>
      <c r="RPC155" s="31"/>
      <c r="RPD155" s="31"/>
      <c r="RPE155" s="31"/>
      <c r="RPF155" s="31"/>
      <c r="RPG155" s="31"/>
      <c r="RPH155" s="31"/>
      <c r="RPI155" s="31"/>
      <c r="RPJ155" s="31"/>
      <c r="RPK155" s="31"/>
      <c r="RPL155" s="31"/>
      <c r="RPM155" s="31"/>
      <c r="RPN155" s="31"/>
      <c r="RPO155" s="31"/>
      <c r="RPP155" s="31"/>
      <c r="RPQ155" s="31"/>
      <c r="RPR155" s="31"/>
      <c r="RPS155" s="31"/>
      <c r="RPT155" s="31"/>
      <c r="RPU155" s="31"/>
      <c r="RPV155" s="31"/>
      <c r="RPW155" s="31"/>
      <c r="RPX155" s="31"/>
      <c r="RPY155" s="31"/>
      <c r="RPZ155" s="31"/>
      <c r="RQA155" s="31"/>
      <c r="RQB155" s="31"/>
      <c r="RQC155" s="31"/>
      <c r="RQD155" s="31"/>
      <c r="RQE155" s="31"/>
      <c r="RQF155" s="31"/>
      <c r="RQG155" s="31"/>
      <c r="RQH155" s="31"/>
      <c r="RQI155" s="31"/>
      <c r="RQJ155" s="31"/>
      <c r="RQK155" s="31"/>
      <c r="RQL155" s="31"/>
      <c r="RQM155" s="31"/>
      <c r="RQN155" s="31"/>
      <c r="RQO155" s="31"/>
      <c r="RQP155" s="31"/>
      <c r="RQQ155" s="31"/>
      <c r="RQR155" s="31"/>
      <c r="RQS155" s="31"/>
      <c r="RQT155" s="31"/>
      <c r="RQU155" s="31"/>
      <c r="RQV155" s="31"/>
      <c r="RQW155" s="31"/>
      <c r="RQX155" s="31"/>
      <c r="RQY155" s="31"/>
      <c r="RQZ155" s="31"/>
      <c r="RRA155" s="31"/>
      <c r="RRB155" s="31"/>
      <c r="RRC155" s="31"/>
      <c r="RRD155" s="31"/>
      <c r="RRE155" s="31"/>
      <c r="RRF155" s="31"/>
      <c r="RRG155" s="31"/>
      <c r="RRH155" s="31"/>
      <c r="RRI155" s="31"/>
      <c r="RRJ155" s="31"/>
      <c r="RRK155" s="31"/>
      <c r="RRL155" s="31"/>
      <c r="RRM155" s="31"/>
      <c r="RRN155" s="31"/>
      <c r="RRO155" s="31"/>
      <c r="RRP155" s="31"/>
      <c r="RRQ155" s="31"/>
      <c r="RRR155" s="31"/>
      <c r="RRS155" s="31"/>
      <c r="RRT155" s="31"/>
      <c r="RRU155" s="31"/>
      <c r="RRV155" s="31"/>
      <c r="RRW155" s="31"/>
      <c r="RRX155" s="31"/>
      <c r="RRY155" s="31"/>
      <c r="RRZ155" s="31"/>
      <c r="RSA155" s="31"/>
      <c r="RSB155" s="31"/>
      <c r="RSC155" s="31"/>
      <c r="RSD155" s="31"/>
      <c r="RSE155" s="31"/>
      <c r="RSF155" s="31"/>
      <c r="RSG155" s="31"/>
      <c r="RSH155" s="31"/>
      <c r="RSI155" s="31"/>
      <c r="RSJ155" s="31"/>
      <c r="RSK155" s="31"/>
      <c r="RSL155" s="31"/>
      <c r="RSM155" s="31"/>
      <c r="RSN155" s="31"/>
      <c r="RSO155" s="31"/>
      <c r="RSP155" s="31"/>
      <c r="RSQ155" s="31"/>
      <c r="RSR155" s="31"/>
      <c r="RSS155" s="31"/>
      <c r="RST155" s="31"/>
      <c r="RSU155" s="31"/>
      <c r="RSV155" s="31"/>
      <c r="RSW155" s="31"/>
      <c r="RSX155" s="31"/>
      <c r="RSY155" s="31"/>
      <c r="RSZ155" s="31"/>
      <c r="RTA155" s="31"/>
      <c r="RTB155" s="31"/>
      <c r="RTC155" s="31"/>
      <c r="RTD155" s="31"/>
      <c r="RTE155" s="31"/>
      <c r="RTF155" s="31"/>
      <c r="RTG155" s="31"/>
      <c r="RTH155" s="31"/>
      <c r="RTI155" s="31"/>
      <c r="RTJ155" s="31"/>
      <c r="RTK155" s="31"/>
      <c r="RTL155" s="31"/>
      <c r="RTM155" s="31"/>
      <c r="RTN155" s="31"/>
      <c r="RTO155" s="31"/>
      <c r="RTP155" s="31"/>
      <c r="RTQ155" s="31"/>
      <c r="RTR155" s="31"/>
      <c r="RTS155" s="31"/>
      <c r="RTT155" s="31"/>
      <c r="RTU155" s="31"/>
      <c r="RTV155" s="31"/>
      <c r="RTW155" s="31"/>
      <c r="RTX155" s="31"/>
      <c r="RTY155" s="31"/>
      <c r="RTZ155" s="31"/>
      <c r="RUA155" s="31"/>
      <c r="RUB155" s="31"/>
      <c r="RUC155" s="31"/>
      <c r="RUD155" s="31"/>
      <c r="RUE155" s="31"/>
      <c r="RUF155" s="31"/>
      <c r="RUG155" s="31"/>
      <c r="RUH155" s="31"/>
      <c r="RUI155" s="31"/>
      <c r="RUJ155" s="31"/>
      <c r="RUK155" s="31"/>
      <c r="RUL155" s="31"/>
      <c r="RUM155" s="31"/>
      <c r="RUN155" s="31"/>
      <c r="RUO155" s="31"/>
      <c r="RUP155" s="31"/>
      <c r="RUQ155" s="31"/>
      <c r="RUR155" s="31"/>
      <c r="RUS155" s="31"/>
      <c r="RUT155" s="31"/>
      <c r="RUU155" s="31"/>
      <c r="RUV155" s="31"/>
      <c r="RUW155" s="31"/>
      <c r="RUX155" s="31"/>
      <c r="RUY155" s="31"/>
      <c r="RUZ155" s="31"/>
      <c r="RVA155" s="31"/>
      <c r="RVB155" s="31"/>
      <c r="RVC155" s="31"/>
      <c r="RVD155" s="31"/>
      <c r="RVE155" s="31"/>
      <c r="RVF155" s="31"/>
      <c r="RVG155" s="31"/>
      <c r="RVH155" s="31"/>
      <c r="RVI155" s="31"/>
      <c r="RVJ155" s="31"/>
      <c r="RVK155" s="31"/>
      <c r="RVL155" s="31"/>
      <c r="RVM155" s="31"/>
      <c r="RVN155" s="31"/>
      <c r="RVO155" s="31"/>
      <c r="RVP155" s="31"/>
      <c r="RVQ155" s="31"/>
      <c r="RVR155" s="31"/>
      <c r="RVS155" s="31"/>
      <c r="RVT155" s="31"/>
      <c r="RVU155" s="31"/>
      <c r="RVV155" s="31"/>
      <c r="RVW155" s="31"/>
      <c r="RVX155" s="31"/>
      <c r="RVY155" s="31"/>
      <c r="RVZ155" s="31"/>
      <c r="RWA155" s="31"/>
      <c r="RWB155" s="31"/>
      <c r="RWC155" s="31"/>
      <c r="RWD155" s="31"/>
      <c r="RWE155" s="31"/>
      <c r="RWF155" s="31"/>
      <c r="RWG155" s="31"/>
      <c r="RWH155" s="31"/>
      <c r="RWI155" s="31"/>
      <c r="RWJ155" s="31"/>
      <c r="RWK155" s="31"/>
      <c r="RWL155" s="31"/>
      <c r="RWM155" s="31"/>
      <c r="RWN155" s="31"/>
      <c r="RWO155" s="31"/>
      <c r="RWP155" s="31"/>
      <c r="RWQ155" s="31"/>
      <c r="RWR155" s="31"/>
      <c r="RWS155" s="31"/>
      <c r="RWT155" s="31"/>
      <c r="RWU155" s="31"/>
      <c r="RWV155" s="31"/>
      <c r="RWW155" s="31"/>
      <c r="RWX155" s="31"/>
      <c r="RWY155" s="31"/>
      <c r="RWZ155" s="31"/>
      <c r="RXA155" s="31"/>
      <c r="RXB155" s="31"/>
      <c r="RXC155" s="31"/>
      <c r="RXD155" s="31"/>
      <c r="RXE155" s="31"/>
      <c r="RXF155" s="31"/>
      <c r="RXG155" s="31"/>
      <c r="RXH155" s="31"/>
      <c r="RXI155" s="31"/>
      <c r="RXJ155" s="31"/>
      <c r="RXK155" s="31"/>
      <c r="RXL155" s="31"/>
      <c r="RXM155" s="31"/>
      <c r="RXN155" s="31"/>
      <c r="RXO155" s="31"/>
      <c r="RXP155" s="31"/>
      <c r="RXQ155" s="31"/>
      <c r="RXR155" s="31"/>
      <c r="RXS155" s="31"/>
      <c r="RXT155" s="31"/>
      <c r="RXU155" s="31"/>
      <c r="RXV155" s="31"/>
      <c r="RXW155" s="31"/>
      <c r="RXX155" s="31"/>
      <c r="RXY155" s="31"/>
      <c r="RXZ155" s="31"/>
      <c r="RYA155" s="31"/>
      <c r="RYB155" s="31"/>
      <c r="RYC155" s="31"/>
      <c r="RYD155" s="31"/>
      <c r="RYE155" s="31"/>
      <c r="RYF155" s="31"/>
      <c r="RYG155" s="31"/>
      <c r="RYH155" s="31"/>
      <c r="RYI155" s="31"/>
      <c r="RYJ155" s="31"/>
      <c r="RYK155" s="31"/>
      <c r="RYL155" s="31"/>
      <c r="RYM155" s="31"/>
      <c r="RYN155" s="31"/>
      <c r="RYO155" s="31"/>
      <c r="RYP155" s="31"/>
      <c r="RYQ155" s="31"/>
      <c r="RYR155" s="31"/>
      <c r="RYS155" s="31"/>
      <c r="RYT155" s="31"/>
      <c r="RYU155" s="31"/>
      <c r="RYV155" s="31"/>
      <c r="RYW155" s="31"/>
      <c r="RYX155" s="31"/>
      <c r="RYY155" s="31"/>
      <c r="RYZ155" s="31"/>
      <c r="RZA155" s="31"/>
      <c r="RZB155" s="31"/>
      <c r="RZC155" s="31"/>
      <c r="RZD155" s="31"/>
      <c r="RZE155" s="31"/>
      <c r="RZF155" s="31"/>
      <c r="RZG155" s="31"/>
      <c r="RZH155" s="31"/>
      <c r="RZI155" s="31"/>
      <c r="RZJ155" s="31"/>
      <c r="RZK155" s="31"/>
      <c r="RZL155" s="31"/>
      <c r="RZM155" s="31"/>
      <c r="RZN155" s="31"/>
      <c r="RZO155" s="31"/>
      <c r="RZP155" s="31"/>
      <c r="RZQ155" s="31"/>
      <c r="RZR155" s="31"/>
      <c r="RZS155" s="31"/>
      <c r="RZT155" s="31"/>
      <c r="RZU155" s="31"/>
      <c r="RZV155" s="31"/>
      <c r="RZW155" s="31"/>
      <c r="RZX155" s="31"/>
      <c r="RZY155" s="31"/>
      <c r="RZZ155" s="31"/>
      <c r="SAA155" s="31"/>
      <c r="SAB155" s="31"/>
      <c r="SAC155" s="31"/>
      <c r="SAD155" s="31"/>
      <c r="SAE155" s="31"/>
      <c r="SAF155" s="31"/>
      <c r="SAG155" s="31"/>
      <c r="SAH155" s="31"/>
      <c r="SAI155" s="31"/>
      <c r="SAJ155" s="31"/>
      <c r="SAK155" s="31"/>
      <c r="SAL155" s="31"/>
      <c r="SAM155" s="31"/>
      <c r="SAN155" s="31"/>
      <c r="SAO155" s="31"/>
      <c r="SAP155" s="31"/>
      <c r="SAQ155" s="31"/>
      <c r="SAR155" s="31"/>
      <c r="SAS155" s="31"/>
      <c r="SAT155" s="31"/>
      <c r="SAU155" s="31"/>
      <c r="SAV155" s="31"/>
      <c r="SAW155" s="31"/>
      <c r="SAX155" s="31"/>
      <c r="SAY155" s="31"/>
      <c r="SAZ155" s="31"/>
      <c r="SBA155" s="31"/>
      <c r="SBB155" s="31"/>
      <c r="SBC155" s="31"/>
      <c r="SBD155" s="31"/>
      <c r="SBE155" s="31"/>
      <c r="SBF155" s="31"/>
      <c r="SBG155" s="31"/>
      <c r="SBH155" s="31"/>
      <c r="SBI155" s="31"/>
      <c r="SBJ155" s="31"/>
      <c r="SBK155" s="31"/>
      <c r="SBL155" s="31"/>
      <c r="SBM155" s="31"/>
      <c r="SBN155" s="31"/>
      <c r="SBO155" s="31"/>
      <c r="SBP155" s="31"/>
      <c r="SBQ155" s="31"/>
      <c r="SBR155" s="31"/>
      <c r="SBS155" s="31"/>
      <c r="SBT155" s="31"/>
      <c r="SBU155" s="31"/>
      <c r="SBV155" s="31"/>
      <c r="SBW155" s="31"/>
      <c r="SBX155" s="31"/>
      <c r="SBY155" s="31"/>
      <c r="SBZ155" s="31"/>
      <c r="SCA155" s="31"/>
      <c r="SCB155" s="31"/>
      <c r="SCC155" s="31"/>
      <c r="SCD155" s="31"/>
      <c r="SCE155" s="31"/>
      <c r="SCF155" s="31"/>
      <c r="SCG155" s="31"/>
      <c r="SCH155" s="31"/>
      <c r="SCI155" s="31"/>
      <c r="SCJ155" s="31"/>
      <c r="SCK155" s="31"/>
      <c r="SCL155" s="31"/>
      <c r="SCM155" s="31"/>
      <c r="SCN155" s="31"/>
      <c r="SCO155" s="31"/>
      <c r="SCP155" s="31"/>
      <c r="SCQ155" s="31"/>
      <c r="SCR155" s="31"/>
      <c r="SCS155" s="31"/>
      <c r="SCT155" s="31"/>
      <c r="SCU155" s="31"/>
      <c r="SCV155" s="31"/>
      <c r="SCW155" s="31"/>
      <c r="SCX155" s="31"/>
      <c r="SCY155" s="31"/>
      <c r="SCZ155" s="31"/>
      <c r="SDA155" s="31"/>
      <c r="SDB155" s="31"/>
      <c r="SDC155" s="31"/>
      <c r="SDD155" s="31"/>
      <c r="SDE155" s="31"/>
      <c r="SDF155" s="31"/>
      <c r="SDG155" s="31"/>
      <c r="SDH155" s="31"/>
      <c r="SDI155" s="31"/>
      <c r="SDJ155" s="31"/>
      <c r="SDK155" s="31"/>
      <c r="SDL155" s="31"/>
      <c r="SDM155" s="31"/>
      <c r="SDN155" s="31"/>
      <c r="SDO155" s="31"/>
      <c r="SDP155" s="31"/>
      <c r="SDQ155" s="31"/>
      <c r="SDR155" s="31"/>
      <c r="SDS155" s="31"/>
      <c r="SDT155" s="31"/>
      <c r="SDU155" s="31"/>
      <c r="SDV155" s="31"/>
      <c r="SDW155" s="31"/>
      <c r="SDX155" s="31"/>
      <c r="SDY155" s="31"/>
      <c r="SDZ155" s="31"/>
      <c r="SEA155" s="31"/>
      <c r="SEB155" s="31"/>
      <c r="SEC155" s="31"/>
      <c r="SED155" s="31"/>
      <c r="SEE155" s="31"/>
      <c r="SEF155" s="31"/>
      <c r="SEG155" s="31"/>
      <c r="SEH155" s="31"/>
      <c r="SEI155" s="31"/>
      <c r="SEJ155" s="31"/>
      <c r="SEK155" s="31"/>
      <c r="SEL155" s="31"/>
      <c r="SEM155" s="31"/>
      <c r="SEN155" s="31"/>
      <c r="SEO155" s="31"/>
      <c r="SEP155" s="31"/>
      <c r="SEQ155" s="31"/>
      <c r="SER155" s="31"/>
      <c r="SES155" s="31"/>
      <c r="SET155" s="31"/>
      <c r="SEU155" s="31"/>
      <c r="SEV155" s="31"/>
      <c r="SEW155" s="31"/>
      <c r="SEX155" s="31"/>
      <c r="SEY155" s="31"/>
      <c r="SEZ155" s="31"/>
      <c r="SFA155" s="31"/>
      <c r="SFB155" s="31"/>
      <c r="SFC155" s="31"/>
      <c r="SFD155" s="31"/>
      <c r="SFE155" s="31"/>
      <c r="SFF155" s="31"/>
      <c r="SFG155" s="31"/>
      <c r="SFH155" s="31"/>
      <c r="SFI155" s="31"/>
      <c r="SFJ155" s="31"/>
      <c r="SFK155" s="31"/>
      <c r="SFL155" s="31"/>
      <c r="SFM155" s="31"/>
      <c r="SFN155" s="31"/>
      <c r="SFO155" s="31"/>
      <c r="SFP155" s="31"/>
      <c r="SFQ155" s="31"/>
      <c r="SFR155" s="31"/>
      <c r="SFS155" s="31"/>
      <c r="SFT155" s="31"/>
      <c r="SFU155" s="31"/>
      <c r="SFV155" s="31"/>
      <c r="SFW155" s="31"/>
      <c r="SFX155" s="31"/>
      <c r="SFY155" s="31"/>
      <c r="SFZ155" s="31"/>
      <c r="SGA155" s="31"/>
      <c r="SGB155" s="31"/>
      <c r="SGC155" s="31"/>
      <c r="SGD155" s="31"/>
      <c r="SGE155" s="31"/>
      <c r="SGF155" s="31"/>
      <c r="SGG155" s="31"/>
      <c r="SGH155" s="31"/>
      <c r="SGI155" s="31"/>
      <c r="SGJ155" s="31"/>
      <c r="SGK155" s="31"/>
      <c r="SGL155" s="31"/>
      <c r="SGM155" s="31"/>
      <c r="SGN155" s="31"/>
      <c r="SGO155" s="31"/>
      <c r="SGP155" s="31"/>
      <c r="SGQ155" s="31"/>
      <c r="SGR155" s="31"/>
      <c r="SGS155" s="31"/>
      <c r="SGT155" s="31"/>
      <c r="SGU155" s="31"/>
      <c r="SGV155" s="31"/>
      <c r="SGW155" s="31"/>
      <c r="SGX155" s="31"/>
      <c r="SGY155" s="31"/>
      <c r="SGZ155" s="31"/>
      <c r="SHA155" s="31"/>
      <c r="SHB155" s="31"/>
      <c r="SHC155" s="31"/>
      <c r="SHD155" s="31"/>
      <c r="SHE155" s="31"/>
      <c r="SHF155" s="31"/>
      <c r="SHG155" s="31"/>
      <c r="SHH155" s="31"/>
      <c r="SHI155" s="31"/>
      <c r="SHJ155" s="31"/>
      <c r="SHK155" s="31"/>
      <c r="SHL155" s="31"/>
      <c r="SHM155" s="31"/>
      <c r="SHN155" s="31"/>
      <c r="SHO155" s="31"/>
      <c r="SHP155" s="31"/>
      <c r="SHQ155" s="31"/>
      <c r="SHR155" s="31"/>
      <c r="SHS155" s="31"/>
      <c r="SHT155" s="31"/>
      <c r="SHU155" s="31"/>
      <c r="SHV155" s="31"/>
      <c r="SHW155" s="31"/>
      <c r="SHX155" s="31"/>
      <c r="SHY155" s="31"/>
      <c r="SHZ155" s="31"/>
      <c r="SIA155" s="31"/>
      <c r="SIB155" s="31"/>
      <c r="SIC155" s="31"/>
      <c r="SID155" s="31"/>
      <c r="SIE155" s="31"/>
      <c r="SIF155" s="31"/>
      <c r="SIG155" s="31"/>
      <c r="SIH155" s="31"/>
      <c r="SII155" s="31"/>
      <c r="SIJ155" s="31"/>
      <c r="SIK155" s="31"/>
      <c r="SIL155" s="31"/>
      <c r="SIM155" s="31"/>
      <c r="SIN155" s="31"/>
      <c r="SIO155" s="31"/>
      <c r="SIP155" s="31"/>
      <c r="SIQ155" s="31"/>
      <c r="SIR155" s="31"/>
      <c r="SIS155" s="31"/>
      <c r="SIT155" s="31"/>
      <c r="SIU155" s="31"/>
      <c r="SIV155" s="31"/>
      <c r="SIW155" s="31"/>
      <c r="SIX155" s="31"/>
      <c r="SIY155" s="31"/>
      <c r="SIZ155" s="31"/>
      <c r="SJA155" s="31"/>
      <c r="SJB155" s="31"/>
      <c r="SJC155" s="31"/>
      <c r="SJD155" s="31"/>
      <c r="SJE155" s="31"/>
      <c r="SJF155" s="31"/>
      <c r="SJG155" s="31"/>
      <c r="SJH155" s="31"/>
      <c r="SJI155" s="31"/>
      <c r="SJJ155" s="31"/>
      <c r="SJK155" s="31"/>
      <c r="SJL155" s="31"/>
      <c r="SJM155" s="31"/>
      <c r="SJN155" s="31"/>
      <c r="SJO155" s="31"/>
      <c r="SJP155" s="31"/>
      <c r="SJQ155" s="31"/>
      <c r="SJR155" s="31"/>
      <c r="SJS155" s="31"/>
      <c r="SJT155" s="31"/>
      <c r="SJU155" s="31"/>
      <c r="SJV155" s="31"/>
      <c r="SJW155" s="31"/>
      <c r="SJX155" s="31"/>
      <c r="SJY155" s="31"/>
      <c r="SJZ155" s="31"/>
      <c r="SKA155" s="31"/>
      <c r="SKB155" s="31"/>
      <c r="SKC155" s="31"/>
      <c r="SKD155" s="31"/>
      <c r="SKE155" s="31"/>
      <c r="SKF155" s="31"/>
      <c r="SKG155" s="31"/>
      <c r="SKH155" s="31"/>
      <c r="SKI155" s="31"/>
      <c r="SKJ155" s="31"/>
      <c r="SKK155" s="31"/>
      <c r="SKL155" s="31"/>
      <c r="SKM155" s="31"/>
      <c r="SKN155" s="31"/>
      <c r="SKO155" s="31"/>
      <c r="SKP155" s="31"/>
      <c r="SKQ155" s="31"/>
      <c r="SKR155" s="31"/>
      <c r="SKS155" s="31"/>
      <c r="SKT155" s="31"/>
      <c r="SKU155" s="31"/>
      <c r="SKV155" s="31"/>
      <c r="SKW155" s="31"/>
      <c r="SKX155" s="31"/>
      <c r="SKY155" s="31"/>
      <c r="SKZ155" s="31"/>
      <c r="SLA155" s="31"/>
      <c r="SLB155" s="31"/>
      <c r="SLC155" s="31"/>
      <c r="SLD155" s="31"/>
      <c r="SLE155" s="31"/>
      <c r="SLF155" s="31"/>
      <c r="SLG155" s="31"/>
      <c r="SLH155" s="31"/>
      <c r="SLI155" s="31"/>
      <c r="SLJ155" s="31"/>
      <c r="SLK155" s="31"/>
      <c r="SLL155" s="31"/>
      <c r="SLM155" s="31"/>
      <c r="SLN155" s="31"/>
      <c r="SLO155" s="31"/>
      <c r="SLP155" s="31"/>
      <c r="SLQ155" s="31"/>
      <c r="SLR155" s="31"/>
      <c r="SLS155" s="31"/>
      <c r="SLT155" s="31"/>
      <c r="SLU155" s="31"/>
      <c r="SLV155" s="31"/>
      <c r="SLW155" s="31"/>
      <c r="SLX155" s="31"/>
      <c r="SLY155" s="31"/>
      <c r="SLZ155" s="31"/>
      <c r="SMA155" s="31"/>
      <c r="SMB155" s="31"/>
      <c r="SMC155" s="31"/>
      <c r="SMD155" s="31"/>
      <c r="SME155" s="31"/>
      <c r="SMF155" s="31"/>
      <c r="SMG155" s="31"/>
      <c r="SMH155" s="31"/>
      <c r="SMI155" s="31"/>
      <c r="SMJ155" s="31"/>
      <c r="SMK155" s="31"/>
      <c r="SML155" s="31"/>
      <c r="SMM155" s="31"/>
      <c r="SMN155" s="31"/>
      <c r="SMO155" s="31"/>
      <c r="SMP155" s="31"/>
      <c r="SMQ155" s="31"/>
      <c r="SMR155" s="31"/>
      <c r="SMS155" s="31"/>
      <c r="SMT155" s="31"/>
      <c r="SMU155" s="31"/>
      <c r="SMV155" s="31"/>
      <c r="SMW155" s="31"/>
      <c r="SMX155" s="31"/>
      <c r="SMY155" s="31"/>
      <c r="SMZ155" s="31"/>
      <c r="SNA155" s="31"/>
      <c r="SNB155" s="31"/>
      <c r="SNC155" s="31"/>
      <c r="SND155" s="31"/>
      <c r="SNE155" s="31"/>
      <c r="SNF155" s="31"/>
      <c r="SNG155" s="31"/>
      <c r="SNH155" s="31"/>
      <c r="SNI155" s="31"/>
      <c r="SNJ155" s="31"/>
      <c r="SNK155" s="31"/>
      <c r="SNL155" s="31"/>
      <c r="SNM155" s="31"/>
      <c r="SNN155" s="31"/>
      <c r="SNO155" s="31"/>
      <c r="SNP155" s="31"/>
      <c r="SNQ155" s="31"/>
      <c r="SNR155" s="31"/>
      <c r="SNS155" s="31"/>
      <c r="SNT155" s="31"/>
      <c r="SNU155" s="31"/>
      <c r="SNV155" s="31"/>
      <c r="SNW155" s="31"/>
      <c r="SNX155" s="31"/>
      <c r="SNY155" s="31"/>
      <c r="SNZ155" s="31"/>
      <c r="SOA155" s="31"/>
      <c r="SOB155" s="31"/>
      <c r="SOC155" s="31"/>
      <c r="SOD155" s="31"/>
      <c r="SOE155" s="31"/>
      <c r="SOF155" s="31"/>
      <c r="SOG155" s="31"/>
      <c r="SOH155" s="31"/>
      <c r="SOI155" s="31"/>
      <c r="SOJ155" s="31"/>
      <c r="SOK155" s="31"/>
      <c r="SOL155" s="31"/>
      <c r="SOM155" s="31"/>
      <c r="SON155" s="31"/>
      <c r="SOO155" s="31"/>
      <c r="SOP155" s="31"/>
      <c r="SOQ155" s="31"/>
      <c r="SOR155" s="31"/>
      <c r="SOS155" s="31"/>
      <c r="SOT155" s="31"/>
      <c r="SOU155" s="31"/>
      <c r="SOV155" s="31"/>
      <c r="SOW155" s="31"/>
      <c r="SOX155" s="31"/>
      <c r="SOY155" s="31"/>
      <c r="SOZ155" s="31"/>
      <c r="SPA155" s="31"/>
      <c r="SPB155" s="31"/>
      <c r="SPC155" s="31"/>
      <c r="SPD155" s="31"/>
      <c r="SPE155" s="31"/>
      <c r="SPF155" s="31"/>
      <c r="SPG155" s="31"/>
      <c r="SPH155" s="31"/>
      <c r="SPI155" s="31"/>
      <c r="SPJ155" s="31"/>
      <c r="SPK155" s="31"/>
      <c r="SPL155" s="31"/>
      <c r="SPM155" s="31"/>
      <c r="SPN155" s="31"/>
      <c r="SPO155" s="31"/>
      <c r="SPP155" s="31"/>
      <c r="SPQ155" s="31"/>
      <c r="SPR155" s="31"/>
      <c r="SPS155" s="31"/>
      <c r="SPT155" s="31"/>
      <c r="SPU155" s="31"/>
      <c r="SPV155" s="31"/>
      <c r="SPW155" s="31"/>
      <c r="SPX155" s="31"/>
      <c r="SPY155" s="31"/>
      <c r="SPZ155" s="31"/>
      <c r="SQA155" s="31"/>
      <c r="SQB155" s="31"/>
      <c r="SQC155" s="31"/>
      <c r="SQD155" s="31"/>
      <c r="SQE155" s="31"/>
      <c r="SQF155" s="31"/>
      <c r="SQG155" s="31"/>
      <c r="SQH155" s="31"/>
      <c r="SQI155" s="31"/>
      <c r="SQJ155" s="31"/>
      <c r="SQK155" s="31"/>
      <c r="SQL155" s="31"/>
      <c r="SQM155" s="31"/>
      <c r="SQN155" s="31"/>
      <c r="SQO155" s="31"/>
      <c r="SQP155" s="31"/>
      <c r="SQQ155" s="31"/>
      <c r="SQR155" s="31"/>
      <c r="SQS155" s="31"/>
      <c r="SQT155" s="31"/>
      <c r="SQU155" s="31"/>
      <c r="SQV155" s="31"/>
      <c r="SQW155" s="31"/>
      <c r="SQX155" s="31"/>
      <c r="SQY155" s="31"/>
      <c r="SQZ155" s="31"/>
      <c r="SRA155" s="31"/>
      <c r="SRB155" s="31"/>
      <c r="SRC155" s="31"/>
      <c r="SRD155" s="31"/>
      <c r="SRE155" s="31"/>
      <c r="SRF155" s="31"/>
      <c r="SRG155" s="31"/>
      <c r="SRH155" s="31"/>
      <c r="SRI155" s="31"/>
      <c r="SRJ155" s="31"/>
      <c r="SRK155" s="31"/>
      <c r="SRL155" s="31"/>
      <c r="SRM155" s="31"/>
      <c r="SRN155" s="31"/>
      <c r="SRO155" s="31"/>
      <c r="SRP155" s="31"/>
      <c r="SRQ155" s="31"/>
      <c r="SRR155" s="31"/>
      <c r="SRS155" s="31"/>
      <c r="SRT155" s="31"/>
      <c r="SRU155" s="31"/>
      <c r="SRV155" s="31"/>
      <c r="SRW155" s="31"/>
      <c r="SRX155" s="31"/>
      <c r="SRY155" s="31"/>
      <c r="SRZ155" s="31"/>
      <c r="SSA155" s="31"/>
      <c r="SSB155" s="31"/>
      <c r="SSC155" s="31"/>
      <c r="SSD155" s="31"/>
      <c r="SSE155" s="31"/>
      <c r="SSF155" s="31"/>
      <c r="SSG155" s="31"/>
      <c r="SSH155" s="31"/>
      <c r="SSI155" s="31"/>
      <c r="SSJ155" s="31"/>
      <c r="SSK155" s="31"/>
      <c r="SSL155" s="31"/>
      <c r="SSM155" s="31"/>
      <c r="SSN155" s="31"/>
      <c r="SSO155" s="31"/>
      <c r="SSP155" s="31"/>
      <c r="SSQ155" s="31"/>
      <c r="SSR155" s="31"/>
      <c r="SSS155" s="31"/>
      <c r="SST155" s="31"/>
      <c r="SSU155" s="31"/>
      <c r="SSV155" s="31"/>
      <c r="SSW155" s="31"/>
      <c r="SSX155" s="31"/>
      <c r="SSY155" s="31"/>
      <c r="SSZ155" s="31"/>
      <c r="STA155" s="31"/>
      <c r="STB155" s="31"/>
      <c r="STC155" s="31"/>
      <c r="STD155" s="31"/>
      <c r="STE155" s="31"/>
      <c r="STF155" s="31"/>
      <c r="STG155" s="31"/>
      <c r="STH155" s="31"/>
      <c r="STI155" s="31"/>
      <c r="STJ155" s="31"/>
      <c r="STK155" s="31"/>
      <c r="STL155" s="31"/>
      <c r="STM155" s="31"/>
      <c r="STN155" s="31"/>
      <c r="STO155" s="31"/>
      <c r="STP155" s="31"/>
      <c r="STQ155" s="31"/>
      <c r="STR155" s="31"/>
      <c r="STS155" s="31"/>
      <c r="STT155" s="31"/>
      <c r="STU155" s="31"/>
      <c r="STV155" s="31"/>
      <c r="STW155" s="31"/>
      <c r="STX155" s="31"/>
      <c r="STY155" s="31"/>
      <c r="STZ155" s="31"/>
      <c r="SUA155" s="31"/>
      <c r="SUB155" s="31"/>
      <c r="SUC155" s="31"/>
      <c r="SUD155" s="31"/>
      <c r="SUE155" s="31"/>
      <c r="SUF155" s="31"/>
      <c r="SUG155" s="31"/>
      <c r="SUH155" s="31"/>
      <c r="SUI155" s="31"/>
      <c r="SUJ155" s="31"/>
      <c r="SUK155" s="31"/>
      <c r="SUL155" s="31"/>
      <c r="SUM155" s="31"/>
      <c r="SUN155" s="31"/>
      <c r="SUO155" s="31"/>
      <c r="SUP155" s="31"/>
      <c r="SUQ155" s="31"/>
      <c r="SUR155" s="31"/>
      <c r="SUS155" s="31"/>
      <c r="SUT155" s="31"/>
      <c r="SUU155" s="31"/>
      <c r="SUV155" s="31"/>
      <c r="SUW155" s="31"/>
      <c r="SUX155" s="31"/>
      <c r="SUY155" s="31"/>
      <c r="SUZ155" s="31"/>
      <c r="SVA155" s="31"/>
      <c r="SVB155" s="31"/>
      <c r="SVC155" s="31"/>
      <c r="SVD155" s="31"/>
      <c r="SVE155" s="31"/>
      <c r="SVF155" s="31"/>
      <c r="SVG155" s="31"/>
      <c r="SVH155" s="31"/>
      <c r="SVI155" s="31"/>
      <c r="SVJ155" s="31"/>
      <c r="SVK155" s="31"/>
      <c r="SVL155" s="31"/>
      <c r="SVM155" s="31"/>
      <c r="SVN155" s="31"/>
      <c r="SVO155" s="31"/>
      <c r="SVP155" s="31"/>
      <c r="SVQ155" s="31"/>
      <c r="SVR155" s="31"/>
      <c r="SVS155" s="31"/>
      <c r="SVT155" s="31"/>
      <c r="SVU155" s="31"/>
      <c r="SVV155" s="31"/>
      <c r="SVW155" s="31"/>
      <c r="SVX155" s="31"/>
      <c r="SVY155" s="31"/>
      <c r="SVZ155" s="31"/>
      <c r="SWA155" s="31"/>
      <c r="SWB155" s="31"/>
      <c r="SWC155" s="31"/>
      <c r="SWD155" s="31"/>
      <c r="SWE155" s="31"/>
      <c r="SWF155" s="31"/>
      <c r="SWG155" s="31"/>
      <c r="SWH155" s="31"/>
      <c r="SWI155" s="31"/>
      <c r="SWJ155" s="31"/>
      <c r="SWK155" s="31"/>
      <c r="SWL155" s="31"/>
      <c r="SWM155" s="31"/>
      <c r="SWN155" s="31"/>
      <c r="SWO155" s="31"/>
      <c r="SWP155" s="31"/>
      <c r="SWQ155" s="31"/>
      <c r="SWR155" s="31"/>
      <c r="SWS155" s="31"/>
      <c r="SWT155" s="31"/>
      <c r="SWU155" s="31"/>
      <c r="SWV155" s="31"/>
      <c r="SWW155" s="31"/>
      <c r="SWX155" s="31"/>
      <c r="SWY155" s="31"/>
      <c r="SWZ155" s="31"/>
      <c r="SXA155" s="31"/>
      <c r="SXB155" s="31"/>
      <c r="SXC155" s="31"/>
      <c r="SXD155" s="31"/>
      <c r="SXE155" s="31"/>
      <c r="SXF155" s="31"/>
      <c r="SXG155" s="31"/>
      <c r="SXH155" s="31"/>
      <c r="SXI155" s="31"/>
      <c r="SXJ155" s="31"/>
      <c r="SXK155" s="31"/>
      <c r="SXL155" s="31"/>
      <c r="SXM155" s="31"/>
      <c r="SXN155" s="31"/>
      <c r="SXO155" s="31"/>
      <c r="SXP155" s="31"/>
      <c r="SXQ155" s="31"/>
      <c r="SXR155" s="31"/>
      <c r="SXS155" s="31"/>
      <c r="SXT155" s="31"/>
      <c r="SXU155" s="31"/>
      <c r="SXV155" s="31"/>
      <c r="SXW155" s="31"/>
      <c r="SXX155" s="31"/>
      <c r="SXY155" s="31"/>
      <c r="SXZ155" s="31"/>
      <c r="SYA155" s="31"/>
      <c r="SYB155" s="31"/>
      <c r="SYC155" s="31"/>
      <c r="SYD155" s="31"/>
      <c r="SYE155" s="31"/>
      <c r="SYF155" s="31"/>
      <c r="SYG155" s="31"/>
      <c r="SYH155" s="31"/>
      <c r="SYI155" s="31"/>
      <c r="SYJ155" s="31"/>
      <c r="SYK155" s="31"/>
      <c r="SYL155" s="31"/>
      <c r="SYM155" s="31"/>
      <c r="SYN155" s="31"/>
      <c r="SYO155" s="31"/>
      <c r="SYP155" s="31"/>
      <c r="SYQ155" s="31"/>
      <c r="SYR155" s="31"/>
      <c r="SYS155" s="31"/>
      <c r="SYT155" s="31"/>
      <c r="SYU155" s="31"/>
      <c r="SYV155" s="31"/>
      <c r="SYW155" s="31"/>
      <c r="SYX155" s="31"/>
      <c r="SYY155" s="31"/>
      <c r="SYZ155" s="31"/>
      <c r="SZA155" s="31"/>
      <c r="SZB155" s="31"/>
      <c r="SZC155" s="31"/>
      <c r="SZD155" s="31"/>
      <c r="SZE155" s="31"/>
      <c r="SZF155" s="31"/>
      <c r="SZG155" s="31"/>
      <c r="SZH155" s="31"/>
      <c r="SZI155" s="31"/>
      <c r="SZJ155" s="31"/>
      <c r="SZK155" s="31"/>
      <c r="SZL155" s="31"/>
      <c r="SZM155" s="31"/>
      <c r="SZN155" s="31"/>
      <c r="SZO155" s="31"/>
      <c r="SZP155" s="31"/>
      <c r="SZQ155" s="31"/>
      <c r="SZR155" s="31"/>
      <c r="SZS155" s="31"/>
      <c r="SZT155" s="31"/>
      <c r="SZU155" s="31"/>
      <c r="SZV155" s="31"/>
      <c r="SZW155" s="31"/>
      <c r="SZX155" s="31"/>
      <c r="SZY155" s="31"/>
      <c r="SZZ155" s="31"/>
      <c r="TAA155" s="31"/>
      <c r="TAB155" s="31"/>
      <c r="TAC155" s="31"/>
      <c r="TAD155" s="31"/>
      <c r="TAE155" s="31"/>
      <c r="TAF155" s="31"/>
      <c r="TAG155" s="31"/>
      <c r="TAH155" s="31"/>
      <c r="TAI155" s="31"/>
      <c r="TAJ155" s="31"/>
      <c r="TAK155" s="31"/>
      <c r="TAL155" s="31"/>
      <c r="TAM155" s="31"/>
      <c r="TAN155" s="31"/>
      <c r="TAO155" s="31"/>
      <c r="TAP155" s="31"/>
      <c r="TAQ155" s="31"/>
      <c r="TAR155" s="31"/>
      <c r="TAS155" s="31"/>
      <c r="TAT155" s="31"/>
      <c r="TAU155" s="31"/>
      <c r="TAV155" s="31"/>
      <c r="TAW155" s="31"/>
      <c r="TAX155" s="31"/>
      <c r="TAY155" s="31"/>
      <c r="TAZ155" s="31"/>
      <c r="TBA155" s="31"/>
      <c r="TBB155" s="31"/>
      <c r="TBC155" s="31"/>
      <c r="TBD155" s="31"/>
      <c r="TBE155" s="31"/>
      <c r="TBF155" s="31"/>
      <c r="TBG155" s="31"/>
      <c r="TBH155" s="31"/>
      <c r="TBI155" s="31"/>
      <c r="TBJ155" s="31"/>
      <c r="TBK155" s="31"/>
      <c r="TBL155" s="31"/>
      <c r="TBM155" s="31"/>
      <c r="TBN155" s="31"/>
      <c r="TBO155" s="31"/>
      <c r="TBP155" s="31"/>
      <c r="TBQ155" s="31"/>
      <c r="TBR155" s="31"/>
      <c r="TBS155" s="31"/>
      <c r="TBT155" s="31"/>
      <c r="TBU155" s="31"/>
      <c r="TBV155" s="31"/>
      <c r="TBW155" s="31"/>
      <c r="TBX155" s="31"/>
      <c r="TBY155" s="31"/>
      <c r="TBZ155" s="31"/>
      <c r="TCA155" s="31"/>
      <c r="TCB155" s="31"/>
      <c r="TCC155" s="31"/>
      <c r="TCD155" s="31"/>
      <c r="TCE155" s="31"/>
      <c r="TCF155" s="31"/>
      <c r="TCG155" s="31"/>
      <c r="TCH155" s="31"/>
      <c r="TCI155" s="31"/>
      <c r="TCJ155" s="31"/>
      <c r="TCK155" s="31"/>
      <c r="TCL155" s="31"/>
      <c r="TCM155" s="31"/>
      <c r="TCN155" s="31"/>
      <c r="TCO155" s="31"/>
      <c r="TCP155" s="31"/>
      <c r="TCQ155" s="31"/>
      <c r="TCR155" s="31"/>
      <c r="TCS155" s="31"/>
      <c r="TCT155" s="31"/>
      <c r="TCU155" s="31"/>
      <c r="TCV155" s="31"/>
      <c r="TCW155" s="31"/>
      <c r="TCX155" s="31"/>
      <c r="TCY155" s="31"/>
      <c r="TCZ155" s="31"/>
      <c r="TDA155" s="31"/>
      <c r="TDB155" s="31"/>
      <c r="TDC155" s="31"/>
      <c r="TDD155" s="31"/>
      <c r="TDE155" s="31"/>
      <c r="TDF155" s="31"/>
      <c r="TDG155" s="31"/>
      <c r="TDH155" s="31"/>
      <c r="TDI155" s="31"/>
      <c r="TDJ155" s="31"/>
      <c r="TDK155" s="31"/>
      <c r="TDL155" s="31"/>
      <c r="TDM155" s="31"/>
      <c r="TDN155" s="31"/>
      <c r="TDO155" s="31"/>
      <c r="TDP155" s="31"/>
      <c r="TDQ155" s="31"/>
      <c r="TDR155" s="31"/>
      <c r="TDS155" s="31"/>
      <c r="TDT155" s="31"/>
      <c r="TDU155" s="31"/>
      <c r="TDV155" s="31"/>
      <c r="TDW155" s="31"/>
      <c r="TDX155" s="31"/>
      <c r="TDY155" s="31"/>
      <c r="TDZ155" s="31"/>
      <c r="TEA155" s="31"/>
      <c r="TEB155" s="31"/>
      <c r="TEC155" s="31"/>
      <c r="TED155" s="31"/>
      <c r="TEE155" s="31"/>
      <c r="TEF155" s="31"/>
      <c r="TEG155" s="31"/>
      <c r="TEH155" s="31"/>
      <c r="TEI155" s="31"/>
      <c r="TEJ155" s="31"/>
      <c r="TEK155" s="31"/>
      <c r="TEL155" s="31"/>
      <c r="TEM155" s="31"/>
      <c r="TEN155" s="31"/>
      <c r="TEO155" s="31"/>
      <c r="TEP155" s="31"/>
      <c r="TEQ155" s="31"/>
      <c r="TER155" s="31"/>
      <c r="TES155" s="31"/>
      <c r="TET155" s="31"/>
      <c r="TEU155" s="31"/>
      <c r="TEV155" s="31"/>
      <c r="TEW155" s="31"/>
      <c r="TEX155" s="31"/>
      <c r="TEY155" s="31"/>
      <c r="TEZ155" s="31"/>
      <c r="TFA155" s="31"/>
      <c r="TFB155" s="31"/>
      <c r="TFC155" s="31"/>
      <c r="TFD155" s="31"/>
      <c r="TFE155" s="31"/>
      <c r="TFF155" s="31"/>
      <c r="TFG155" s="31"/>
      <c r="TFH155" s="31"/>
      <c r="TFI155" s="31"/>
      <c r="TFJ155" s="31"/>
      <c r="TFK155" s="31"/>
      <c r="TFL155" s="31"/>
      <c r="TFM155" s="31"/>
      <c r="TFN155" s="31"/>
      <c r="TFO155" s="31"/>
      <c r="TFP155" s="31"/>
      <c r="TFQ155" s="31"/>
      <c r="TFR155" s="31"/>
      <c r="TFS155" s="31"/>
      <c r="TFT155" s="31"/>
      <c r="TFU155" s="31"/>
      <c r="TFV155" s="31"/>
      <c r="TFW155" s="31"/>
      <c r="TFX155" s="31"/>
      <c r="TFY155" s="31"/>
      <c r="TFZ155" s="31"/>
      <c r="TGA155" s="31"/>
      <c r="TGB155" s="31"/>
      <c r="TGC155" s="31"/>
      <c r="TGD155" s="31"/>
      <c r="TGE155" s="31"/>
      <c r="TGF155" s="31"/>
      <c r="TGG155" s="31"/>
      <c r="TGH155" s="31"/>
      <c r="TGI155" s="31"/>
      <c r="TGJ155" s="31"/>
      <c r="TGK155" s="31"/>
      <c r="TGL155" s="31"/>
      <c r="TGM155" s="31"/>
      <c r="TGN155" s="31"/>
      <c r="TGO155" s="31"/>
      <c r="TGP155" s="31"/>
      <c r="TGQ155" s="31"/>
      <c r="TGR155" s="31"/>
      <c r="TGS155" s="31"/>
      <c r="TGT155" s="31"/>
      <c r="TGU155" s="31"/>
      <c r="TGV155" s="31"/>
      <c r="TGW155" s="31"/>
      <c r="TGX155" s="31"/>
      <c r="TGY155" s="31"/>
      <c r="TGZ155" s="31"/>
      <c r="THA155" s="31"/>
      <c r="THB155" s="31"/>
      <c r="THC155" s="31"/>
      <c r="THD155" s="31"/>
      <c r="THE155" s="31"/>
      <c r="THF155" s="31"/>
      <c r="THG155" s="31"/>
      <c r="THH155" s="31"/>
      <c r="THI155" s="31"/>
      <c r="THJ155" s="31"/>
      <c r="THK155" s="31"/>
      <c r="THL155" s="31"/>
      <c r="THM155" s="31"/>
      <c r="THN155" s="31"/>
      <c r="THO155" s="31"/>
      <c r="THP155" s="31"/>
      <c r="THQ155" s="31"/>
      <c r="THR155" s="31"/>
      <c r="THS155" s="31"/>
      <c r="THT155" s="31"/>
      <c r="THU155" s="31"/>
      <c r="THV155" s="31"/>
      <c r="THW155" s="31"/>
      <c r="THX155" s="31"/>
      <c r="THY155" s="31"/>
      <c r="THZ155" s="31"/>
      <c r="TIA155" s="31"/>
      <c r="TIB155" s="31"/>
      <c r="TIC155" s="31"/>
      <c r="TID155" s="31"/>
      <c r="TIE155" s="31"/>
      <c r="TIF155" s="31"/>
      <c r="TIG155" s="31"/>
      <c r="TIH155" s="31"/>
      <c r="TII155" s="31"/>
      <c r="TIJ155" s="31"/>
      <c r="TIK155" s="31"/>
      <c r="TIL155" s="31"/>
      <c r="TIM155" s="31"/>
      <c r="TIN155" s="31"/>
      <c r="TIO155" s="31"/>
      <c r="TIP155" s="31"/>
      <c r="TIQ155" s="31"/>
      <c r="TIR155" s="31"/>
      <c r="TIS155" s="31"/>
      <c r="TIT155" s="31"/>
      <c r="TIU155" s="31"/>
      <c r="TIV155" s="31"/>
      <c r="TIW155" s="31"/>
      <c r="TIX155" s="31"/>
      <c r="TIY155" s="31"/>
      <c r="TIZ155" s="31"/>
      <c r="TJA155" s="31"/>
      <c r="TJB155" s="31"/>
      <c r="TJC155" s="31"/>
      <c r="TJD155" s="31"/>
      <c r="TJE155" s="31"/>
      <c r="TJF155" s="31"/>
      <c r="TJG155" s="31"/>
      <c r="TJH155" s="31"/>
      <c r="TJI155" s="31"/>
      <c r="TJJ155" s="31"/>
      <c r="TJK155" s="31"/>
      <c r="TJL155" s="31"/>
      <c r="TJM155" s="31"/>
      <c r="TJN155" s="31"/>
      <c r="TJO155" s="31"/>
      <c r="TJP155" s="31"/>
      <c r="TJQ155" s="31"/>
      <c r="TJR155" s="31"/>
      <c r="TJS155" s="31"/>
      <c r="TJT155" s="31"/>
      <c r="TJU155" s="31"/>
      <c r="TJV155" s="31"/>
      <c r="TJW155" s="31"/>
      <c r="TJX155" s="31"/>
      <c r="TJY155" s="31"/>
      <c r="TJZ155" s="31"/>
      <c r="TKA155" s="31"/>
      <c r="TKB155" s="31"/>
      <c r="TKC155" s="31"/>
      <c r="TKD155" s="31"/>
      <c r="TKE155" s="31"/>
      <c r="TKF155" s="31"/>
      <c r="TKG155" s="31"/>
      <c r="TKH155" s="31"/>
      <c r="TKI155" s="31"/>
      <c r="TKJ155" s="31"/>
      <c r="TKK155" s="31"/>
      <c r="TKL155" s="31"/>
      <c r="TKM155" s="31"/>
      <c r="TKN155" s="31"/>
      <c r="TKO155" s="31"/>
      <c r="TKP155" s="31"/>
      <c r="TKQ155" s="31"/>
      <c r="TKR155" s="31"/>
      <c r="TKS155" s="31"/>
      <c r="TKT155" s="31"/>
      <c r="TKU155" s="31"/>
      <c r="TKV155" s="31"/>
      <c r="TKW155" s="31"/>
      <c r="TKX155" s="31"/>
      <c r="TKY155" s="31"/>
      <c r="TKZ155" s="31"/>
      <c r="TLA155" s="31"/>
      <c r="TLB155" s="31"/>
      <c r="TLC155" s="31"/>
      <c r="TLD155" s="31"/>
      <c r="TLE155" s="31"/>
      <c r="TLF155" s="31"/>
      <c r="TLG155" s="31"/>
      <c r="TLH155" s="31"/>
      <c r="TLI155" s="31"/>
      <c r="TLJ155" s="31"/>
      <c r="TLK155" s="31"/>
      <c r="TLL155" s="31"/>
      <c r="TLM155" s="31"/>
      <c r="TLN155" s="31"/>
      <c r="TLO155" s="31"/>
      <c r="TLP155" s="31"/>
      <c r="TLQ155" s="31"/>
      <c r="TLR155" s="31"/>
      <c r="TLS155" s="31"/>
      <c r="TLT155" s="31"/>
      <c r="TLU155" s="31"/>
      <c r="TLV155" s="31"/>
      <c r="TLW155" s="31"/>
      <c r="TLX155" s="31"/>
      <c r="TLY155" s="31"/>
      <c r="TLZ155" s="31"/>
      <c r="TMA155" s="31"/>
      <c r="TMB155" s="31"/>
      <c r="TMC155" s="31"/>
      <c r="TMD155" s="31"/>
      <c r="TME155" s="31"/>
      <c r="TMF155" s="31"/>
      <c r="TMG155" s="31"/>
      <c r="TMH155" s="31"/>
      <c r="TMI155" s="31"/>
      <c r="TMJ155" s="31"/>
      <c r="TMK155" s="31"/>
      <c r="TML155" s="31"/>
      <c r="TMM155" s="31"/>
      <c r="TMN155" s="31"/>
      <c r="TMO155" s="31"/>
      <c r="TMP155" s="31"/>
      <c r="TMQ155" s="31"/>
      <c r="TMR155" s="31"/>
      <c r="TMS155" s="31"/>
      <c r="TMT155" s="31"/>
      <c r="TMU155" s="31"/>
      <c r="TMV155" s="31"/>
      <c r="TMW155" s="31"/>
      <c r="TMX155" s="31"/>
      <c r="TMY155" s="31"/>
      <c r="TMZ155" s="31"/>
      <c r="TNA155" s="31"/>
      <c r="TNB155" s="31"/>
      <c r="TNC155" s="31"/>
      <c r="TND155" s="31"/>
      <c r="TNE155" s="31"/>
      <c r="TNF155" s="31"/>
      <c r="TNG155" s="31"/>
      <c r="TNH155" s="31"/>
      <c r="TNI155" s="31"/>
      <c r="TNJ155" s="31"/>
      <c r="TNK155" s="31"/>
      <c r="TNL155" s="31"/>
      <c r="TNM155" s="31"/>
      <c r="TNN155" s="31"/>
      <c r="TNO155" s="31"/>
      <c r="TNP155" s="31"/>
      <c r="TNQ155" s="31"/>
      <c r="TNR155" s="31"/>
      <c r="TNS155" s="31"/>
      <c r="TNT155" s="31"/>
      <c r="TNU155" s="31"/>
      <c r="TNV155" s="31"/>
      <c r="TNW155" s="31"/>
      <c r="TNX155" s="31"/>
      <c r="TNY155" s="31"/>
      <c r="TNZ155" s="31"/>
      <c r="TOA155" s="31"/>
      <c r="TOB155" s="31"/>
      <c r="TOC155" s="31"/>
      <c r="TOD155" s="31"/>
      <c r="TOE155" s="31"/>
      <c r="TOF155" s="31"/>
      <c r="TOG155" s="31"/>
      <c r="TOH155" s="31"/>
      <c r="TOI155" s="31"/>
      <c r="TOJ155" s="31"/>
      <c r="TOK155" s="31"/>
      <c r="TOL155" s="31"/>
      <c r="TOM155" s="31"/>
      <c r="TON155" s="31"/>
      <c r="TOO155" s="31"/>
      <c r="TOP155" s="31"/>
      <c r="TOQ155" s="31"/>
      <c r="TOR155" s="31"/>
      <c r="TOS155" s="31"/>
      <c r="TOT155" s="31"/>
      <c r="TOU155" s="31"/>
      <c r="TOV155" s="31"/>
      <c r="TOW155" s="31"/>
      <c r="TOX155" s="31"/>
      <c r="TOY155" s="31"/>
      <c r="TOZ155" s="31"/>
      <c r="TPA155" s="31"/>
      <c r="TPB155" s="31"/>
      <c r="TPC155" s="31"/>
      <c r="TPD155" s="31"/>
      <c r="TPE155" s="31"/>
      <c r="TPF155" s="31"/>
      <c r="TPG155" s="31"/>
      <c r="TPH155" s="31"/>
      <c r="TPI155" s="31"/>
      <c r="TPJ155" s="31"/>
      <c r="TPK155" s="31"/>
      <c r="TPL155" s="31"/>
      <c r="TPM155" s="31"/>
      <c r="TPN155" s="31"/>
      <c r="TPO155" s="31"/>
      <c r="TPP155" s="31"/>
      <c r="TPQ155" s="31"/>
      <c r="TPR155" s="31"/>
      <c r="TPS155" s="31"/>
      <c r="TPT155" s="31"/>
      <c r="TPU155" s="31"/>
      <c r="TPV155" s="31"/>
      <c r="TPW155" s="31"/>
      <c r="TPX155" s="31"/>
      <c r="TPY155" s="31"/>
      <c r="TPZ155" s="31"/>
      <c r="TQA155" s="31"/>
      <c r="TQB155" s="31"/>
      <c r="TQC155" s="31"/>
      <c r="TQD155" s="31"/>
      <c r="TQE155" s="31"/>
      <c r="TQF155" s="31"/>
      <c r="TQG155" s="31"/>
      <c r="TQH155" s="31"/>
      <c r="TQI155" s="31"/>
      <c r="TQJ155" s="31"/>
      <c r="TQK155" s="31"/>
      <c r="TQL155" s="31"/>
      <c r="TQM155" s="31"/>
      <c r="TQN155" s="31"/>
      <c r="TQO155" s="31"/>
      <c r="TQP155" s="31"/>
      <c r="TQQ155" s="31"/>
      <c r="TQR155" s="31"/>
      <c r="TQS155" s="31"/>
      <c r="TQT155" s="31"/>
      <c r="TQU155" s="31"/>
      <c r="TQV155" s="31"/>
      <c r="TQW155" s="31"/>
      <c r="TQX155" s="31"/>
      <c r="TQY155" s="31"/>
      <c r="TQZ155" s="31"/>
      <c r="TRA155" s="31"/>
      <c r="TRB155" s="31"/>
      <c r="TRC155" s="31"/>
      <c r="TRD155" s="31"/>
      <c r="TRE155" s="31"/>
      <c r="TRF155" s="31"/>
      <c r="TRG155" s="31"/>
      <c r="TRH155" s="31"/>
      <c r="TRI155" s="31"/>
      <c r="TRJ155" s="31"/>
      <c r="TRK155" s="31"/>
      <c r="TRL155" s="31"/>
      <c r="TRM155" s="31"/>
      <c r="TRN155" s="31"/>
      <c r="TRO155" s="31"/>
      <c r="TRP155" s="31"/>
      <c r="TRQ155" s="31"/>
      <c r="TRR155" s="31"/>
      <c r="TRS155" s="31"/>
      <c r="TRT155" s="31"/>
      <c r="TRU155" s="31"/>
      <c r="TRV155" s="31"/>
      <c r="TRW155" s="31"/>
      <c r="TRX155" s="31"/>
      <c r="TRY155" s="31"/>
      <c r="TRZ155" s="31"/>
      <c r="TSA155" s="31"/>
      <c r="TSB155" s="31"/>
      <c r="TSC155" s="31"/>
      <c r="TSD155" s="31"/>
      <c r="TSE155" s="31"/>
      <c r="TSF155" s="31"/>
      <c r="TSG155" s="31"/>
      <c r="TSH155" s="31"/>
      <c r="TSI155" s="31"/>
      <c r="TSJ155" s="31"/>
      <c r="TSK155" s="31"/>
      <c r="TSL155" s="31"/>
      <c r="TSM155" s="31"/>
      <c r="TSN155" s="31"/>
      <c r="TSO155" s="31"/>
      <c r="TSP155" s="31"/>
      <c r="TSQ155" s="31"/>
      <c r="TSR155" s="31"/>
      <c r="TSS155" s="31"/>
      <c r="TST155" s="31"/>
      <c r="TSU155" s="31"/>
      <c r="TSV155" s="31"/>
      <c r="TSW155" s="31"/>
      <c r="TSX155" s="31"/>
      <c r="TSY155" s="31"/>
      <c r="TSZ155" s="31"/>
      <c r="TTA155" s="31"/>
      <c r="TTB155" s="31"/>
      <c r="TTC155" s="31"/>
      <c r="TTD155" s="31"/>
      <c r="TTE155" s="31"/>
      <c r="TTF155" s="31"/>
      <c r="TTG155" s="31"/>
      <c r="TTH155" s="31"/>
      <c r="TTI155" s="31"/>
      <c r="TTJ155" s="31"/>
      <c r="TTK155" s="31"/>
      <c r="TTL155" s="31"/>
      <c r="TTM155" s="31"/>
      <c r="TTN155" s="31"/>
      <c r="TTO155" s="31"/>
      <c r="TTP155" s="31"/>
      <c r="TTQ155" s="31"/>
      <c r="TTR155" s="31"/>
      <c r="TTS155" s="31"/>
      <c r="TTT155" s="31"/>
      <c r="TTU155" s="31"/>
      <c r="TTV155" s="31"/>
      <c r="TTW155" s="31"/>
      <c r="TTX155" s="31"/>
      <c r="TTY155" s="31"/>
      <c r="TTZ155" s="31"/>
      <c r="TUA155" s="31"/>
      <c r="TUB155" s="31"/>
      <c r="TUC155" s="31"/>
      <c r="TUD155" s="31"/>
      <c r="TUE155" s="31"/>
      <c r="TUF155" s="31"/>
      <c r="TUG155" s="31"/>
      <c r="TUH155" s="31"/>
      <c r="TUI155" s="31"/>
      <c r="TUJ155" s="31"/>
      <c r="TUK155" s="31"/>
      <c r="TUL155" s="31"/>
      <c r="TUM155" s="31"/>
      <c r="TUN155" s="31"/>
      <c r="TUO155" s="31"/>
      <c r="TUP155" s="31"/>
      <c r="TUQ155" s="31"/>
      <c r="TUR155" s="31"/>
      <c r="TUS155" s="31"/>
      <c r="TUT155" s="31"/>
      <c r="TUU155" s="31"/>
      <c r="TUV155" s="31"/>
      <c r="TUW155" s="31"/>
      <c r="TUX155" s="31"/>
      <c r="TUY155" s="31"/>
      <c r="TUZ155" s="31"/>
      <c r="TVA155" s="31"/>
      <c r="TVB155" s="31"/>
      <c r="TVC155" s="31"/>
      <c r="TVD155" s="31"/>
      <c r="TVE155" s="31"/>
      <c r="TVF155" s="31"/>
      <c r="TVG155" s="31"/>
      <c r="TVH155" s="31"/>
      <c r="TVI155" s="31"/>
      <c r="TVJ155" s="31"/>
      <c r="TVK155" s="31"/>
      <c r="TVL155" s="31"/>
      <c r="TVM155" s="31"/>
      <c r="TVN155" s="31"/>
      <c r="TVO155" s="31"/>
      <c r="TVP155" s="31"/>
      <c r="TVQ155" s="31"/>
      <c r="TVR155" s="31"/>
      <c r="TVS155" s="31"/>
      <c r="TVT155" s="31"/>
      <c r="TVU155" s="31"/>
      <c r="TVV155" s="31"/>
      <c r="TVW155" s="31"/>
      <c r="TVX155" s="31"/>
      <c r="TVY155" s="31"/>
      <c r="TVZ155" s="31"/>
      <c r="TWA155" s="31"/>
      <c r="TWB155" s="31"/>
      <c r="TWC155" s="31"/>
      <c r="TWD155" s="31"/>
      <c r="TWE155" s="31"/>
      <c r="TWF155" s="31"/>
      <c r="TWG155" s="31"/>
      <c r="TWH155" s="31"/>
      <c r="TWI155" s="31"/>
      <c r="TWJ155" s="31"/>
      <c r="TWK155" s="31"/>
      <c r="TWL155" s="31"/>
      <c r="TWM155" s="31"/>
      <c r="TWN155" s="31"/>
      <c r="TWO155" s="31"/>
      <c r="TWP155" s="31"/>
      <c r="TWQ155" s="31"/>
      <c r="TWR155" s="31"/>
      <c r="TWS155" s="31"/>
      <c r="TWT155" s="31"/>
      <c r="TWU155" s="31"/>
      <c r="TWV155" s="31"/>
      <c r="TWW155" s="31"/>
      <c r="TWX155" s="31"/>
      <c r="TWY155" s="31"/>
      <c r="TWZ155" s="31"/>
      <c r="TXA155" s="31"/>
      <c r="TXB155" s="31"/>
      <c r="TXC155" s="31"/>
      <c r="TXD155" s="31"/>
      <c r="TXE155" s="31"/>
      <c r="TXF155" s="31"/>
      <c r="TXG155" s="31"/>
      <c r="TXH155" s="31"/>
      <c r="TXI155" s="31"/>
      <c r="TXJ155" s="31"/>
      <c r="TXK155" s="31"/>
      <c r="TXL155" s="31"/>
      <c r="TXM155" s="31"/>
      <c r="TXN155" s="31"/>
      <c r="TXO155" s="31"/>
      <c r="TXP155" s="31"/>
      <c r="TXQ155" s="31"/>
      <c r="TXR155" s="31"/>
      <c r="TXS155" s="31"/>
      <c r="TXT155" s="31"/>
      <c r="TXU155" s="31"/>
      <c r="TXV155" s="31"/>
      <c r="TXW155" s="31"/>
      <c r="TXX155" s="31"/>
      <c r="TXY155" s="31"/>
      <c r="TXZ155" s="31"/>
      <c r="TYA155" s="31"/>
      <c r="TYB155" s="31"/>
      <c r="TYC155" s="31"/>
      <c r="TYD155" s="31"/>
      <c r="TYE155" s="31"/>
      <c r="TYF155" s="31"/>
      <c r="TYG155" s="31"/>
      <c r="TYH155" s="31"/>
      <c r="TYI155" s="31"/>
      <c r="TYJ155" s="31"/>
      <c r="TYK155" s="31"/>
      <c r="TYL155" s="31"/>
      <c r="TYM155" s="31"/>
      <c r="TYN155" s="31"/>
      <c r="TYO155" s="31"/>
      <c r="TYP155" s="31"/>
      <c r="TYQ155" s="31"/>
      <c r="TYR155" s="31"/>
      <c r="TYS155" s="31"/>
      <c r="TYT155" s="31"/>
      <c r="TYU155" s="31"/>
      <c r="TYV155" s="31"/>
      <c r="TYW155" s="31"/>
      <c r="TYX155" s="31"/>
      <c r="TYY155" s="31"/>
      <c r="TYZ155" s="31"/>
      <c r="TZA155" s="31"/>
      <c r="TZB155" s="31"/>
      <c r="TZC155" s="31"/>
      <c r="TZD155" s="31"/>
      <c r="TZE155" s="31"/>
      <c r="TZF155" s="31"/>
      <c r="TZG155" s="31"/>
      <c r="TZH155" s="31"/>
      <c r="TZI155" s="31"/>
      <c r="TZJ155" s="31"/>
      <c r="TZK155" s="31"/>
      <c r="TZL155" s="31"/>
      <c r="TZM155" s="31"/>
      <c r="TZN155" s="31"/>
      <c r="TZO155" s="31"/>
      <c r="TZP155" s="31"/>
      <c r="TZQ155" s="31"/>
      <c r="TZR155" s="31"/>
      <c r="TZS155" s="31"/>
      <c r="TZT155" s="31"/>
      <c r="TZU155" s="31"/>
      <c r="TZV155" s="31"/>
      <c r="TZW155" s="31"/>
      <c r="TZX155" s="31"/>
      <c r="TZY155" s="31"/>
      <c r="TZZ155" s="31"/>
      <c r="UAA155" s="31"/>
      <c r="UAB155" s="31"/>
      <c r="UAC155" s="31"/>
      <c r="UAD155" s="31"/>
      <c r="UAE155" s="31"/>
      <c r="UAF155" s="31"/>
      <c r="UAG155" s="31"/>
      <c r="UAH155" s="31"/>
      <c r="UAI155" s="31"/>
      <c r="UAJ155" s="31"/>
      <c r="UAK155" s="31"/>
      <c r="UAL155" s="31"/>
      <c r="UAM155" s="31"/>
      <c r="UAN155" s="31"/>
      <c r="UAO155" s="31"/>
      <c r="UAP155" s="31"/>
      <c r="UAQ155" s="31"/>
      <c r="UAR155" s="31"/>
      <c r="UAS155" s="31"/>
      <c r="UAT155" s="31"/>
      <c r="UAU155" s="31"/>
      <c r="UAV155" s="31"/>
      <c r="UAW155" s="31"/>
      <c r="UAX155" s="31"/>
      <c r="UAY155" s="31"/>
      <c r="UAZ155" s="31"/>
      <c r="UBA155" s="31"/>
      <c r="UBB155" s="31"/>
      <c r="UBC155" s="31"/>
      <c r="UBD155" s="31"/>
      <c r="UBE155" s="31"/>
      <c r="UBF155" s="31"/>
      <c r="UBG155" s="31"/>
      <c r="UBH155" s="31"/>
      <c r="UBI155" s="31"/>
      <c r="UBJ155" s="31"/>
      <c r="UBK155" s="31"/>
      <c r="UBL155" s="31"/>
      <c r="UBM155" s="31"/>
      <c r="UBN155" s="31"/>
      <c r="UBO155" s="31"/>
      <c r="UBP155" s="31"/>
      <c r="UBQ155" s="31"/>
      <c r="UBR155" s="31"/>
      <c r="UBS155" s="31"/>
      <c r="UBT155" s="31"/>
      <c r="UBU155" s="31"/>
      <c r="UBV155" s="31"/>
      <c r="UBW155" s="31"/>
      <c r="UBX155" s="31"/>
      <c r="UBY155" s="31"/>
      <c r="UBZ155" s="31"/>
      <c r="UCA155" s="31"/>
      <c r="UCB155" s="31"/>
      <c r="UCC155" s="31"/>
      <c r="UCD155" s="31"/>
      <c r="UCE155" s="31"/>
      <c r="UCF155" s="31"/>
      <c r="UCG155" s="31"/>
      <c r="UCH155" s="31"/>
      <c r="UCI155" s="31"/>
      <c r="UCJ155" s="31"/>
      <c r="UCK155" s="31"/>
      <c r="UCL155" s="31"/>
      <c r="UCM155" s="31"/>
      <c r="UCN155" s="31"/>
      <c r="UCO155" s="31"/>
      <c r="UCP155" s="31"/>
      <c r="UCQ155" s="31"/>
      <c r="UCR155" s="31"/>
      <c r="UCS155" s="31"/>
      <c r="UCT155" s="31"/>
      <c r="UCU155" s="31"/>
      <c r="UCV155" s="31"/>
      <c r="UCW155" s="31"/>
      <c r="UCX155" s="31"/>
      <c r="UCY155" s="31"/>
      <c r="UCZ155" s="31"/>
      <c r="UDA155" s="31"/>
      <c r="UDB155" s="31"/>
      <c r="UDC155" s="31"/>
      <c r="UDD155" s="31"/>
      <c r="UDE155" s="31"/>
      <c r="UDF155" s="31"/>
      <c r="UDG155" s="31"/>
      <c r="UDH155" s="31"/>
      <c r="UDI155" s="31"/>
      <c r="UDJ155" s="31"/>
      <c r="UDK155" s="31"/>
      <c r="UDL155" s="31"/>
      <c r="UDM155" s="31"/>
      <c r="UDN155" s="31"/>
      <c r="UDO155" s="31"/>
      <c r="UDP155" s="31"/>
      <c r="UDQ155" s="31"/>
      <c r="UDR155" s="31"/>
      <c r="UDS155" s="31"/>
      <c r="UDT155" s="31"/>
      <c r="UDU155" s="31"/>
      <c r="UDV155" s="31"/>
      <c r="UDW155" s="31"/>
      <c r="UDX155" s="31"/>
      <c r="UDY155" s="31"/>
      <c r="UDZ155" s="31"/>
      <c r="UEA155" s="31"/>
      <c r="UEB155" s="31"/>
      <c r="UEC155" s="31"/>
      <c r="UED155" s="31"/>
      <c r="UEE155" s="31"/>
      <c r="UEF155" s="31"/>
      <c r="UEG155" s="31"/>
      <c r="UEH155" s="31"/>
      <c r="UEI155" s="31"/>
      <c r="UEJ155" s="31"/>
      <c r="UEK155" s="31"/>
      <c r="UEL155" s="31"/>
      <c r="UEM155" s="31"/>
      <c r="UEN155" s="31"/>
      <c r="UEO155" s="31"/>
      <c r="UEP155" s="31"/>
      <c r="UEQ155" s="31"/>
      <c r="UER155" s="31"/>
      <c r="UES155" s="31"/>
      <c r="UET155" s="31"/>
      <c r="UEU155" s="31"/>
      <c r="UEV155" s="31"/>
      <c r="UEW155" s="31"/>
      <c r="UEX155" s="31"/>
      <c r="UEY155" s="31"/>
      <c r="UEZ155" s="31"/>
      <c r="UFA155" s="31"/>
      <c r="UFB155" s="31"/>
      <c r="UFC155" s="31"/>
      <c r="UFD155" s="31"/>
      <c r="UFE155" s="31"/>
      <c r="UFF155" s="31"/>
      <c r="UFG155" s="31"/>
      <c r="UFH155" s="31"/>
      <c r="UFI155" s="31"/>
      <c r="UFJ155" s="31"/>
      <c r="UFK155" s="31"/>
      <c r="UFL155" s="31"/>
      <c r="UFM155" s="31"/>
      <c r="UFN155" s="31"/>
      <c r="UFO155" s="31"/>
      <c r="UFP155" s="31"/>
      <c r="UFQ155" s="31"/>
      <c r="UFR155" s="31"/>
      <c r="UFS155" s="31"/>
      <c r="UFT155" s="31"/>
      <c r="UFU155" s="31"/>
      <c r="UFV155" s="31"/>
      <c r="UFW155" s="31"/>
      <c r="UFX155" s="31"/>
      <c r="UFY155" s="31"/>
      <c r="UFZ155" s="31"/>
      <c r="UGA155" s="31"/>
      <c r="UGB155" s="31"/>
      <c r="UGC155" s="31"/>
      <c r="UGD155" s="31"/>
      <c r="UGE155" s="31"/>
      <c r="UGF155" s="31"/>
      <c r="UGG155" s="31"/>
      <c r="UGH155" s="31"/>
      <c r="UGI155" s="31"/>
      <c r="UGJ155" s="31"/>
      <c r="UGK155" s="31"/>
      <c r="UGL155" s="31"/>
      <c r="UGM155" s="31"/>
      <c r="UGN155" s="31"/>
      <c r="UGO155" s="31"/>
      <c r="UGP155" s="31"/>
      <c r="UGQ155" s="31"/>
      <c r="UGR155" s="31"/>
      <c r="UGS155" s="31"/>
      <c r="UGT155" s="31"/>
      <c r="UGU155" s="31"/>
      <c r="UGV155" s="31"/>
      <c r="UGW155" s="31"/>
      <c r="UGX155" s="31"/>
      <c r="UGY155" s="31"/>
      <c r="UGZ155" s="31"/>
      <c r="UHA155" s="31"/>
      <c r="UHB155" s="31"/>
      <c r="UHC155" s="31"/>
      <c r="UHD155" s="31"/>
      <c r="UHE155" s="31"/>
      <c r="UHF155" s="31"/>
      <c r="UHG155" s="31"/>
      <c r="UHH155" s="31"/>
      <c r="UHI155" s="31"/>
      <c r="UHJ155" s="31"/>
      <c r="UHK155" s="31"/>
      <c r="UHL155" s="31"/>
      <c r="UHM155" s="31"/>
      <c r="UHN155" s="31"/>
      <c r="UHO155" s="31"/>
      <c r="UHP155" s="31"/>
      <c r="UHQ155" s="31"/>
      <c r="UHR155" s="31"/>
      <c r="UHS155" s="31"/>
      <c r="UHT155" s="31"/>
      <c r="UHU155" s="31"/>
      <c r="UHV155" s="31"/>
      <c r="UHW155" s="31"/>
      <c r="UHX155" s="31"/>
      <c r="UHY155" s="31"/>
      <c r="UHZ155" s="31"/>
      <c r="UIA155" s="31"/>
      <c r="UIB155" s="31"/>
      <c r="UIC155" s="31"/>
      <c r="UID155" s="31"/>
      <c r="UIE155" s="31"/>
      <c r="UIF155" s="31"/>
      <c r="UIG155" s="31"/>
      <c r="UIH155" s="31"/>
      <c r="UII155" s="31"/>
      <c r="UIJ155" s="31"/>
      <c r="UIK155" s="31"/>
      <c r="UIL155" s="31"/>
      <c r="UIM155" s="31"/>
      <c r="UIN155" s="31"/>
      <c r="UIO155" s="31"/>
      <c r="UIP155" s="31"/>
      <c r="UIQ155" s="31"/>
      <c r="UIR155" s="31"/>
      <c r="UIS155" s="31"/>
      <c r="UIT155" s="31"/>
      <c r="UIU155" s="31"/>
      <c r="UIV155" s="31"/>
      <c r="UIW155" s="31"/>
      <c r="UIX155" s="31"/>
      <c r="UIY155" s="31"/>
      <c r="UIZ155" s="31"/>
      <c r="UJA155" s="31"/>
      <c r="UJB155" s="31"/>
      <c r="UJC155" s="31"/>
      <c r="UJD155" s="31"/>
      <c r="UJE155" s="31"/>
      <c r="UJF155" s="31"/>
      <c r="UJG155" s="31"/>
      <c r="UJH155" s="31"/>
      <c r="UJI155" s="31"/>
      <c r="UJJ155" s="31"/>
      <c r="UJK155" s="31"/>
      <c r="UJL155" s="31"/>
      <c r="UJM155" s="31"/>
      <c r="UJN155" s="31"/>
      <c r="UJO155" s="31"/>
      <c r="UJP155" s="31"/>
      <c r="UJQ155" s="31"/>
      <c r="UJR155" s="31"/>
      <c r="UJS155" s="31"/>
      <c r="UJT155" s="31"/>
      <c r="UJU155" s="31"/>
      <c r="UJV155" s="31"/>
      <c r="UJW155" s="31"/>
      <c r="UJX155" s="31"/>
      <c r="UJY155" s="31"/>
      <c r="UJZ155" s="31"/>
      <c r="UKA155" s="31"/>
      <c r="UKB155" s="31"/>
      <c r="UKC155" s="31"/>
      <c r="UKD155" s="31"/>
      <c r="UKE155" s="31"/>
      <c r="UKF155" s="31"/>
      <c r="UKG155" s="31"/>
      <c r="UKH155" s="31"/>
      <c r="UKI155" s="31"/>
      <c r="UKJ155" s="31"/>
      <c r="UKK155" s="31"/>
      <c r="UKL155" s="31"/>
      <c r="UKM155" s="31"/>
      <c r="UKN155" s="31"/>
      <c r="UKO155" s="31"/>
      <c r="UKP155" s="31"/>
      <c r="UKQ155" s="31"/>
      <c r="UKR155" s="31"/>
      <c r="UKS155" s="31"/>
      <c r="UKT155" s="31"/>
      <c r="UKU155" s="31"/>
      <c r="UKV155" s="31"/>
      <c r="UKW155" s="31"/>
      <c r="UKX155" s="31"/>
      <c r="UKY155" s="31"/>
      <c r="UKZ155" s="31"/>
      <c r="ULA155" s="31"/>
      <c r="ULB155" s="31"/>
      <c r="ULC155" s="31"/>
      <c r="ULD155" s="31"/>
      <c r="ULE155" s="31"/>
      <c r="ULF155" s="31"/>
      <c r="ULG155" s="31"/>
      <c r="ULH155" s="31"/>
      <c r="ULI155" s="31"/>
      <c r="ULJ155" s="31"/>
      <c r="ULK155" s="31"/>
      <c r="ULL155" s="31"/>
      <c r="ULM155" s="31"/>
      <c r="ULN155" s="31"/>
      <c r="ULO155" s="31"/>
      <c r="ULP155" s="31"/>
      <c r="ULQ155" s="31"/>
      <c r="ULR155" s="31"/>
      <c r="ULS155" s="31"/>
      <c r="ULT155" s="31"/>
      <c r="ULU155" s="31"/>
      <c r="ULV155" s="31"/>
      <c r="ULW155" s="31"/>
      <c r="ULX155" s="31"/>
      <c r="ULY155" s="31"/>
      <c r="ULZ155" s="31"/>
      <c r="UMA155" s="31"/>
      <c r="UMB155" s="31"/>
      <c r="UMC155" s="31"/>
      <c r="UMD155" s="31"/>
      <c r="UME155" s="31"/>
      <c r="UMF155" s="31"/>
      <c r="UMG155" s="31"/>
      <c r="UMH155" s="31"/>
      <c r="UMI155" s="31"/>
      <c r="UMJ155" s="31"/>
      <c r="UMK155" s="31"/>
      <c r="UML155" s="31"/>
      <c r="UMM155" s="31"/>
      <c r="UMN155" s="31"/>
      <c r="UMO155" s="31"/>
      <c r="UMP155" s="31"/>
      <c r="UMQ155" s="31"/>
      <c r="UMR155" s="31"/>
      <c r="UMS155" s="31"/>
      <c r="UMT155" s="31"/>
      <c r="UMU155" s="31"/>
      <c r="UMV155" s="31"/>
      <c r="UMW155" s="31"/>
      <c r="UMX155" s="31"/>
      <c r="UMY155" s="31"/>
      <c r="UMZ155" s="31"/>
      <c r="UNA155" s="31"/>
      <c r="UNB155" s="31"/>
      <c r="UNC155" s="31"/>
      <c r="UND155" s="31"/>
      <c r="UNE155" s="31"/>
      <c r="UNF155" s="31"/>
      <c r="UNG155" s="31"/>
      <c r="UNH155" s="31"/>
      <c r="UNI155" s="31"/>
      <c r="UNJ155" s="31"/>
      <c r="UNK155" s="31"/>
      <c r="UNL155" s="31"/>
      <c r="UNM155" s="31"/>
      <c r="UNN155" s="31"/>
      <c r="UNO155" s="31"/>
      <c r="UNP155" s="31"/>
      <c r="UNQ155" s="31"/>
      <c r="UNR155" s="31"/>
      <c r="UNS155" s="31"/>
      <c r="UNT155" s="31"/>
      <c r="UNU155" s="31"/>
      <c r="UNV155" s="31"/>
      <c r="UNW155" s="31"/>
      <c r="UNX155" s="31"/>
      <c r="UNY155" s="31"/>
      <c r="UNZ155" s="31"/>
      <c r="UOA155" s="31"/>
      <c r="UOB155" s="31"/>
      <c r="UOC155" s="31"/>
      <c r="UOD155" s="31"/>
      <c r="UOE155" s="31"/>
      <c r="UOF155" s="31"/>
      <c r="UOG155" s="31"/>
      <c r="UOH155" s="31"/>
      <c r="UOI155" s="31"/>
      <c r="UOJ155" s="31"/>
      <c r="UOK155" s="31"/>
      <c r="UOL155" s="31"/>
      <c r="UOM155" s="31"/>
      <c r="UON155" s="31"/>
      <c r="UOO155" s="31"/>
      <c r="UOP155" s="31"/>
      <c r="UOQ155" s="31"/>
      <c r="UOR155" s="31"/>
      <c r="UOS155" s="31"/>
      <c r="UOT155" s="31"/>
      <c r="UOU155" s="31"/>
      <c r="UOV155" s="31"/>
      <c r="UOW155" s="31"/>
      <c r="UOX155" s="31"/>
      <c r="UOY155" s="31"/>
      <c r="UOZ155" s="31"/>
      <c r="UPA155" s="31"/>
      <c r="UPB155" s="31"/>
      <c r="UPC155" s="31"/>
      <c r="UPD155" s="31"/>
      <c r="UPE155" s="31"/>
      <c r="UPF155" s="31"/>
      <c r="UPG155" s="31"/>
      <c r="UPH155" s="31"/>
      <c r="UPI155" s="31"/>
      <c r="UPJ155" s="31"/>
      <c r="UPK155" s="31"/>
      <c r="UPL155" s="31"/>
      <c r="UPM155" s="31"/>
      <c r="UPN155" s="31"/>
      <c r="UPO155" s="31"/>
      <c r="UPP155" s="31"/>
      <c r="UPQ155" s="31"/>
      <c r="UPR155" s="31"/>
      <c r="UPS155" s="31"/>
      <c r="UPT155" s="31"/>
      <c r="UPU155" s="31"/>
      <c r="UPV155" s="31"/>
      <c r="UPW155" s="31"/>
      <c r="UPX155" s="31"/>
      <c r="UPY155" s="31"/>
      <c r="UPZ155" s="31"/>
      <c r="UQA155" s="31"/>
      <c r="UQB155" s="31"/>
      <c r="UQC155" s="31"/>
      <c r="UQD155" s="31"/>
      <c r="UQE155" s="31"/>
      <c r="UQF155" s="31"/>
      <c r="UQG155" s="31"/>
      <c r="UQH155" s="31"/>
      <c r="UQI155" s="31"/>
      <c r="UQJ155" s="31"/>
      <c r="UQK155" s="31"/>
      <c r="UQL155" s="31"/>
      <c r="UQM155" s="31"/>
      <c r="UQN155" s="31"/>
      <c r="UQO155" s="31"/>
      <c r="UQP155" s="31"/>
      <c r="UQQ155" s="31"/>
      <c r="UQR155" s="31"/>
      <c r="UQS155" s="31"/>
      <c r="UQT155" s="31"/>
      <c r="UQU155" s="31"/>
      <c r="UQV155" s="31"/>
      <c r="UQW155" s="31"/>
      <c r="UQX155" s="31"/>
      <c r="UQY155" s="31"/>
      <c r="UQZ155" s="31"/>
      <c r="URA155" s="31"/>
      <c r="URB155" s="31"/>
      <c r="URC155" s="31"/>
      <c r="URD155" s="31"/>
      <c r="URE155" s="31"/>
      <c r="URF155" s="31"/>
      <c r="URG155" s="31"/>
      <c r="URH155" s="31"/>
      <c r="URI155" s="31"/>
      <c r="URJ155" s="31"/>
      <c r="URK155" s="31"/>
      <c r="URL155" s="31"/>
      <c r="URM155" s="31"/>
      <c r="URN155" s="31"/>
      <c r="URO155" s="31"/>
      <c r="URP155" s="31"/>
      <c r="URQ155" s="31"/>
      <c r="URR155" s="31"/>
      <c r="URS155" s="31"/>
      <c r="URT155" s="31"/>
      <c r="URU155" s="31"/>
      <c r="URV155" s="31"/>
      <c r="URW155" s="31"/>
      <c r="URX155" s="31"/>
      <c r="URY155" s="31"/>
      <c r="URZ155" s="31"/>
      <c r="USA155" s="31"/>
      <c r="USB155" s="31"/>
      <c r="USC155" s="31"/>
      <c r="USD155" s="31"/>
      <c r="USE155" s="31"/>
      <c r="USF155" s="31"/>
      <c r="USG155" s="31"/>
      <c r="USH155" s="31"/>
      <c r="USI155" s="31"/>
      <c r="USJ155" s="31"/>
      <c r="USK155" s="31"/>
      <c r="USL155" s="31"/>
      <c r="USM155" s="31"/>
      <c r="USN155" s="31"/>
      <c r="USO155" s="31"/>
      <c r="USP155" s="31"/>
      <c r="USQ155" s="31"/>
      <c r="USR155" s="31"/>
      <c r="USS155" s="31"/>
      <c r="UST155" s="31"/>
      <c r="USU155" s="31"/>
      <c r="USV155" s="31"/>
      <c r="USW155" s="31"/>
      <c r="USX155" s="31"/>
      <c r="USY155" s="31"/>
      <c r="USZ155" s="31"/>
      <c r="UTA155" s="31"/>
      <c r="UTB155" s="31"/>
      <c r="UTC155" s="31"/>
      <c r="UTD155" s="31"/>
      <c r="UTE155" s="31"/>
      <c r="UTF155" s="31"/>
      <c r="UTG155" s="31"/>
      <c r="UTH155" s="31"/>
      <c r="UTI155" s="31"/>
      <c r="UTJ155" s="31"/>
      <c r="UTK155" s="31"/>
      <c r="UTL155" s="31"/>
      <c r="UTM155" s="31"/>
      <c r="UTN155" s="31"/>
      <c r="UTO155" s="31"/>
      <c r="UTP155" s="31"/>
      <c r="UTQ155" s="31"/>
      <c r="UTR155" s="31"/>
      <c r="UTS155" s="31"/>
      <c r="UTT155" s="31"/>
      <c r="UTU155" s="31"/>
      <c r="UTV155" s="31"/>
      <c r="UTW155" s="31"/>
      <c r="UTX155" s="31"/>
      <c r="UTY155" s="31"/>
      <c r="UTZ155" s="31"/>
      <c r="UUA155" s="31"/>
      <c r="UUB155" s="31"/>
      <c r="UUC155" s="31"/>
      <c r="UUD155" s="31"/>
      <c r="UUE155" s="31"/>
      <c r="UUF155" s="31"/>
      <c r="UUG155" s="31"/>
      <c r="UUH155" s="31"/>
      <c r="UUI155" s="31"/>
      <c r="UUJ155" s="31"/>
      <c r="UUK155" s="31"/>
      <c r="UUL155" s="31"/>
      <c r="UUM155" s="31"/>
      <c r="UUN155" s="31"/>
      <c r="UUO155" s="31"/>
      <c r="UUP155" s="31"/>
      <c r="UUQ155" s="31"/>
      <c r="UUR155" s="31"/>
      <c r="UUS155" s="31"/>
      <c r="UUT155" s="31"/>
      <c r="UUU155" s="31"/>
      <c r="UUV155" s="31"/>
      <c r="UUW155" s="31"/>
      <c r="UUX155" s="31"/>
      <c r="UUY155" s="31"/>
      <c r="UUZ155" s="31"/>
      <c r="UVA155" s="31"/>
      <c r="UVB155" s="31"/>
      <c r="UVC155" s="31"/>
      <c r="UVD155" s="31"/>
      <c r="UVE155" s="31"/>
      <c r="UVF155" s="31"/>
      <c r="UVG155" s="31"/>
      <c r="UVH155" s="31"/>
      <c r="UVI155" s="31"/>
      <c r="UVJ155" s="31"/>
      <c r="UVK155" s="31"/>
      <c r="UVL155" s="31"/>
      <c r="UVM155" s="31"/>
      <c r="UVN155" s="31"/>
      <c r="UVO155" s="31"/>
      <c r="UVP155" s="31"/>
      <c r="UVQ155" s="31"/>
      <c r="UVR155" s="31"/>
      <c r="UVS155" s="31"/>
      <c r="UVT155" s="31"/>
      <c r="UVU155" s="31"/>
      <c r="UVV155" s="31"/>
      <c r="UVW155" s="31"/>
      <c r="UVX155" s="31"/>
      <c r="UVY155" s="31"/>
      <c r="UVZ155" s="31"/>
      <c r="UWA155" s="31"/>
      <c r="UWB155" s="31"/>
      <c r="UWC155" s="31"/>
      <c r="UWD155" s="31"/>
      <c r="UWE155" s="31"/>
      <c r="UWF155" s="31"/>
      <c r="UWG155" s="31"/>
      <c r="UWH155" s="31"/>
      <c r="UWI155" s="31"/>
      <c r="UWJ155" s="31"/>
      <c r="UWK155" s="31"/>
      <c r="UWL155" s="31"/>
      <c r="UWM155" s="31"/>
      <c r="UWN155" s="31"/>
      <c r="UWO155" s="31"/>
      <c r="UWP155" s="31"/>
      <c r="UWQ155" s="31"/>
      <c r="UWR155" s="31"/>
      <c r="UWS155" s="31"/>
      <c r="UWT155" s="31"/>
      <c r="UWU155" s="31"/>
      <c r="UWV155" s="31"/>
      <c r="UWW155" s="31"/>
      <c r="UWX155" s="31"/>
      <c r="UWY155" s="31"/>
      <c r="UWZ155" s="31"/>
      <c r="UXA155" s="31"/>
      <c r="UXB155" s="31"/>
      <c r="UXC155" s="31"/>
      <c r="UXD155" s="31"/>
      <c r="UXE155" s="31"/>
      <c r="UXF155" s="31"/>
      <c r="UXG155" s="31"/>
      <c r="UXH155" s="31"/>
      <c r="UXI155" s="31"/>
      <c r="UXJ155" s="31"/>
      <c r="UXK155" s="31"/>
      <c r="UXL155" s="31"/>
      <c r="UXM155" s="31"/>
      <c r="UXN155" s="31"/>
      <c r="UXO155" s="31"/>
      <c r="UXP155" s="31"/>
      <c r="UXQ155" s="31"/>
      <c r="UXR155" s="31"/>
      <c r="UXS155" s="31"/>
      <c r="UXT155" s="31"/>
      <c r="UXU155" s="31"/>
      <c r="UXV155" s="31"/>
      <c r="UXW155" s="31"/>
      <c r="UXX155" s="31"/>
      <c r="UXY155" s="31"/>
      <c r="UXZ155" s="31"/>
      <c r="UYA155" s="31"/>
      <c r="UYB155" s="31"/>
      <c r="UYC155" s="31"/>
      <c r="UYD155" s="31"/>
      <c r="UYE155" s="31"/>
      <c r="UYF155" s="31"/>
      <c r="UYG155" s="31"/>
      <c r="UYH155" s="31"/>
      <c r="UYI155" s="31"/>
      <c r="UYJ155" s="31"/>
      <c r="UYK155" s="31"/>
      <c r="UYL155" s="31"/>
      <c r="UYM155" s="31"/>
      <c r="UYN155" s="31"/>
      <c r="UYO155" s="31"/>
      <c r="UYP155" s="31"/>
      <c r="UYQ155" s="31"/>
      <c r="UYR155" s="31"/>
      <c r="UYS155" s="31"/>
      <c r="UYT155" s="31"/>
      <c r="UYU155" s="31"/>
      <c r="UYV155" s="31"/>
      <c r="UYW155" s="31"/>
      <c r="UYX155" s="31"/>
      <c r="UYY155" s="31"/>
      <c r="UYZ155" s="31"/>
      <c r="UZA155" s="31"/>
      <c r="UZB155" s="31"/>
      <c r="UZC155" s="31"/>
      <c r="UZD155" s="31"/>
      <c r="UZE155" s="31"/>
      <c r="UZF155" s="31"/>
      <c r="UZG155" s="31"/>
      <c r="UZH155" s="31"/>
      <c r="UZI155" s="31"/>
      <c r="UZJ155" s="31"/>
      <c r="UZK155" s="31"/>
      <c r="UZL155" s="31"/>
      <c r="UZM155" s="31"/>
      <c r="UZN155" s="31"/>
      <c r="UZO155" s="31"/>
      <c r="UZP155" s="31"/>
      <c r="UZQ155" s="31"/>
      <c r="UZR155" s="31"/>
      <c r="UZS155" s="31"/>
      <c r="UZT155" s="31"/>
      <c r="UZU155" s="31"/>
      <c r="UZV155" s="31"/>
      <c r="UZW155" s="31"/>
      <c r="UZX155" s="31"/>
      <c r="UZY155" s="31"/>
      <c r="UZZ155" s="31"/>
      <c r="VAA155" s="31"/>
      <c r="VAB155" s="31"/>
      <c r="VAC155" s="31"/>
      <c r="VAD155" s="31"/>
      <c r="VAE155" s="31"/>
      <c r="VAF155" s="31"/>
      <c r="VAG155" s="31"/>
      <c r="VAH155" s="31"/>
      <c r="VAI155" s="31"/>
      <c r="VAJ155" s="31"/>
      <c r="VAK155" s="31"/>
      <c r="VAL155" s="31"/>
      <c r="VAM155" s="31"/>
      <c r="VAN155" s="31"/>
      <c r="VAO155" s="31"/>
      <c r="VAP155" s="31"/>
      <c r="VAQ155" s="31"/>
      <c r="VAR155" s="31"/>
      <c r="VAS155" s="31"/>
      <c r="VAT155" s="31"/>
      <c r="VAU155" s="31"/>
      <c r="VAV155" s="31"/>
      <c r="VAW155" s="31"/>
      <c r="VAX155" s="31"/>
      <c r="VAY155" s="31"/>
      <c r="VAZ155" s="31"/>
      <c r="VBA155" s="31"/>
      <c r="VBB155" s="31"/>
      <c r="VBC155" s="31"/>
      <c r="VBD155" s="31"/>
      <c r="VBE155" s="31"/>
      <c r="VBF155" s="31"/>
      <c r="VBG155" s="31"/>
      <c r="VBH155" s="31"/>
      <c r="VBI155" s="31"/>
      <c r="VBJ155" s="31"/>
      <c r="VBK155" s="31"/>
      <c r="VBL155" s="31"/>
      <c r="VBM155" s="31"/>
      <c r="VBN155" s="31"/>
      <c r="VBO155" s="31"/>
      <c r="VBP155" s="31"/>
      <c r="VBQ155" s="31"/>
      <c r="VBR155" s="31"/>
      <c r="VBS155" s="31"/>
      <c r="VBT155" s="31"/>
      <c r="VBU155" s="31"/>
      <c r="VBV155" s="31"/>
      <c r="VBW155" s="31"/>
      <c r="VBX155" s="31"/>
      <c r="VBY155" s="31"/>
      <c r="VBZ155" s="31"/>
      <c r="VCA155" s="31"/>
      <c r="VCB155" s="31"/>
      <c r="VCC155" s="31"/>
      <c r="VCD155" s="31"/>
      <c r="VCE155" s="31"/>
      <c r="VCF155" s="31"/>
      <c r="VCG155" s="31"/>
      <c r="VCH155" s="31"/>
      <c r="VCI155" s="31"/>
      <c r="VCJ155" s="31"/>
      <c r="VCK155" s="31"/>
      <c r="VCL155" s="31"/>
      <c r="VCM155" s="31"/>
      <c r="VCN155" s="31"/>
      <c r="VCO155" s="31"/>
      <c r="VCP155" s="31"/>
      <c r="VCQ155" s="31"/>
      <c r="VCR155" s="31"/>
      <c r="VCS155" s="31"/>
      <c r="VCT155" s="31"/>
      <c r="VCU155" s="31"/>
      <c r="VCV155" s="31"/>
      <c r="VCW155" s="31"/>
      <c r="VCX155" s="31"/>
      <c r="VCY155" s="31"/>
      <c r="VCZ155" s="31"/>
      <c r="VDA155" s="31"/>
      <c r="VDB155" s="31"/>
      <c r="VDC155" s="31"/>
      <c r="VDD155" s="31"/>
      <c r="VDE155" s="31"/>
      <c r="VDF155" s="31"/>
      <c r="VDG155" s="31"/>
      <c r="VDH155" s="31"/>
      <c r="VDI155" s="31"/>
      <c r="VDJ155" s="31"/>
      <c r="VDK155" s="31"/>
      <c r="VDL155" s="31"/>
      <c r="VDM155" s="31"/>
      <c r="VDN155" s="31"/>
      <c r="VDO155" s="31"/>
      <c r="VDP155" s="31"/>
      <c r="VDQ155" s="31"/>
      <c r="VDR155" s="31"/>
      <c r="VDS155" s="31"/>
      <c r="VDT155" s="31"/>
      <c r="VDU155" s="31"/>
      <c r="VDV155" s="31"/>
      <c r="VDW155" s="31"/>
      <c r="VDX155" s="31"/>
      <c r="VDY155" s="31"/>
      <c r="VDZ155" s="31"/>
      <c r="VEA155" s="31"/>
      <c r="VEB155" s="31"/>
      <c r="VEC155" s="31"/>
      <c r="VED155" s="31"/>
      <c r="VEE155" s="31"/>
      <c r="VEF155" s="31"/>
      <c r="VEG155" s="31"/>
      <c r="VEH155" s="31"/>
      <c r="VEI155" s="31"/>
      <c r="VEJ155" s="31"/>
      <c r="VEK155" s="31"/>
      <c r="VEL155" s="31"/>
      <c r="VEM155" s="31"/>
      <c r="VEN155" s="31"/>
      <c r="VEO155" s="31"/>
      <c r="VEP155" s="31"/>
      <c r="VEQ155" s="31"/>
      <c r="VER155" s="31"/>
      <c r="VES155" s="31"/>
      <c r="VET155" s="31"/>
      <c r="VEU155" s="31"/>
      <c r="VEV155" s="31"/>
      <c r="VEW155" s="31"/>
      <c r="VEX155" s="31"/>
      <c r="VEY155" s="31"/>
      <c r="VEZ155" s="31"/>
      <c r="VFA155" s="31"/>
      <c r="VFB155" s="31"/>
      <c r="VFC155" s="31"/>
      <c r="VFD155" s="31"/>
      <c r="VFE155" s="31"/>
      <c r="VFF155" s="31"/>
      <c r="VFG155" s="31"/>
      <c r="VFH155" s="31"/>
      <c r="VFI155" s="31"/>
      <c r="VFJ155" s="31"/>
      <c r="VFK155" s="31"/>
      <c r="VFL155" s="31"/>
      <c r="VFM155" s="31"/>
      <c r="VFN155" s="31"/>
      <c r="VFO155" s="31"/>
      <c r="VFP155" s="31"/>
      <c r="VFQ155" s="31"/>
      <c r="VFR155" s="31"/>
      <c r="VFS155" s="31"/>
      <c r="VFT155" s="31"/>
      <c r="VFU155" s="31"/>
      <c r="VFV155" s="31"/>
      <c r="VFW155" s="31"/>
      <c r="VFX155" s="31"/>
      <c r="VFY155" s="31"/>
      <c r="VFZ155" s="31"/>
      <c r="VGA155" s="31"/>
      <c r="VGB155" s="31"/>
      <c r="VGC155" s="31"/>
      <c r="VGD155" s="31"/>
      <c r="VGE155" s="31"/>
      <c r="VGF155" s="31"/>
      <c r="VGG155" s="31"/>
      <c r="VGH155" s="31"/>
      <c r="VGI155" s="31"/>
      <c r="VGJ155" s="31"/>
      <c r="VGK155" s="31"/>
      <c r="VGL155" s="31"/>
      <c r="VGM155" s="31"/>
      <c r="VGN155" s="31"/>
      <c r="VGO155" s="31"/>
      <c r="VGP155" s="31"/>
      <c r="VGQ155" s="31"/>
      <c r="VGR155" s="31"/>
      <c r="VGS155" s="31"/>
      <c r="VGT155" s="31"/>
      <c r="VGU155" s="31"/>
      <c r="VGV155" s="31"/>
      <c r="VGW155" s="31"/>
      <c r="VGX155" s="31"/>
      <c r="VGY155" s="31"/>
      <c r="VGZ155" s="31"/>
      <c r="VHA155" s="31"/>
      <c r="VHB155" s="31"/>
      <c r="VHC155" s="31"/>
      <c r="VHD155" s="31"/>
      <c r="VHE155" s="31"/>
      <c r="VHF155" s="31"/>
      <c r="VHG155" s="31"/>
      <c r="VHH155" s="31"/>
      <c r="VHI155" s="31"/>
      <c r="VHJ155" s="31"/>
      <c r="VHK155" s="31"/>
      <c r="VHL155" s="31"/>
      <c r="VHM155" s="31"/>
      <c r="VHN155" s="31"/>
      <c r="VHO155" s="31"/>
      <c r="VHP155" s="31"/>
      <c r="VHQ155" s="31"/>
      <c r="VHR155" s="31"/>
      <c r="VHS155" s="31"/>
      <c r="VHT155" s="31"/>
      <c r="VHU155" s="31"/>
      <c r="VHV155" s="31"/>
      <c r="VHW155" s="31"/>
      <c r="VHX155" s="31"/>
      <c r="VHY155" s="31"/>
      <c r="VHZ155" s="31"/>
      <c r="VIA155" s="31"/>
      <c r="VIB155" s="31"/>
      <c r="VIC155" s="31"/>
      <c r="VID155" s="31"/>
      <c r="VIE155" s="31"/>
      <c r="VIF155" s="31"/>
      <c r="VIG155" s="31"/>
      <c r="VIH155" s="31"/>
      <c r="VII155" s="31"/>
      <c r="VIJ155" s="31"/>
      <c r="VIK155" s="31"/>
      <c r="VIL155" s="31"/>
      <c r="VIM155" s="31"/>
      <c r="VIN155" s="31"/>
      <c r="VIO155" s="31"/>
      <c r="VIP155" s="31"/>
      <c r="VIQ155" s="31"/>
      <c r="VIR155" s="31"/>
      <c r="VIS155" s="31"/>
      <c r="VIT155" s="31"/>
      <c r="VIU155" s="31"/>
      <c r="VIV155" s="31"/>
      <c r="VIW155" s="31"/>
      <c r="VIX155" s="31"/>
      <c r="VIY155" s="31"/>
      <c r="VIZ155" s="31"/>
      <c r="VJA155" s="31"/>
      <c r="VJB155" s="31"/>
      <c r="VJC155" s="31"/>
      <c r="VJD155" s="31"/>
      <c r="VJE155" s="31"/>
      <c r="VJF155" s="31"/>
      <c r="VJG155" s="31"/>
      <c r="VJH155" s="31"/>
      <c r="VJI155" s="31"/>
      <c r="VJJ155" s="31"/>
      <c r="VJK155" s="31"/>
      <c r="VJL155" s="31"/>
      <c r="VJM155" s="31"/>
      <c r="VJN155" s="31"/>
      <c r="VJO155" s="31"/>
      <c r="VJP155" s="31"/>
      <c r="VJQ155" s="31"/>
      <c r="VJR155" s="31"/>
      <c r="VJS155" s="31"/>
      <c r="VJT155" s="31"/>
      <c r="VJU155" s="31"/>
      <c r="VJV155" s="31"/>
      <c r="VJW155" s="31"/>
      <c r="VJX155" s="31"/>
      <c r="VJY155" s="31"/>
      <c r="VJZ155" s="31"/>
      <c r="VKA155" s="31"/>
      <c r="VKB155" s="31"/>
      <c r="VKC155" s="31"/>
      <c r="VKD155" s="31"/>
      <c r="VKE155" s="31"/>
      <c r="VKF155" s="31"/>
      <c r="VKG155" s="31"/>
      <c r="VKH155" s="31"/>
      <c r="VKI155" s="31"/>
      <c r="VKJ155" s="31"/>
      <c r="VKK155" s="31"/>
      <c r="VKL155" s="31"/>
      <c r="VKM155" s="31"/>
      <c r="VKN155" s="31"/>
      <c r="VKO155" s="31"/>
      <c r="VKP155" s="31"/>
      <c r="VKQ155" s="31"/>
      <c r="VKR155" s="31"/>
      <c r="VKS155" s="31"/>
      <c r="VKT155" s="31"/>
      <c r="VKU155" s="31"/>
      <c r="VKV155" s="31"/>
      <c r="VKW155" s="31"/>
      <c r="VKX155" s="31"/>
      <c r="VKY155" s="31"/>
      <c r="VKZ155" s="31"/>
      <c r="VLA155" s="31"/>
      <c r="VLB155" s="31"/>
      <c r="VLC155" s="31"/>
      <c r="VLD155" s="31"/>
      <c r="VLE155" s="31"/>
      <c r="VLF155" s="31"/>
      <c r="VLG155" s="31"/>
      <c r="VLH155" s="31"/>
      <c r="VLI155" s="31"/>
      <c r="VLJ155" s="31"/>
      <c r="VLK155" s="31"/>
      <c r="VLL155" s="31"/>
      <c r="VLM155" s="31"/>
      <c r="VLN155" s="31"/>
      <c r="VLO155" s="31"/>
      <c r="VLP155" s="31"/>
      <c r="VLQ155" s="31"/>
      <c r="VLR155" s="31"/>
      <c r="VLS155" s="31"/>
      <c r="VLT155" s="31"/>
      <c r="VLU155" s="31"/>
      <c r="VLV155" s="31"/>
      <c r="VLW155" s="31"/>
      <c r="VLX155" s="31"/>
      <c r="VLY155" s="31"/>
      <c r="VLZ155" s="31"/>
      <c r="VMA155" s="31"/>
      <c r="VMB155" s="31"/>
      <c r="VMC155" s="31"/>
      <c r="VMD155" s="31"/>
      <c r="VME155" s="31"/>
      <c r="VMF155" s="31"/>
      <c r="VMG155" s="31"/>
      <c r="VMH155" s="31"/>
      <c r="VMI155" s="31"/>
      <c r="VMJ155" s="31"/>
      <c r="VMK155" s="31"/>
      <c r="VML155" s="31"/>
      <c r="VMM155" s="31"/>
      <c r="VMN155" s="31"/>
      <c r="VMO155" s="31"/>
      <c r="VMP155" s="31"/>
      <c r="VMQ155" s="31"/>
      <c r="VMR155" s="31"/>
      <c r="VMS155" s="31"/>
      <c r="VMT155" s="31"/>
      <c r="VMU155" s="31"/>
      <c r="VMV155" s="31"/>
      <c r="VMW155" s="31"/>
      <c r="VMX155" s="31"/>
      <c r="VMY155" s="31"/>
      <c r="VMZ155" s="31"/>
      <c r="VNA155" s="31"/>
      <c r="VNB155" s="31"/>
      <c r="VNC155" s="31"/>
      <c r="VND155" s="31"/>
      <c r="VNE155" s="31"/>
      <c r="VNF155" s="31"/>
      <c r="VNG155" s="31"/>
      <c r="VNH155" s="31"/>
      <c r="VNI155" s="31"/>
      <c r="VNJ155" s="31"/>
      <c r="VNK155" s="31"/>
      <c r="VNL155" s="31"/>
      <c r="VNM155" s="31"/>
      <c r="VNN155" s="31"/>
      <c r="VNO155" s="31"/>
      <c r="VNP155" s="31"/>
      <c r="VNQ155" s="31"/>
      <c r="VNR155" s="31"/>
      <c r="VNS155" s="31"/>
      <c r="VNT155" s="31"/>
      <c r="VNU155" s="31"/>
      <c r="VNV155" s="31"/>
      <c r="VNW155" s="31"/>
      <c r="VNX155" s="31"/>
      <c r="VNY155" s="31"/>
      <c r="VNZ155" s="31"/>
      <c r="VOA155" s="31"/>
      <c r="VOB155" s="31"/>
      <c r="VOC155" s="31"/>
      <c r="VOD155" s="31"/>
      <c r="VOE155" s="31"/>
      <c r="VOF155" s="31"/>
      <c r="VOG155" s="31"/>
      <c r="VOH155" s="31"/>
      <c r="VOI155" s="31"/>
      <c r="VOJ155" s="31"/>
      <c r="VOK155" s="31"/>
      <c r="VOL155" s="31"/>
      <c r="VOM155" s="31"/>
      <c r="VON155" s="31"/>
      <c r="VOO155" s="31"/>
      <c r="VOP155" s="31"/>
      <c r="VOQ155" s="31"/>
      <c r="VOR155" s="31"/>
      <c r="VOS155" s="31"/>
      <c r="VOT155" s="31"/>
      <c r="VOU155" s="31"/>
      <c r="VOV155" s="31"/>
      <c r="VOW155" s="31"/>
      <c r="VOX155" s="31"/>
      <c r="VOY155" s="31"/>
      <c r="VOZ155" s="31"/>
      <c r="VPA155" s="31"/>
      <c r="VPB155" s="31"/>
      <c r="VPC155" s="31"/>
      <c r="VPD155" s="31"/>
      <c r="VPE155" s="31"/>
      <c r="VPF155" s="31"/>
      <c r="VPG155" s="31"/>
      <c r="VPH155" s="31"/>
      <c r="VPI155" s="31"/>
      <c r="VPJ155" s="31"/>
      <c r="VPK155" s="31"/>
      <c r="VPL155" s="31"/>
      <c r="VPM155" s="31"/>
      <c r="VPN155" s="31"/>
      <c r="VPO155" s="31"/>
      <c r="VPP155" s="31"/>
      <c r="VPQ155" s="31"/>
      <c r="VPR155" s="31"/>
      <c r="VPS155" s="31"/>
      <c r="VPT155" s="31"/>
      <c r="VPU155" s="31"/>
      <c r="VPV155" s="31"/>
      <c r="VPW155" s="31"/>
      <c r="VPX155" s="31"/>
      <c r="VPY155" s="31"/>
      <c r="VPZ155" s="31"/>
      <c r="VQA155" s="31"/>
      <c r="VQB155" s="31"/>
      <c r="VQC155" s="31"/>
      <c r="VQD155" s="31"/>
      <c r="VQE155" s="31"/>
      <c r="VQF155" s="31"/>
      <c r="VQG155" s="31"/>
      <c r="VQH155" s="31"/>
      <c r="VQI155" s="31"/>
      <c r="VQJ155" s="31"/>
      <c r="VQK155" s="31"/>
      <c r="VQL155" s="31"/>
      <c r="VQM155" s="31"/>
      <c r="VQN155" s="31"/>
      <c r="VQO155" s="31"/>
      <c r="VQP155" s="31"/>
      <c r="VQQ155" s="31"/>
      <c r="VQR155" s="31"/>
      <c r="VQS155" s="31"/>
      <c r="VQT155" s="31"/>
      <c r="VQU155" s="31"/>
      <c r="VQV155" s="31"/>
      <c r="VQW155" s="31"/>
      <c r="VQX155" s="31"/>
      <c r="VQY155" s="31"/>
      <c r="VQZ155" s="31"/>
      <c r="VRA155" s="31"/>
      <c r="VRB155" s="31"/>
      <c r="VRC155" s="31"/>
      <c r="VRD155" s="31"/>
      <c r="VRE155" s="31"/>
      <c r="VRF155" s="31"/>
      <c r="VRG155" s="31"/>
      <c r="VRH155" s="31"/>
      <c r="VRI155" s="31"/>
      <c r="VRJ155" s="31"/>
      <c r="VRK155" s="31"/>
      <c r="VRL155" s="31"/>
      <c r="VRM155" s="31"/>
      <c r="VRN155" s="31"/>
      <c r="VRO155" s="31"/>
      <c r="VRP155" s="31"/>
      <c r="VRQ155" s="31"/>
      <c r="VRR155" s="31"/>
      <c r="VRS155" s="31"/>
      <c r="VRT155" s="31"/>
      <c r="VRU155" s="31"/>
      <c r="VRV155" s="31"/>
      <c r="VRW155" s="31"/>
      <c r="VRX155" s="31"/>
      <c r="VRY155" s="31"/>
      <c r="VRZ155" s="31"/>
      <c r="VSA155" s="31"/>
      <c r="VSB155" s="31"/>
      <c r="VSC155" s="31"/>
      <c r="VSD155" s="31"/>
      <c r="VSE155" s="31"/>
      <c r="VSF155" s="31"/>
      <c r="VSG155" s="31"/>
      <c r="VSH155" s="31"/>
      <c r="VSI155" s="31"/>
      <c r="VSJ155" s="31"/>
      <c r="VSK155" s="31"/>
      <c r="VSL155" s="31"/>
      <c r="VSM155" s="31"/>
      <c r="VSN155" s="31"/>
      <c r="VSO155" s="31"/>
      <c r="VSP155" s="31"/>
      <c r="VSQ155" s="31"/>
      <c r="VSR155" s="31"/>
      <c r="VSS155" s="31"/>
      <c r="VST155" s="31"/>
      <c r="VSU155" s="31"/>
      <c r="VSV155" s="31"/>
      <c r="VSW155" s="31"/>
      <c r="VSX155" s="31"/>
      <c r="VSY155" s="31"/>
      <c r="VSZ155" s="31"/>
      <c r="VTA155" s="31"/>
      <c r="VTB155" s="31"/>
      <c r="VTC155" s="31"/>
      <c r="VTD155" s="31"/>
      <c r="VTE155" s="31"/>
      <c r="VTF155" s="31"/>
      <c r="VTG155" s="31"/>
      <c r="VTH155" s="31"/>
      <c r="VTI155" s="31"/>
      <c r="VTJ155" s="31"/>
      <c r="VTK155" s="31"/>
      <c r="VTL155" s="31"/>
      <c r="VTM155" s="31"/>
      <c r="VTN155" s="31"/>
      <c r="VTO155" s="31"/>
      <c r="VTP155" s="31"/>
      <c r="VTQ155" s="31"/>
      <c r="VTR155" s="31"/>
      <c r="VTS155" s="31"/>
      <c r="VTT155" s="31"/>
      <c r="VTU155" s="31"/>
      <c r="VTV155" s="31"/>
      <c r="VTW155" s="31"/>
      <c r="VTX155" s="31"/>
      <c r="VTY155" s="31"/>
      <c r="VTZ155" s="31"/>
      <c r="VUA155" s="31"/>
      <c r="VUB155" s="31"/>
      <c r="VUC155" s="31"/>
      <c r="VUD155" s="31"/>
      <c r="VUE155" s="31"/>
      <c r="VUF155" s="31"/>
      <c r="VUG155" s="31"/>
      <c r="VUH155" s="31"/>
      <c r="VUI155" s="31"/>
      <c r="VUJ155" s="31"/>
      <c r="VUK155" s="31"/>
      <c r="VUL155" s="31"/>
      <c r="VUM155" s="31"/>
      <c r="VUN155" s="31"/>
      <c r="VUO155" s="31"/>
      <c r="VUP155" s="31"/>
      <c r="VUQ155" s="31"/>
      <c r="VUR155" s="31"/>
      <c r="VUS155" s="31"/>
      <c r="VUT155" s="31"/>
      <c r="VUU155" s="31"/>
      <c r="VUV155" s="31"/>
      <c r="VUW155" s="31"/>
      <c r="VUX155" s="31"/>
      <c r="VUY155" s="31"/>
      <c r="VUZ155" s="31"/>
      <c r="VVA155" s="31"/>
      <c r="VVB155" s="31"/>
      <c r="VVC155" s="31"/>
      <c r="VVD155" s="31"/>
      <c r="VVE155" s="31"/>
      <c r="VVF155" s="31"/>
      <c r="VVG155" s="31"/>
      <c r="VVH155" s="31"/>
      <c r="VVI155" s="31"/>
      <c r="VVJ155" s="31"/>
      <c r="VVK155" s="31"/>
      <c r="VVL155" s="31"/>
      <c r="VVM155" s="31"/>
      <c r="VVN155" s="31"/>
      <c r="VVO155" s="31"/>
      <c r="VVP155" s="31"/>
      <c r="VVQ155" s="31"/>
      <c r="VVR155" s="31"/>
      <c r="VVS155" s="31"/>
      <c r="VVT155" s="31"/>
      <c r="VVU155" s="31"/>
      <c r="VVV155" s="31"/>
      <c r="VVW155" s="31"/>
      <c r="VVX155" s="31"/>
      <c r="VVY155" s="31"/>
      <c r="VVZ155" s="31"/>
      <c r="VWA155" s="31"/>
      <c r="VWB155" s="31"/>
      <c r="VWC155" s="31"/>
      <c r="VWD155" s="31"/>
      <c r="VWE155" s="31"/>
      <c r="VWF155" s="31"/>
      <c r="VWG155" s="31"/>
      <c r="VWH155" s="31"/>
      <c r="VWI155" s="31"/>
      <c r="VWJ155" s="31"/>
      <c r="VWK155" s="31"/>
      <c r="VWL155" s="31"/>
      <c r="VWM155" s="31"/>
      <c r="VWN155" s="31"/>
      <c r="VWO155" s="31"/>
      <c r="VWP155" s="31"/>
      <c r="VWQ155" s="31"/>
      <c r="VWR155" s="31"/>
      <c r="VWS155" s="31"/>
      <c r="VWT155" s="31"/>
      <c r="VWU155" s="31"/>
      <c r="VWV155" s="31"/>
      <c r="VWW155" s="31"/>
      <c r="VWX155" s="31"/>
      <c r="VWY155" s="31"/>
      <c r="VWZ155" s="31"/>
      <c r="VXA155" s="31"/>
      <c r="VXB155" s="31"/>
      <c r="VXC155" s="31"/>
      <c r="VXD155" s="31"/>
      <c r="VXE155" s="31"/>
      <c r="VXF155" s="31"/>
      <c r="VXG155" s="31"/>
      <c r="VXH155" s="31"/>
      <c r="VXI155" s="31"/>
      <c r="VXJ155" s="31"/>
      <c r="VXK155" s="31"/>
      <c r="VXL155" s="31"/>
      <c r="VXM155" s="31"/>
      <c r="VXN155" s="31"/>
      <c r="VXO155" s="31"/>
      <c r="VXP155" s="31"/>
      <c r="VXQ155" s="31"/>
      <c r="VXR155" s="31"/>
      <c r="VXS155" s="31"/>
      <c r="VXT155" s="31"/>
      <c r="VXU155" s="31"/>
      <c r="VXV155" s="31"/>
      <c r="VXW155" s="31"/>
      <c r="VXX155" s="31"/>
      <c r="VXY155" s="31"/>
      <c r="VXZ155" s="31"/>
      <c r="VYA155" s="31"/>
      <c r="VYB155" s="31"/>
      <c r="VYC155" s="31"/>
      <c r="VYD155" s="31"/>
      <c r="VYE155" s="31"/>
      <c r="VYF155" s="31"/>
      <c r="VYG155" s="31"/>
      <c r="VYH155" s="31"/>
      <c r="VYI155" s="31"/>
      <c r="VYJ155" s="31"/>
      <c r="VYK155" s="31"/>
      <c r="VYL155" s="31"/>
      <c r="VYM155" s="31"/>
      <c r="VYN155" s="31"/>
      <c r="VYO155" s="31"/>
      <c r="VYP155" s="31"/>
      <c r="VYQ155" s="31"/>
      <c r="VYR155" s="31"/>
      <c r="VYS155" s="31"/>
      <c r="VYT155" s="31"/>
      <c r="VYU155" s="31"/>
      <c r="VYV155" s="31"/>
      <c r="VYW155" s="31"/>
      <c r="VYX155" s="31"/>
      <c r="VYY155" s="31"/>
      <c r="VYZ155" s="31"/>
      <c r="VZA155" s="31"/>
      <c r="VZB155" s="31"/>
      <c r="VZC155" s="31"/>
      <c r="VZD155" s="31"/>
      <c r="VZE155" s="31"/>
      <c r="VZF155" s="31"/>
      <c r="VZG155" s="31"/>
      <c r="VZH155" s="31"/>
      <c r="VZI155" s="31"/>
      <c r="VZJ155" s="31"/>
      <c r="VZK155" s="31"/>
      <c r="VZL155" s="31"/>
      <c r="VZM155" s="31"/>
      <c r="VZN155" s="31"/>
      <c r="VZO155" s="31"/>
      <c r="VZP155" s="31"/>
      <c r="VZQ155" s="31"/>
      <c r="VZR155" s="31"/>
      <c r="VZS155" s="31"/>
      <c r="VZT155" s="31"/>
      <c r="VZU155" s="31"/>
      <c r="VZV155" s="31"/>
      <c r="VZW155" s="31"/>
      <c r="VZX155" s="31"/>
      <c r="VZY155" s="31"/>
      <c r="VZZ155" s="31"/>
      <c r="WAA155" s="31"/>
      <c r="WAB155" s="31"/>
      <c r="WAC155" s="31"/>
      <c r="WAD155" s="31"/>
      <c r="WAE155" s="31"/>
      <c r="WAF155" s="31"/>
      <c r="WAG155" s="31"/>
      <c r="WAH155" s="31"/>
      <c r="WAI155" s="31"/>
      <c r="WAJ155" s="31"/>
      <c r="WAK155" s="31"/>
      <c r="WAL155" s="31"/>
      <c r="WAM155" s="31"/>
      <c r="WAN155" s="31"/>
      <c r="WAO155" s="31"/>
      <c r="WAP155" s="31"/>
      <c r="WAQ155" s="31"/>
      <c r="WAR155" s="31"/>
      <c r="WAS155" s="31"/>
      <c r="WAT155" s="31"/>
      <c r="WAU155" s="31"/>
      <c r="WAV155" s="31"/>
      <c r="WAW155" s="31"/>
      <c r="WAX155" s="31"/>
      <c r="WAY155" s="31"/>
      <c r="WAZ155" s="31"/>
      <c r="WBA155" s="31"/>
      <c r="WBB155" s="31"/>
      <c r="WBC155" s="31"/>
      <c r="WBD155" s="31"/>
      <c r="WBE155" s="31"/>
      <c r="WBF155" s="31"/>
      <c r="WBG155" s="31"/>
      <c r="WBH155" s="31"/>
      <c r="WBI155" s="31"/>
      <c r="WBJ155" s="31"/>
      <c r="WBK155" s="31"/>
      <c r="WBL155" s="31"/>
      <c r="WBM155" s="31"/>
      <c r="WBN155" s="31"/>
      <c r="WBO155" s="31"/>
      <c r="WBP155" s="31"/>
      <c r="WBQ155" s="31"/>
      <c r="WBR155" s="31"/>
      <c r="WBS155" s="31"/>
      <c r="WBT155" s="31"/>
      <c r="WBU155" s="31"/>
      <c r="WBV155" s="31"/>
      <c r="WBW155" s="31"/>
      <c r="WBX155" s="31"/>
      <c r="WBY155" s="31"/>
      <c r="WBZ155" s="31"/>
      <c r="WCA155" s="31"/>
      <c r="WCB155" s="31"/>
      <c r="WCC155" s="31"/>
      <c r="WCD155" s="31"/>
      <c r="WCE155" s="31"/>
      <c r="WCF155" s="31"/>
      <c r="WCG155" s="31"/>
      <c r="WCH155" s="31"/>
      <c r="WCI155" s="31"/>
      <c r="WCJ155" s="31"/>
      <c r="WCK155" s="31"/>
      <c r="WCL155" s="31"/>
      <c r="WCM155" s="31"/>
      <c r="WCN155" s="31"/>
      <c r="WCO155" s="31"/>
      <c r="WCP155" s="31"/>
      <c r="WCQ155" s="31"/>
      <c r="WCR155" s="31"/>
      <c r="WCS155" s="31"/>
      <c r="WCT155" s="31"/>
      <c r="WCU155" s="31"/>
      <c r="WCV155" s="31"/>
      <c r="WCW155" s="31"/>
      <c r="WCX155" s="31"/>
      <c r="WCY155" s="31"/>
      <c r="WCZ155" s="31"/>
      <c r="WDA155" s="31"/>
      <c r="WDB155" s="31"/>
      <c r="WDC155" s="31"/>
      <c r="WDD155" s="31"/>
      <c r="WDE155" s="31"/>
      <c r="WDF155" s="31"/>
      <c r="WDG155" s="31"/>
      <c r="WDH155" s="31"/>
      <c r="WDI155" s="31"/>
      <c r="WDJ155" s="31"/>
      <c r="WDK155" s="31"/>
      <c r="WDL155" s="31"/>
      <c r="WDM155" s="31"/>
      <c r="WDN155" s="31"/>
      <c r="WDO155" s="31"/>
      <c r="WDP155" s="31"/>
      <c r="WDQ155" s="31"/>
      <c r="WDR155" s="31"/>
      <c r="WDS155" s="31"/>
      <c r="WDT155" s="31"/>
      <c r="WDU155" s="31"/>
      <c r="WDV155" s="31"/>
      <c r="WDW155" s="31"/>
      <c r="WDX155" s="31"/>
      <c r="WDY155" s="31"/>
      <c r="WDZ155" s="31"/>
      <c r="WEA155" s="31"/>
      <c r="WEB155" s="31"/>
      <c r="WEC155" s="31"/>
      <c r="WED155" s="31"/>
      <c r="WEE155" s="31"/>
      <c r="WEF155" s="31"/>
      <c r="WEG155" s="31"/>
      <c r="WEH155" s="31"/>
      <c r="WEI155" s="31"/>
      <c r="WEJ155" s="31"/>
      <c r="WEK155" s="31"/>
      <c r="WEL155" s="31"/>
      <c r="WEM155" s="31"/>
      <c r="WEN155" s="31"/>
      <c r="WEO155" s="31"/>
      <c r="WEP155" s="31"/>
      <c r="WEQ155" s="31"/>
      <c r="WER155" s="31"/>
      <c r="WES155" s="31"/>
      <c r="WET155" s="31"/>
      <c r="WEU155" s="31"/>
      <c r="WEV155" s="31"/>
      <c r="WEW155" s="31"/>
      <c r="WEX155" s="31"/>
      <c r="WEY155" s="31"/>
      <c r="WEZ155" s="31"/>
      <c r="WFA155" s="31"/>
      <c r="WFB155" s="31"/>
      <c r="WFC155" s="31"/>
      <c r="WFD155" s="31"/>
      <c r="WFE155" s="31"/>
      <c r="WFF155" s="31"/>
      <c r="WFG155" s="31"/>
      <c r="WFH155" s="31"/>
      <c r="WFI155" s="31"/>
      <c r="WFJ155" s="31"/>
      <c r="WFK155" s="31"/>
      <c r="WFL155" s="31"/>
      <c r="WFM155" s="31"/>
      <c r="WFN155" s="31"/>
      <c r="WFO155" s="31"/>
      <c r="WFP155" s="31"/>
      <c r="WFQ155" s="31"/>
      <c r="WFR155" s="31"/>
      <c r="WFS155" s="31"/>
      <c r="WFT155" s="31"/>
      <c r="WFU155" s="31"/>
      <c r="WFV155" s="31"/>
      <c r="WFW155" s="31"/>
      <c r="WFX155" s="31"/>
      <c r="WFY155" s="31"/>
      <c r="WFZ155" s="31"/>
      <c r="WGA155" s="31"/>
      <c r="WGB155" s="31"/>
      <c r="WGC155" s="31"/>
      <c r="WGD155" s="31"/>
      <c r="WGE155" s="31"/>
      <c r="WGF155" s="31"/>
      <c r="WGG155" s="31"/>
      <c r="WGH155" s="31"/>
      <c r="WGI155" s="31"/>
      <c r="WGJ155" s="31"/>
      <c r="WGK155" s="31"/>
      <c r="WGL155" s="31"/>
      <c r="WGM155" s="31"/>
      <c r="WGN155" s="31"/>
      <c r="WGO155" s="31"/>
      <c r="WGP155" s="31"/>
      <c r="WGQ155" s="31"/>
      <c r="WGR155" s="31"/>
      <c r="WGS155" s="31"/>
      <c r="WGT155" s="31"/>
      <c r="WGU155" s="31"/>
      <c r="WGV155" s="31"/>
      <c r="WGW155" s="31"/>
      <c r="WGX155" s="31"/>
      <c r="WGY155" s="31"/>
      <c r="WGZ155" s="31"/>
      <c r="WHA155" s="31"/>
      <c r="WHB155" s="31"/>
      <c r="WHC155" s="31"/>
      <c r="WHD155" s="31"/>
      <c r="WHE155" s="31"/>
      <c r="WHF155" s="31"/>
      <c r="WHG155" s="31"/>
      <c r="WHH155" s="31"/>
      <c r="WHI155" s="31"/>
      <c r="WHJ155" s="31"/>
      <c r="WHK155" s="31"/>
      <c r="WHL155" s="31"/>
      <c r="WHM155" s="31"/>
      <c r="WHN155" s="31"/>
      <c r="WHO155" s="31"/>
      <c r="WHP155" s="31"/>
      <c r="WHQ155" s="31"/>
      <c r="WHR155" s="31"/>
      <c r="WHS155" s="31"/>
      <c r="WHT155" s="31"/>
      <c r="WHU155" s="31"/>
      <c r="WHV155" s="31"/>
      <c r="WHW155" s="31"/>
      <c r="WHX155" s="31"/>
      <c r="WHY155" s="31"/>
      <c r="WHZ155" s="31"/>
      <c r="WIA155" s="31"/>
      <c r="WIB155" s="31"/>
      <c r="WIC155" s="31"/>
      <c r="WID155" s="31"/>
      <c r="WIE155" s="31"/>
      <c r="WIF155" s="31"/>
      <c r="WIG155" s="31"/>
      <c r="WIH155" s="31"/>
      <c r="WII155" s="31"/>
      <c r="WIJ155" s="31"/>
      <c r="WIK155" s="31"/>
      <c r="WIL155" s="31"/>
      <c r="WIM155" s="31"/>
      <c r="WIN155" s="31"/>
      <c r="WIO155" s="31"/>
      <c r="WIP155" s="31"/>
      <c r="WIQ155" s="31"/>
      <c r="WIR155" s="31"/>
      <c r="WIS155" s="31"/>
      <c r="WIT155" s="31"/>
      <c r="WIU155" s="31"/>
      <c r="WIV155" s="31"/>
      <c r="WIW155" s="31"/>
      <c r="WIX155" s="31"/>
      <c r="WIY155" s="31"/>
      <c r="WIZ155" s="31"/>
      <c r="WJA155" s="31"/>
      <c r="WJB155" s="31"/>
      <c r="WJC155" s="31"/>
      <c r="WJD155" s="31"/>
      <c r="WJE155" s="31"/>
      <c r="WJF155" s="31"/>
      <c r="WJG155" s="31"/>
      <c r="WJH155" s="31"/>
      <c r="WJI155" s="31"/>
      <c r="WJJ155" s="31"/>
      <c r="WJK155" s="31"/>
      <c r="WJL155" s="31"/>
      <c r="WJM155" s="31"/>
      <c r="WJN155" s="31"/>
      <c r="WJO155" s="31"/>
      <c r="WJP155" s="31"/>
      <c r="WJQ155" s="31"/>
      <c r="WJR155" s="31"/>
      <c r="WJS155" s="31"/>
      <c r="WJT155" s="31"/>
      <c r="WJU155" s="31"/>
      <c r="WJV155" s="31"/>
      <c r="WJW155" s="31"/>
      <c r="WJX155" s="31"/>
      <c r="WJY155" s="31"/>
      <c r="WJZ155" s="31"/>
      <c r="WKA155" s="31"/>
      <c r="WKB155" s="31"/>
      <c r="WKC155" s="31"/>
      <c r="WKD155" s="31"/>
      <c r="WKE155" s="31"/>
      <c r="WKF155" s="31"/>
      <c r="WKG155" s="31"/>
      <c r="WKH155" s="31"/>
      <c r="WKI155" s="31"/>
      <c r="WKJ155" s="31"/>
      <c r="WKK155" s="31"/>
      <c r="WKL155" s="31"/>
      <c r="WKM155" s="31"/>
      <c r="WKN155" s="31"/>
      <c r="WKO155" s="31"/>
      <c r="WKP155" s="31"/>
      <c r="WKQ155" s="31"/>
      <c r="WKR155" s="31"/>
      <c r="WKS155" s="31"/>
      <c r="WKT155" s="31"/>
      <c r="WKU155" s="31"/>
      <c r="WKV155" s="31"/>
      <c r="WKW155" s="31"/>
      <c r="WKX155" s="31"/>
      <c r="WKY155" s="31"/>
      <c r="WKZ155" s="31"/>
      <c r="WLA155" s="31"/>
      <c r="WLB155" s="31"/>
      <c r="WLC155" s="31"/>
      <c r="WLD155" s="31"/>
      <c r="WLE155" s="31"/>
      <c r="WLF155" s="31"/>
      <c r="WLG155" s="31"/>
      <c r="WLH155" s="31"/>
      <c r="WLI155" s="31"/>
      <c r="WLJ155" s="31"/>
      <c r="WLK155" s="31"/>
      <c r="WLL155" s="31"/>
      <c r="WLM155" s="31"/>
      <c r="WLN155" s="31"/>
      <c r="WLO155" s="31"/>
      <c r="WLP155" s="31"/>
      <c r="WLQ155" s="31"/>
      <c r="WLR155" s="31"/>
      <c r="WLS155" s="31"/>
      <c r="WLT155" s="31"/>
      <c r="WLU155" s="31"/>
      <c r="WLV155" s="31"/>
      <c r="WLW155" s="31"/>
      <c r="WLX155" s="31"/>
      <c r="WLY155" s="31"/>
      <c r="WLZ155" s="31"/>
      <c r="WMA155" s="31"/>
      <c r="WMB155" s="31"/>
      <c r="WMC155" s="31"/>
      <c r="WMD155" s="31"/>
      <c r="WME155" s="31"/>
      <c r="WMF155" s="31"/>
      <c r="WMG155" s="31"/>
      <c r="WMH155" s="31"/>
      <c r="WMI155" s="31"/>
      <c r="WMJ155" s="31"/>
      <c r="WMK155" s="31"/>
      <c r="WML155" s="31"/>
      <c r="WMM155" s="31"/>
      <c r="WMN155" s="31"/>
      <c r="WMO155" s="31"/>
      <c r="WMP155" s="31"/>
      <c r="WMQ155" s="31"/>
      <c r="WMR155" s="31"/>
      <c r="WMS155" s="31"/>
      <c r="WMT155" s="31"/>
      <c r="WMU155" s="31"/>
      <c r="WMV155" s="31"/>
      <c r="WMW155" s="31"/>
      <c r="WMX155" s="31"/>
      <c r="WMY155" s="31"/>
      <c r="WMZ155" s="31"/>
      <c r="WNA155" s="31"/>
      <c r="WNB155" s="31"/>
      <c r="WNC155" s="31"/>
      <c r="WND155" s="31"/>
      <c r="WNE155" s="31"/>
      <c r="WNF155" s="31"/>
      <c r="WNG155" s="31"/>
      <c r="WNH155" s="31"/>
      <c r="WNI155" s="31"/>
      <c r="WNJ155" s="31"/>
      <c r="WNK155" s="31"/>
      <c r="WNL155" s="31"/>
      <c r="WNM155" s="31"/>
      <c r="WNN155" s="31"/>
      <c r="WNO155" s="31"/>
      <c r="WNP155" s="31"/>
      <c r="WNQ155" s="31"/>
      <c r="WNR155" s="31"/>
      <c r="WNS155" s="31"/>
      <c r="WNT155" s="31"/>
      <c r="WNU155" s="31"/>
      <c r="WNV155" s="31"/>
      <c r="WNW155" s="31"/>
      <c r="WNX155" s="31"/>
      <c r="WNY155" s="31"/>
      <c r="WNZ155" s="31"/>
      <c r="WOA155" s="31"/>
      <c r="WOB155" s="31"/>
      <c r="WOC155" s="31"/>
      <c r="WOD155" s="31"/>
      <c r="WOE155" s="31"/>
      <c r="WOF155" s="31"/>
      <c r="WOG155" s="31"/>
      <c r="WOH155" s="31"/>
      <c r="WOI155" s="31"/>
      <c r="WOJ155" s="31"/>
      <c r="WOK155" s="31"/>
      <c r="WOL155" s="31"/>
      <c r="WOM155" s="31"/>
      <c r="WON155" s="31"/>
      <c r="WOO155" s="31"/>
      <c r="WOP155" s="31"/>
      <c r="WOQ155" s="31"/>
      <c r="WOR155" s="31"/>
      <c r="WOS155" s="31"/>
      <c r="WOT155" s="31"/>
      <c r="WOU155" s="31"/>
      <c r="WOV155" s="31"/>
      <c r="WOW155" s="31"/>
      <c r="WOX155" s="31"/>
      <c r="WOY155" s="31"/>
      <c r="WOZ155" s="31"/>
      <c r="WPA155" s="31"/>
      <c r="WPB155" s="31"/>
      <c r="WPC155" s="31"/>
      <c r="WPD155" s="31"/>
      <c r="WPE155" s="31"/>
      <c r="WPF155" s="31"/>
      <c r="WPG155" s="31"/>
      <c r="WPH155" s="31"/>
      <c r="WPI155" s="31"/>
      <c r="WPJ155" s="31"/>
      <c r="WPK155" s="31"/>
      <c r="WPL155" s="31"/>
      <c r="WPM155" s="31"/>
      <c r="WPN155" s="31"/>
      <c r="WPO155" s="31"/>
      <c r="WPP155" s="31"/>
      <c r="WPQ155" s="31"/>
      <c r="WPR155" s="31"/>
      <c r="WPS155" s="31"/>
      <c r="WPT155" s="31"/>
      <c r="WPU155" s="31"/>
      <c r="WPV155" s="31"/>
      <c r="WPW155" s="31"/>
      <c r="WPX155" s="31"/>
      <c r="WPY155" s="31"/>
      <c r="WPZ155" s="31"/>
      <c r="WQA155" s="31"/>
      <c r="WQB155" s="31"/>
      <c r="WQC155" s="31"/>
      <c r="WQD155" s="31"/>
      <c r="WQE155" s="31"/>
      <c r="WQF155" s="31"/>
      <c r="WQG155" s="31"/>
      <c r="WQH155" s="31"/>
      <c r="WQI155" s="31"/>
      <c r="WQJ155" s="31"/>
      <c r="WQK155" s="31"/>
      <c r="WQL155" s="31"/>
      <c r="WQM155" s="31"/>
      <c r="WQN155" s="31"/>
      <c r="WQO155" s="31"/>
      <c r="WQP155" s="31"/>
      <c r="WQQ155" s="31"/>
      <c r="WQR155" s="31"/>
      <c r="WQS155" s="31"/>
      <c r="WQT155" s="31"/>
      <c r="WQU155" s="31"/>
      <c r="WQV155" s="31"/>
      <c r="WQW155" s="31"/>
      <c r="WQX155" s="31"/>
      <c r="WQY155" s="31"/>
      <c r="WQZ155" s="31"/>
      <c r="WRA155" s="31"/>
      <c r="WRB155" s="31"/>
      <c r="WRC155" s="31"/>
      <c r="WRD155" s="31"/>
      <c r="WRE155" s="31"/>
      <c r="WRF155" s="31"/>
      <c r="WRG155" s="31"/>
      <c r="WRH155" s="31"/>
      <c r="WRI155" s="31"/>
      <c r="WRJ155" s="31"/>
      <c r="WRK155" s="31"/>
      <c r="WRL155" s="31"/>
      <c r="WRM155" s="31"/>
      <c r="WRN155" s="31"/>
      <c r="WRO155" s="31"/>
      <c r="WRP155" s="31"/>
      <c r="WRQ155" s="31"/>
      <c r="WRR155" s="31"/>
      <c r="WRS155" s="31"/>
      <c r="WRT155" s="31"/>
      <c r="WRU155" s="31"/>
      <c r="WRV155" s="31"/>
      <c r="WRW155" s="31"/>
      <c r="WRX155" s="31"/>
      <c r="WRY155" s="31"/>
      <c r="WRZ155" s="31"/>
      <c r="WSA155" s="31"/>
      <c r="WSB155" s="31"/>
      <c r="WSC155" s="31"/>
      <c r="WSD155" s="31"/>
      <c r="WSE155" s="31"/>
      <c r="WSF155" s="31"/>
      <c r="WSG155" s="31"/>
      <c r="WSH155" s="31"/>
      <c r="WSI155" s="31"/>
      <c r="WSJ155" s="31"/>
      <c r="WSK155" s="31"/>
      <c r="WSL155" s="31"/>
      <c r="WSM155" s="31"/>
      <c r="WSN155" s="31"/>
      <c r="WSO155" s="31"/>
      <c r="WSP155" s="31"/>
      <c r="WSQ155" s="31"/>
      <c r="WSR155" s="31"/>
      <c r="WSS155" s="31"/>
      <c r="WST155" s="31"/>
      <c r="WSU155" s="31"/>
      <c r="WSV155" s="31"/>
      <c r="WSW155" s="31"/>
      <c r="WSX155" s="31"/>
      <c r="WSY155" s="31"/>
      <c r="WSZ155" s="31"/>
      <c r="WTA155" s="31"/>
      <c r="WTB155" s="31"/>
      <c r="WTC155" s="31"/>
      <c r="WTD155" s="31"/>
      <c r="WTE155" s="31"/>
      <c r="WTF155" s="31"/>
      <c r="WTG155" s="31"/>
      <c r="WTH155" s="31"/>
      <c r="WTI155" s="31"/>
      <c r="WTJ155" s="31"/>
      <c r="WTK155" s="31"/>
      <c r="WTL155" s="31"/>
      <c r="WTM155" s="31"/>
      <c r="WTN155" s="31"/>
      <c r="WTO155" s="31"/>
      <c r="WTP155" s="31"/>
      <c r="WTQ155" s="31"/>
      <c r="WTR155" s="31"/>
      <c r="WTS155" s="31"/>
      <c r="WTT155" s="31"/>
      <c r="WTU155" s="31"/>
      <c r="WTV155" s="31"/>
      <c r="WTW155" s="31"/>
      <c r="WTX155" s="31"/>
      <c r="WTY155" s="31"/>
      <c r="WTZ155" s="31"/>
      <c r="WUA155" s="31"/>
      <c r="WUB155" s="31"/>
      <c r="WUC155" s="31"/>
      <c r="WUD155" s="31"/>
      <c r="WUE155" s="31"/>
      <c r="WUF155" s="31"/>
      <c r="WUG155" s="31"/>
      <c r="WUH155" s="31"/>
      <c r="WUI155" s="31"/>
      <c r="WUJ155" s="31"/>
      <c r="WUK155" s="31"/>
      <c r="WUL155" s="31"/>
      <c r="WUM155" s="31"/>
      <c r="WUN155" s="31"/>
      <c r="WUO155" s="31"/>
      <c r="WUP155" s="31"/>
      <c r="WUQ155" s="31"/>
      <c r="WUR155" s="31"/>
      <c r="WUS155" s="31"/>
      <c r="WUT155" s="31"/>
      <c r="WUU155" s="31"/>
      <c r="WUV155" s="31"/>
      <c r="WUW155" s="31"/>
      <c r="WUX155" s="31"/>
      <c r="WUY155" s="31"/>
      <c r="WUZ155" s="31"/>
      <c r="WVA155" s="31"/>
      <c r="WVB155" s="31"/>
      <c r="WVC155" s="31"/>
      <c r="WVD155" s="31"/>
      <c r="WVE155" s="31"/>
      <c r="WVF155" s="31"/>
      <c r="WVG155" s="31"/>
      <c r="WVH155" s="31"/>
      <c r="WVI155" s="31"/>
      <c r="WVJ155" s="31"/>
      <c r="WVK155" s="31"/>
      <c r="WVL155" s="31"/>
      <c r="WVM155" s="31"/>
      <c r="WVN155" s="31"/>
      <c r="WVO155" s="31"/>
      <c r="WVP155" s="31"/>
      <c r="WVQ155" s="31"/>
      <c r="WVR155" s="31"/>
      <c r="WVS155" s="31"/>
      <c r="WVT155" s="31"/>
      <c r="WVU155" s="31"/>
      <c r="WVV155" s="31"/>
      <c r="WVW155" s="31"/>
      <c r="WVX155" s="31"/>
      <c r="WVY155" s="31"/>
      <c r="WVZ155" s="31"/>
      <c r="WWA155" s="31"/>
      <c r="WWB155" s="31"/>
      <c r="WWC155" s="31"/>
      <c r="WWD155" s="31"/>
      <c r="WWE155" s="31"/>
      <c r="WWF155" s="31"/>
      <c r="WWG155" s="31"/>
      <c r="WWH155" s="31"/>
      <c r="WWI155" s="31"/>
      <c r="WWJ155" s="31"/>
      <c r="WWK155" s="31"/>
      <c r="WWL155" s="31"/>
      <c r="WWM155" s="31"/>
      <c r="WWN155" s="31"/>
      <c r="WWO155" s="31"/>
      <c r="WWP155" s="31"/>
      <c r="WWQ155" s="31"/>
      <c r="WWR155" s="31"/>
      <c r="WWS155" s="31"/>
      <c r="WWT155" s="31"/>
      <c r="WWU155" s="31"/>
      <c r="WWV155" s="31"/>
      <c r="WWW155" s="31"/>
      <c r="WWX155" s="31"/>
      <c r="WWY155" s="31"/>
      <c r="WWZ155" s="31"/>
      <c r="WXA155" s="31"/>
      <c r="WXB155" s="31"/>
      <c r="WXC155" s="31"/>
      <c r="WXD155" s="31"/>
      <c r="WXE155" s="31"/>
      <c r="WXF155" s="31"/>
      <c r="WXG155" s="31"/>
      <c r="WXH155" s="31"/>
      <c r="WXI155" s="31"/>
      <c r="WXJ155" s="31"/>
      <c r="WXK155" s="31"/>
      <c r="WXL155" s="31"/>
      <c r="WXM155" s="31"/>
      <c r="WXN155" s="31"/>
      <c r="WXO155" s="31"/>
      <c r="WXP155" s="31"/>
      <c r="WXQ155" s="31"/>
      <c r="WXR155" s="31"/>
      <c r="WXS155" s="31"/>
      <c r="WXT155" s="31"/>
      <c r="WXU155" s="31"/>
      <c r="WXV155" s="31"/>
      <c r="WXW155" s="31"/>
      <c r="WXX155" s="31"/>
      <c r="WXY155" s="31"/>
      <c r="WXZ155" s="31"/>
      <c r="WYA155" s="31"/>
      <c r="WYB155" s="31"/>
      <c r="WYC155" s="31"/>
      <c r="WYD155" s="31"/>
      <c r="WYE155" s="31"/>
      <c r="WYF155" s="31"/>
      <c r="WYG155" s="31"/>
      <c r="WYH155" s="31"/>
      <c r="WYI155" s="31"/>
      <c r="WYJ155" s="31"/>
      <c r="WYK155" s="31"/>
      <c r="WYL155" s="31"/>
      <c r="WYM155" s="31"/>
      <c r="WYN155" s="31"/>
      <c r="WYO155" s="31"/>
      <c r="WYP155" s="31"/>
      <c r="WYQ155" s="31"/>
      <c r="WYR155" s="31"/>
      <c r="WYS155" s="31"/>
      <c r="WYT155" s="31"/>
      <c r="WYU155" s="31"/>
      <c r="WYV155" s="31"/>
      <c r="WYW155" s="31"/>
      <c r="WYX155" s="31"/>
      <c r="WYY155" s="31"/>
      <c r="WYZ155" s="31"/>
      <c r="WZA155" s="31"/>
      <c r="WZB155" s="31"/>
      <c r="WZC155" s="31"/>
      <c r="WZD155" s="31"/>
      <c r="WZE155" s="31"/>
      <c r="WZF155" s="31"/>
      <c r="WZG155" s="31"/>
      <c r="WZH155" s="31"/>
      <c r="WZI155" s="31"/>
      <c r="WZJ155" s="31"/>
      <c r="WZK155" s="31"/>
      <c r="WZL155" s="31"/>
      <c r="WZM155" s="31"/>
      <c r="WZN155" s="31"/>
      <c r="WZO155" s="31"/>
      <c r="WZP155" s="31"/>
      <c r="WZQ155" s="31"/>
      <c r="WZR155" s="31"/>
      <c r="WZS155" s="31"/>
      <c r="WZT155" s="31"/>
      <c r="WZU155" s="31"/>
      <c r="WZV155" s="31"/>
      <c r="WZW155" s="31"/>
      <c r="WZX155" s="31"/>
      <c r="WZY155" s="31"/>
      <c r="WZZ155" s="31"/>
      <c r="XAA155" s="31"/>
      <c r="XAB155" s="31"/>
      <c r="XAC155" s="31"/>
      <c r="XAD155" s="31"/>
      <c r="XAE155" s="31"/>
      <c r="XAF155" s="31"/>
      <c r="XAG155" s="31"/>
      <c r="XAH155" s="31"/>
      <c r="XAI155" s="31"/>
      <c r="XAJ155" s="31"/>
      <c r="XAK155" s="31"/>
      <c r="XAL155" s="31"/>
      <c r="XAM155" s="31"/>
      <c r="XAN155" s="31"/>
      <c r="XAO155" s="31"/>
      <c r="XAP155" s="31"/>
      <c r="XAQ155" s="31"/>
      <c r="XAR155" s="31"/>
      <c r="XAS155" s="31"/>
      <c r="XAT155" s="31"/>
      <c r="XAU155" s="31"/>
      <c r="XAV155" s="31"/>
      <c r="XAW155" s="31"/>
      <c r="XAX155" s="31"/>
      <c r="XAY155" s="31"/>
      <c r="XAZ155" s="31"/>
      <c r="XBA155" s="31"/>
      <c r="XBB155" s="31"/>
      <c r="XBC155" s="31"/>
      <c r="XBD155" s="31"/>
      <c r="XBE155" s="31"/>
      <c r="XBF155" s="31"/>
      <c r="XBG155" s="31"/>
      <c r="XBH155" s="31"/>
      <c r="XBI155" s="31"/>
      <c r="XBJ155" s="31"/>
      <c r="XBK155" s="31"/>
      <c r="XBL155" s="31"/>
      <c r="XBM155" s="31"/>
      <c r="XBN155" s="31"/>
      <c r="XBO155" s="31"/>
      <c r="XBP155" s="31"/>
      <c r="XBQ155" s="31"/>
      <c r="XBR155" s="31"/>
      <c r="XBS155" s="31"/>
      <c r="XBT155" s="31"/>
      <c r="XBU155" s="31"/>
      <c r="XBV155" s="31"/>
      <c r="XBW155" s="31"/>
      <c r="XBX155" s="31"/>
      <c r="XBY155" s="31"/>
      <c r="XBZ155" s="31"/>
      <c r="XCA155" s="31"/>
      <c r="XCB155" s="31"/>
      <c r="XCC155" s="31"/>
      <c r="XCD155" s="31"/>
      <c r="XCE155" s="31"/>
      <c r="XCF155" s="31"/>
      <c r="XCG155" s="31"/>
      <c r="XCH155" s="31"/>
      <c r="XCI155" s="31"/>
      <c r="XCJ155" s="31"/>
      <c r="XCK155" s="31"/>
      <c r="XCL155" s="31"/>
      <c r="XCM155" s="31"/>
      <c r="XCN155" s="31"/>
      <c r="XCO155" s="31"/>
      <c r="XCP155" s="31"/>
      <c r="XCQ155" s="31"/>
      <c r="XCR155" s="31"/>
      <c r="XCS155" s="31"/>
      <c r="XCT155" s="31"/>
      <c r="XCU155" s="31"/>
      <c r="XCV155" s="31"/>
      <c r="XCW155" s="31"/>
      <c r="XCX155" s="31"/>
      <c r="XCY155" s="31"/>
      <c r="XCZ155" s="31"/>
      <c r="XDA155" s="31"/>
      <c r="XDB155" s="31"/>
      <c r="XDC155" s="31"/>
      <c r="XDD155" s="31"/>
      <c r="XDE155" s="31"/>
      <c r="XDF155" s="31"/>
      <c r="XDG155" s="31"/>
      <c r="XDH155" s="31"/>
      <c r="XDI155" s="31"/>
      <c r="XDJ155" s="31"/>
      <c r="XDK155" s="31"/>
      <c r="XDL155" s="31"/>
      <c r="XDM155" s="31"/>
      <c r="XDN155" s="31"/>
      <c r="XDO155" s="31"/>
      <c r="XDP155" s="31"/>
      <c r="XDQ155" s="31"/>
      <c r="XDR155" s="31"/>
      <c r="XDS155" s="31"/>
      <c r="XDT155" s="31"/>
      <c r="XDU155" s="31"/>
      <c r="XDV155" s="31"/>
      <c r="XDW155" s="31"/>
      <c r="XDX155" s="31"/>
      <c r="XDY155" s="31"/>
      <c r="XDZ155" s="31"/>
      <c r="XEA155" s="31"/>
      <c r="XEB155" s="31"/>
      <c r="XEC155" s="31"/>
      <c r="XED155" s="31"/>
      <c r="XEE155" s="31"/>
      <c r="XEF155" s="31"/>
      <c r="XEG155" s="31"/>
      <c r="XEH155" s="31"/>
      <c r="XEI155" s="31"/>
      <c r="XEJ155" s="31"/>
      <c r="XEK155" s="31"/>
      <c r="XEL155" s="31"/>
      <c r="XEM155" s="31"/>
      <c r="XEN155" s="31"/>
      <c r="XEO155" s="31"/>
      <c r="XEP155" s="31"/>
      <c r="XEQ155" s="31"/>
    </row>
    <row r="156" spans="1:16371" s="22" customFormat="1" ht="21.6" x14ac:dyDescent="0.2">
      <c r="A156" s="4" t="s">
        <v>464</v>
      </c>
      <c r="B156" s="4" t="s">
        <v>465</v>
      </c>
      <c r="C156" s="6" t="s">
        <v>466</v>
      </c>
      <c r="D156" s="6" t="s">
        <v>467</v>
      </c>
      <c r="E156" s="4"/>
      <c r="F156" s="36"/>
    </row>
    <row r="157" spans="1:16371" s="22" customFormat="1" ht="32.4" x14ac:dyDescent="0.2">
      <c r="A157" s="4" t="s">
        <v>464</v>
      </c>
      <c r="B157" s="4" t="s">
        <v>465</v>
      </c>
      <c r="C157" s="6" t="s">
        <v>468</v>
      </c>
      <c r="D157" s="4" t="s">
        <v>469</v>
      </c>
      <c r="E157" s="4"/>
      <c r="F157" s="36"/>
    </row>
    <row r="158" spans="1:16371" s="37" customFormat="1" ht="43.2" x14ac:dyDescent="0.2">
      <c r="A158" s="4" t="s">
        <v>470</v>
      </c>
      <c r="B158" s="4" t="s">
        <v>471</v>
      </c>
      <c r="C158" s="6" t="s">
        <v>472</v>
      </c>
      <c r="D158" s="4" t="s">
        <v>473</v>
      </c>
      <c r="E158" s="4"/>
    </row>
    <row r="159" spans="1:16371" s="22" customFormat="1" ht="43.2" x14ac:dyDescent="0.2">
      <c r="A159" s="4" t="s">
        <v>464</v>
      </c>
      <c r="B159" s="4" t="s">
        <v>474</v>
      </c>
      <c r="C159" s="6" t="s">
        <v>475</v>
      </c>
      <c r="D159" s="4" t="s">
        <v>476</v>
      </c>
      <c r="E159" s="4"/>
      <c r="F159" s="36"/>
    </row>
    <row r="160" spans="1:16371" s="22" customFormat="1" ht="43.2" x14ac:dyDescent="0.2">
      <c r="A160" s="4" t="s">
        <v>464</v>
      </c>
      <c r="B160" s="4" t="s">
        <v>477</v>
      </c>
      <c r="C160" s="6" t="s">
        <v>478</v>
      </c>
      <c r="D160" s="4" t="s">
        <v>476</v>
      </c>
      <c r="E160" s="4"/>
      <c r="F160" s="36"/>
    </row>
    <row r="161" spans="1:6" s="22" customFormat="1" ht="32.4" x14ac:dyDescent="0.2">
      <c r="A161" s="4" t="s">
        <v>464</v>
      </c>
      <c r="B161" s="4" t="s">
        <v>479</v>
      </c>
      <c r="C161" s="6" t="s">
        <v>480</v>
      </c>
      <c r="D161" s="4" t="s">
        <v>476</v>
      </c>
      <c r="E161" s="4"/>
      <c r="F161" s="36"/>
    </row>
    <row r="162" spans="1:6" s="22" customFormat="1" ht="32.4" x14ac:dyDescent="0.2">
      <c r="A162" s="4" t="s">
        <v>464</v>
      </c>
      <c r="B162" s="4" t="s">
        <v>465</v>
      </c>
      <c r="C162" s="6" t="s">
        <v>481</v>
      </c>
      <c r="D162" s="4" t="s">
        <v>482</v>
      </c>
      <c r="E162" s="4"/>
      <c r="F162" s="36"/>
    </row>
    <row r="163" spans="1:6" s="22" customFormat="1" ht="32.4" x14ac:dyDescent="0.2">
      <c r="A163" s="4" t="s">
        <v>464</v>
      </c>
      <c r="B163" s="4" t="s">
        <v>483</v>
      </c>
      <c r="C163" s="4" t="s">
        <v>484</v>
      </c>
      <c r="D163" s="4" t="s">
        <v>485</v>
      </c>
      <c r="E163" s="4"/>
      <c r="F163" s="36"/>
    </row>
    <row r="164" spans="1:6" s="22" customFormat="1" ht="43.2" x14ac:dyDescent="0.2">
      <c r="A164" s="4" t="s">
        <v>464</v>
      </c>
      <c r="B164" s="4" t="s">
        <v>486</v>
      </c>
      <c r="C164" s="4" t="s">
        <v>487</v>
      </c>
      <c r="D164" s="4" t="s">
        <v>476</v>
      </c>
      <c r="E164" s="4"/>
      <c r="F164" s="36"/>
    </row>
    <row r="165" spans="1:6" s="22" customFormat="1" ht="32.4" x14ac:dyDescent="0.2">
      <c r="A165" s="4" t="s">
        <v>488</v>
      </c>
      <c r="B165" s="4" t="s">
        <v>489</v>
      </c>
      <c r="C165" s="6" t="s">
        <v>490</v>
      </c>
      <c r="D165" s="4" t="s">
        <v>491</v>
      </c>
      <c r="E165" s="4" t="s">
        <v>492</v>
      </c>
      <c r="F165" s="36"/>
    </row>
    <row r="166" spans="1:6" s="22" customFormat="1" ht="32.4" x14ac:dyDescent="0.2">
      <c r="A166" s="4" t="s">
        <v>488</v>
      </c>
      <c r="B166" s="4" t="s">
        <v>493</v>
      </c>
      <c r="C166" s="6" t="s">
        <v>494</v>
      </c>
      <c r="D166" s="4" t="s">
        <v>495</v>
      </c>
      <c r="E166" s="4"/>
      <c r="F166" s="36"/>
    </row>
    <row r="167" spans="1:6" s="22" customFormat="1" ht="32.4" x14ac:dyDescent="0.2">
      <c r="A167" s="4" t="s">
        <v>488</v>
      </c>
      <c r="B167" s="4" t="s">
        <v>496</v>
      </c>
      <c r="C167" s="6" t="s">
        <v>497</v>
      </c>
      <c r="D167" s="4" t="s">
        <v>1579</v>
      </c>
      <c r="E167" s="4" t="s">
        <v>1580</v>
      </c>
      <c r="F167" s="36"/>
    </row>
    <row r="168" spans="1:6" s="22" customFormat="1" ht="108" x14ac:dyDescent="0.2">
      <c r="A168" s="4" t="s">
        <v>488</v>
      </c>
      <c r="B168" s="4" t="s">
        <v>498</v>
      </c>
      <c r="C168" s="6" t="s">
        <v>499</v>
      </c>
      <c r="D168" s="4" t="s">
        <v>500</v>
      </c>
      <c r="E168" s="4" t="s">
        <v>501</v>
      </c>
      <c r="F168" s="36"/>
    </row>
    <row r="169" spans="1:6" s="22" customFormat="1" ht="64.8" x14ac:dyDescent="0.2">
      <c r="A169" s="4" t="s">
        <v>488</v>
      </c>
      <c r="B169" s="4" t="s">
        <v>502</v>
      </c>
      <c r="C169" s="6" t="s">
        <v>503</v>
      </c>
      <c r="D169" s="4" t="s">
        <v>504</v>
      </c>
      <c r="E169" s="4" t="s">
        <v>505</v>
      </c>
      <c r="F169" s="36"/>
    </row>
    <row r="170" spans="1:6" s="22" customFormat="1" ht="43.2" x14ac:dyDescent="0.2">
      <c r="A170" s="4" t="s">
        <v>488</v>
      </c>
      <c r="B170" s="4" t="s">
        <v>506</v>
      </c>
      <c r="C170" s="6" t="s">
        <v>507</v>
      </c>
      <c r="D170" s="4" t="s">
        <v>508</v>
      </c>
      <c r="E170" s="4" t="s">
        <v>509</v>
      </c>
      <c r="F170" s="36"/>
    </row>
    <row r="171" spans="1:6" s="22" customFormat="1" ht="32.4" x14ac:dyDescent="0.2">
      <c r="A171" s="4" t="s">
        <v>488</v>
      </c>
      <c r="B171" s="4" t="s">
        <v>510</v>
      </c>
      <c r="C171" s="6" t="s">
        <v>511</v>
      </c>
      <c r="D171" s="4" t="s">
        <v>508</v>
      </c>
      <c r="E171" s="4"/>
      <c r="F171" s="36"/>
    </row>
    <row r="172" spans="1:6" s="22" customFormat="1" ht="75.599999999999994" x14ac:dyDescent="0.2">
      <c r="A172" s="4" t="s">
        <v>488</v>
      </c>
      <c r="B172" s="4" t="s">
        <v>512</v>
      </c>
      <c r="C172" s="6" t="s">
        <v>1547</v>
      </c>
      <c r="D172" s="4" t="s">
        <v>513</v>
      </c>
      <c r="E172" s="4"/>
      <c r="F172" s="36"/>
    </row>
    <row r="173" spans="1:6" s="22" customFormat="1" ht="97.2" x14ac:dyDescent="0.2">
      <c r="A173" s="4" t="s">
        <v>488</v>
      </c>
      <c r="B173" s="4" t="s">
        <v>514</v>
      </c>
      <c r="C173" s="6" t="s">
        <v>515</v>
      </c>
      <c r="D173" s="4" t="s">
        <v>516</v>
      </c>
      <c r="E173" s="4"/>
      <c r="F173" s="36"/>
    </row>
    <row r="174" spans="1:6" s="22" customFormat="1" ht="32.4" x14ac:dyDescent="0.2">
      <c r="A174" s="4" t="s">
        <v>488</v>
      </c>
      <c r="B174" s="4" t="s">
        <v>517</v>
      </c>
      <c r="C174" s="6" t="s">
        <v>518</v>
      </c>
      <c r="D174" s="4" t="s">
        <v>519</v>
      </c>
      <c r="E174" s="4"/>
      <c r="F174" s="34"/>
    </row>
    <row r="175" spans="1:6" s="22" customFormat="1" ht="86.4" x14ac:dyDescent="0.2">
      <c r="A175" s="4" t="s">
        <v>520</v>
      </c>
      <c r="B175" s="4" t="s">
        <v>521</v>
      </c>
      <c r="C175" s="6" t="s">
        <v>522</v>
      </c>
      <c r="D175" s="12"/>
      <c r="E175" s="4" t="s">
        <v>523</v>
      </c>
    </row>
    <row r="176" spans="1:6" s="22" customFormat="1" ht="64.8" x14ac:dyDescent="0.2">
      <c r="A176" s="4" t="s">
        <v>520</v>
      </c>
      <c r="B176" s="4" t="s">
        <v>524</v>
      </c>
      <c r="C176" s="6" t="s">
        <v>525</v>
      </c>
      <c r="D176" s="4" t="s">
        <v>526</v>
      </c>
      <c r="E176" s="4" t="s">
        <v>527</v>
      </c>
    </row>
    <row r="177" spans="1:5" s="22" customFormat="1" ht="64.8" x14ac:dyDescent="0.2">
      <c r="A177" s="4" t="s">
        <v>520</v>
      </c>
      <c r="B177" s="4" t="s">
        <v>528</v>
      </c>
      <c r="C177" s="6" t="s">
        <v>529</v>
      </c>
      <c r="D177" s="4" t="s">
        <v>530</v>
      </c>
      <c r="E177" s="4"/>
    </row>
    <row r="178" spans="1:5" s="22" customFormat="1" ht="75.599999999999994" x14ac:dyDescent="0.2">
      <c r="A178" s="4" t="s">
        <v>531</v>
      </c>
      <c r="B178" s="4" t="s">
        <v>532</v>
      </c>
      <c r="C178" s="6" t="s">
        <v>533</v>
      </c>
      <c r="D178" s="4" t="s">
        <v>534</v>
      </c>
      <c r="E178" s="4"/>
    </row>
    <row r="179" spans="1:5" s="22" customFormat="1" ht="43.2" x14ac:dyDescent="0.2">
      <c r="A179" s="4" t="s">
        <v>531</v>
      </c>
      <c r="B179" s="4" t="s">
        <v>535</v>
      </c>
      <c r="C179" s="6" t="s">
        <v>536</v>
      </c>
      <c r="D179" s="4" t="s">
        <v>537</v>
      </c>
      <c r="E179" s="4"/>
    </row>
    <row r="180" spans="1:5" s="22" customFormat="1" ht="43.2" x14ac:dyDescent="0.2">
      <c r="A180" s="4" t="s">
        <v>531</v>
      </c>
      <c r="B180" s="4" t="s">
        <v>538</v>
      </c>
      <c r="C180" s="6" t="s">
        <v>539</v>
      </c>
      <c r="D180" s="4" t="s">
        <v>537</v>
      </c>
      <c r="E180" s="4"/>
    </row>
    <row r="181" spans="1:5" s="22" customFormat="1" ht="43.2" x14ac:dyDescent="0.2">
      <c r="A181" s="4" t="s">
        <v>531</v>
      </c>
      <c r="B181" s="4" t="s">
        <v>540</v>
      </c>
      <c r="C181" s="6" t="s">
        <v>541</v>
      </c>
      <c r="D181" s="4" t="s">
        <v>542</v>
      </c>
      <c r="E181" s="4"/>
    </row>
    <row r="182" spans="1:5" s="32" customFormat="1" ht="54" x14ac:dyDescent="0.2">
      <c r="A182" s="2" t="s">
        <v>531</v>
      </c>
      <c r="B182" s="4" t="s">
        <v>543</v>
      </c>
      <c r="C182" s="6" t="s">
        <v>544</v>
      </c>
      <c r="D182" s="4" t="s">
        <v>545</v>
      </c>
      <c r="E182" s="2"/>
    </row>
    <row r="183" spans="1:5" s="32" customFormat="1" ht="97.2" x14ac:dyDescent="0.2">
      <c r="A183" s="2" t="s">
        <v>531</v>
      </c>
      <c r="B183" s="4" t="s">
        <v>1548</v>
      </c>
      <c r="C183" s="6" t="s">
        <v>546</v>
      </c>
      <c r="D183" s="2" t="s">
        <v>547</v>
      </c>
      <c r="E183" s="2"/>
    </row>
    <row r="184" spans="1:5" s="22" customFormat="1" ht="32.4" x14ac:dyDescent="0.2">
      <c r="A184" s="2" t="s">
        <v>548</v>
      </c>
      <c r="B184" s="4" t="s">
        <v>549</v>
      </c>
      <c r="C184" s="6" t="s">
        <v>550</v>
      </c>
      <c r="D184" s="2" t="s">
        <v>551</v>
      </c>
      <c r="E184" s="2"/>
    </row>
    <row r="185" spans="1:5" s="22" customFormat="1" ht="32.4" x14ac:dyDescent="0.2">
      <c r="A185" s="2" t="s">
        <v>548</v>
      </c>
      <c r="B185" s="4" t="s">
        <v>552</v>
      </c>
      <c r="C185" s="6" t="s">
        <v>553</v>
      </c>
      <c r="D185" s="2" t="s">
        <v>554</v>
      </c>
      <c r="E185" s="2"/>
    </row>
    <row r="186" spans="1:5" s="22" customFormat="1" ht="64.8" x14ac:dyDescent="0.2">
      <c r="A186" s="2" t="s">
        <v>548</v>
      </c>
      <c r="B186" s="4" t="s">
        <v>555</v>
      </c>
      <c r="C186" s="6" t="s">
        <v>556</v>
      </c>
      <c r="D186" s="2" t="s">
        <v>557</v>
      </c>
      <c r="E186" s="2"/>
    </row>
    <row r="187" spans="1:5" s="22" customFormat="1" ht="32.4" x14ac:dyDescent="0.2">
      <c r="A187" s="4" t="s">
        <v>558</v>
      </c>
      <c r="B187" s="4" t="s">
        <v>559</v>
      </c>
      <c r="C187" s="6" t="s">
        <v>560</v>
      </c>
      <c r="D187" s="4" t="s">
        <v>1581</v>
      </c>
      <c r="E187" s="4" t="s">
        <v>1582</v>
      </c>
    </row>
    <row r="188" spans="1:5" s="22" customFormat="1" ht="54" x14ac:dyDescent="0.2">
      <c r="A188" s="4" t="s">
        <v>561</v>
      </c>
      <c r="B188" s="4" t="s">
        <v>562</v>
      </c>
      <c r="C188" s="6" t="s">
        <v>563</v>
      </c>
      <c r="D188" s="4" t="s">
        <v>564</v>
      </c>
      <c r="E188" s="4"/>
    </row>
    <row r="189" spans="1:5" s="22" customFormat="1" ht="64.8" x14ac:dyDescent="0.2">
      <c r="A189" s="4" t="s">
        <v>561</v>
      </c>
      <c r="B189" s="4" t="s">
        <v>565</v>
      </c>
      <c r="C189" s="6" t="s">
        <v>566</v>
      </c>
      <c r="D189" s="4" t="s">
        <v>567</v>
      </c>
      <c r="E189" s="4"/>
    </row>
    <row r="190" spans="1:5" s="22" customFormat="1" ht="32.4" x14ac:dyDescent="0.2">
      <c r="A190" s="4" t="s">
        <v>568</v>
      </c>
      <c r="B190" s="4" t="s">
        <v>569</v>
      </c>
      <c r="C190" s="6" t="s">
        <v>570</v>
      </c>
      <c r="D190" s="4" t="s">
        <v>571</v>
      </c>
      <c r="E190" s="4"/>
    </row>
    <row r="191" spans="1:5" s="22" customFormat="1" ht="32.4" x14ac:dyDescent="0.2">
      <c r="A191" s="4" t="s">
        <v>568</v>
      </c>
      <c r="B191" s="4" t="s">
        <v>569</v>
      </c>
      <c r="C191" s="6" t="s">
        <v>572</v>
      </c>
      <c r="D191" s="4" t="s">
        <v>573</v>
      </c>
      <c r="E191" s="4"/>
    </row>
    <row r="192" spans="1:5" s="22" customFormat="1" ht="32.4" x14ac:dyDescent="0.2">
      <c r="A192" s="4" t="s">
        <v>568</v>
      </c>
      <c r="B192" s="4" t="s">
        <v>569</v>
      </c>
      <c r="C192" s="6" t="s">
        <v>574</v>
      </c>
      <c r="D192" s="4" t="s">
        <v>575</v>
      </c>
      <c r="E192" s="4"/>
    </row>
    <row r="193" spans="1:5" s="22" customFormat="1" ht="64.8" x14ac:dyDescent="0.2">
      <c r="A193" s="4" t="s">
        <v>568</v>
      </c>
      <c r="B193" s="4" t="s">
        <v>576</v>
      </c>
      <c r="C193" s="6" t="s">
        <v>577</v>
      </c>
      <c r="D193" s="4" t="s">
        <v>578</v>
      </c>
      <c r="E193" s="4"/>
    </row>
    <row r="194" spans="1:5" s="22" customFormat="1" ht="32.4" x14ac:dyDescent="0.2">
      <c r="A194" s="4" t="s">
        <v>568</v>
      </c>
      <c r="B194" s="4" t="s">
        <v>579</v>
      </c>
      <c r="C194" s="6" t="s">
        <v>580</v>
      </c>
      <c r="D194" s="4" t="s">
        <v>581</v>
      </c>
      <c r="E194" s="4" t="s">
        <v>582</v>
      </c>
    </row>
    <row r="195" spans="1:5" s="22" customFormat="1" ht="32.4" x14ac:dyDescent="0.2">
      <c r="A195" s="4" t="s">
        <v>568</v>
      </c>
      <c r="B195" s="4" t="s">
        <v>583</v>
      </c>
      <c r="C195" s="6" t="s">
        <v>584</v>
      </c>
      <c r="D195" s="4" t="s">
        <v>585</v>
      </c>
      <c r="E195" s="4" t="s">
        <v>586</v>
      </c>
    </row>
    <row r="196" spans="1:5" s="22" customFormat="1" ht="43.2" x14ac:dyDescent="0.2">
      <c r="A196" s="4" t="s">
        <v>587</v>
      </c>
      <c r="B196" s="4" t="s">
        <v>588</v>
      </c>
      <c r="C196" s="6" t="s">
        <v>589</v>
      </c>
      <c r="D196" s="4" t="s">
        <v>590</v>
      </c>
      <c r="E196" s="4"/>
    </row>
    <row r="197" spans="1:5" s="22" customFormat="1" ht="286.8" customHeight="1" x14ac:dyDescent="0.2">
      <c r="A197" s="4" t="s">
        <v>587</v>
      </c>
      <c r="B197" s="4" t="s">
        <v>591</v>
      </c>
      <c r="C197" s="6" t="s">
        <v>592</v>
      </c>
      <c r="D197" s="4" t="s">
        <v>593</v>
      </c>
      <c r="E197" s="1" t="s">
        <v>594</v>
      </c>
    </row>
    <row r="198" spans="1:5" s="22" customFormat="1" ht="86.4" x14ac:dyDescent="0.2">
      <c r="A198" s="4" t="s">
        <v>587</v>
      </c>
      <c r="B198" s="4" t="s">
        <v>595</v>
      </c>
      <c r="C198" s="6" t="s">
        <v>596</v>
      </c>
      <c r="D198" s="4" t="s">
        <v>597</v>
      </c>
      <c r="E198" s="4" t="s">
        <v>598</v>
      </c>
    </row>
    <row r="199" spans="1:5" s="22" customFormat="1" ht="43.2" x14ac:dyDescent="0.2">
      <c r="A199" s="4" t="s">
        <v>599</v>
      </c>
      <c r="B199" s="4" t="s">
        <v>600</v>
      </c>
      <c r="C199" s="6" t="s">
        <v>601</v>
      </c>
      <c r="D199" s="4" t="s">
        <v>1583</v>
      </c>
      <c r="E199" s="4"/>
    </row>
    <row r="200" spans="1:5" s="22" customFormat="1" ht="248.4" x14ac:dyDescent="0.2">
      <c r="A200" s="4" t="s">
        <v>602</v>
      </c>
      <c r="B200" s="4" t="s">
        <v>603</v>
      </c>
      <c r="C200" s="6" t="s">
        <v>604</v>
      </c>
      <c r="D200" s="4" t="s">
        <v>1549</v>
      </c>
      <c r="E200" s="4"/>
    </row>
    <row r="201" spans="1:5" s="22" customFormat="1" ht="43.2" x14ac:dyDescent="0.2">
      <c r="A201" s="4" t="s">
        <v>602</v>
      </c>
      <c r="B201" s="4" t="s">
        <v>605</v>
      </c>
      <c r="C201" s="6" t="s">
        <v>606</v>
      </c>
      <c r="D201" s="4" t="s">
        <v>1550</v>
      </c>
      <c r="E201" s="4"/>
    </row>
    <row r="202" spans="1:5" s="22" customFormat="1" ht="43.2" x14ac:dyDescent="0.2">
      <c r="A202" s="4" t="s">
        <v>602</v>
      </c>
      <c r="B202" s="4" t="s">
        <v>607</v>
      </c>
      <c r="C202" s="6" t="s">
        <v>608</v>
      </c>
      <c r="D202" s="4" t="s">
        <v>609</v>
      </c>
      <c r="E202" s="4"/>
    </row>
    <row r="203" spans="1:5" s="22" customFormat="1" ht="345" customHeight="1" x14ac:dyDescent="0.2">
      <c r="A203" s="4" t="s">
        <v>602</v>
      </c>
      <c r="B203" s="4" t="s">
        <v>610</v>
      </c>
      <c r="C203" s="6" t="s">
        <v>611</v>
      </c>
      <c r="D203" s="28" t="s">
        <v>612</v>
      </c>
      <c r="E203" s="4"/>
    </row>
    <row r="204" spans="1:5" s="22" customFormat="1" ht="32.4" x14ac:dyDescent="0.2">
      <c r="A204" s="4" t="s">
        <v>613</v>
      </c>
      <c r="B204" s="4" t="s">
        <v>614</v>
      </c>
      <c r="C204" s="6" t="s">
        <v>615</v>
      </c>
      <c r="D204" s="4" t="s">
        <v>616</v>
      </c>
      <c r="E204" s="4" t="s">
        <v>617</v>
      </c>
    </row>
    <row r="205" spans="1:5" s="22" customFormat="1" ht="32.4" x14ac:dyDescent="0.2">
      <c r="A205" s="4" t="s">
        <v>613</v>
      </c>
      <c r="B205" s="4" t="s">
        <v>618</v>
      </c>
      <c r="C205" s="6" t="s">
        <v>619</v>
      </c>
      <c r="D205" s="4" t="s">
        <v>620</v>
      </c>
      <c r="E205" s="4"/>
    </row>
    <row r="206" spans="1:5" s="22" customFormat="1" ht="64.8" x14ac:dyDescent="0.2">
      <c r="A206" s="4" t="s">
        <v>613</v>
      </c>
      <c r="B206" s="4" t="s">
        <v>621</v>
      </c>
      <c r="C206" s="6" t="s">
        <v>622</v>
      </c>
      <c r="D206" s="4" t="s">
        <v>623</v>
      </c>
      <c r="E206" s="4" t="s">
        <v>624</v>
      </c>
    </row>
    <row r="207" spans="1:5" s="22" customFormat="1" ht="43.2" x14ac:dyDescent="0.2">
      <c r="A207" s="4" t="s">
        <v>613</v>
      </c>
      <c r="B207" s="4" t="s">
        <v>625</v>
      </c>
      <c r="C207" s="6" t="s">
        <v>626</v>
      </c>
      <c r="D207" s="4" t="s">
        <v>620</v>
      </c>
      <c r="E207" s="4"/>
    </row>
    <row r="208" spans="1:5" s="22" customFormat="1" ht="54" x14ac:dyDescent="0.2">
      <c r="A208" s="4" t="s">
        <v>613</v>
      </c>
      <c r="B208" s="4" t="s">
        <v>627</v>
      </c>
      <c r="C208" s="6" t="s">
        <v>628</v>
      </c>
      <c r="D208" s="4" t="s">
        <v>629</v>
      </c>
      <c r="E208" s="4"/>
    </row>
    <row r="209" spans="1:5" s="22" customFormat="1" ht="64.8" x14ac:dyDescent="0.2">
      <c r="A209" s="4" t="s">
        <v>630</v>
      </c>
      <c r="B209" s="4" t="s">
        <v>631</v>
      </c>
      <c r="C209" s="6" t="s">
        <v>632</v>
      </c>
      <c r="D209" s="4" t="s">
        <v>633</v>
      </c>
      <c r="E209" s="4" t="s">
        <v>634</v>
      </c>
    </row>
    <row r="210" spans="1:5" s="22" customFormat="1" ht="43.2" x14ac:dyDescent="0.2">
      <c r="A210" s="4" t="s">
        <v>613</v>
      </c>
      <c r="B210" s="4" t="s">
        <v>635</v>
      </c>
      <c r="C210" s="6" t="s">
        <v>636</v>
      </c>
      <c r="D210" s="4" t="s">
        <v>637</v>
      </c>
      <c r="E210" s="4" t="s">
        <v>638</v>
      </c>
    </row>
    <row r="211" spans="1:5" s="22" customFormat="1" ht="32.4" x14ac:dyDescent="0.2">
      <c r="A211" s="4" t="s">
        <v>639</v>
      </c>
      <c r="B211" s="4" t="s">
        <v>640</v>
      </c>
      <c r="C211" s="6" t="s">
        <v>641</v>
      </c>
      <c r="D211" s="4" t="s">
        <v>642</v>
      </c>
      <c r="E211" s="4"/>
    </row>
    <row r="212" spans="1:5" s="22" customFormat="1" ht="86.4" x14ac:dyDescent="0.2">
      <c r="A212" s="4" t="s">
        <v>643</v>
      </c>
      <c r="B212" s="4" t="s">
        <v>644</v>
      </c>
      <c r="C212" s="6" t="s">
        <v>645</v>
      </c>
      <c r="D212" s="4" t="s">
        <v>1584</v>
      </c>
      <c r="E212" s="4"/>
    </row>
    <row r="213" spans="1:5" s="22" customFormat="1" ht="75.599999999999994" x14ac:dyDescent="0.2">
      <c r="A213" s="4" t="s">
        <v>643</v>
      </c>
      <c r="B213" s="4" t="s">
        <v>646</v>
      </c>
      <c r="C213" s="6" t="s">
        <v>647</v>
      </c>
      <c r="D213" s="4" t="s">
        <v>648</v>
      </c>
      <c r="E213" s="4" t="s">
        <v>649</v>
      </c>
    </row>
    <row r="214" spans="1:5" s="22" customFormat="1" ht="43.2" x14ac:dyDescent="0.2">
      <c r="A214" s="4" t="s">
        <v>643</v>
      </c>
      <c r="B214" s="4" t="s">
        <v>650</v>
      </c>
      <c r="C214" s="6" t="s">
        <v>651</v>
      </c>
      <c r="D214" s="4" t="s">
        <v>652</v>
      </c>
      <c r="E214" s="4"/>
    </row>
    <row r="215" spans="1:5" s="22" customFormat="1" ht="43.2" x14ac:dyDescent="0.2">
      <c r="A215" s="4" t="s">
        <v>643</v>
      </c>
      <c r="B215" s="4" t="s">
        <v>653</v>
      </c>
      <c r="C215" s="6" t="s">
        <v>654</v>
      </c>
      <c r="D215" s="4" t="s">
        <v>655</v>
      </c>
      <c r="E215" s="4"/>
    </row>
    <row r="216" spans="1:5" s="22" customFormat="1" ht="32.4" x14ac:dyDescent="0.2">
      <c r="A216" s="4" t="s">
        <v>643</v>
      </c>
      <c r="B216" s="4" t="s">
        <v>656</v>
      </c>
      <c r="C216" s="6" t="s">
        <v>657</v>
      </c>
      <c r="D216" s="4" t="s">
        <v>1585</v>
      </c>
      <c r="E216" s="4" t="s">
        <v>1589</v>
      </c>
    </row>
    <row r="217" spans="1:5" s="22" customFormat="1" ht="32.4" x14ac:dyDescent="0.2">
      <c r="A217" s="4" t="s">
        <v>643</v>
      </c>
      <c r="B217" s="4" t="s">
        <v>658</v>
      </c>
      <c r="C217" s="6" t="s">
        <v>659</v>
      </c>
      <c r="D217" s="4" t="s">
        <v>660</v>
      </c>
      <c r="E217" s="4"/>
    </row>
    <row r="218" spans="1:5" s="22" customFormat="1" ht="43.2" x14ac:dyDescent="0.2">
      <c r="A218" s="4" t="s">
        <v>643</v>
      </c>
      <c r="B218" s="4" t="s">
        <v>661</v>
      </c>
      <c r="C218" s="6" t="s">
        <v>662</v>
      </c>
      <c r="D218" s="4" t="s">
        <v>663</v>
      </c>
      <c r="E218" s="4"/>
    </row>
    <row r="219" spans="1:5" s="22" customFormat="1" ht="43.2" x14ac:dyDescent="0.2">
      <c r="A219" s="6" t="s">
        <v>664</v>
      </c>
      <c r="B219" s="4" t="s">
        <v>665</v>
      </c>
      <c r="C219" s="6" t="s">
        <v>666</v>
      </c>
      <c r="D219" s="4" t="s">
        <v>667</v>
      </c>
      <c r="E219" s="5"/>
    </row>
    <row r="220" spans="1:5" s="22" customFormat="1" ht="21.6" x14ac:dyDescent="0.2">
      <c r="A220" s="6" t="s">
        <v>664</v>
      </c>
      <c r="B220" s="4" t="s">
        <v>668</v>
      </c>
      <c r="C220" s="6" t="s">
        <v>669</v>
      </c>
      <c r="D220" s="4" t="s">
        <v>670</v>
      </c>
      <c r="E220" s="5"/>
    </row>
    <row r="221" spans="1:5" s="22" customFormat="1" ht="21.6" x14ac:dyDescent="0.2">
      <c r="A221" s="6" t="s">
        <v>664</v>
      </c>
      <c r="B221" s="4" t="s">
        <v>668</v>
      </c>
      <c r="C221" s="6" t="s">
        <v>671</v>
      </c>
      <c r="D221" s="4" t="s">
        <v>672</v>
      </c>
      <c r="E221" s="5"/>
    </row>
    <row r="222" spans="1:5" s="32" customFormat="1" ht="54" x14ac:dyDescent="0.2">
      <c r="A222" s="6" t="s">
        <v>664</v>
      </c>
      <c r="B222" s="4" t="s">
        <v>665</v>
      </c>
      <c r="C222" s="6" t="s">
        <v>671</v>
      </c>
      <c r="D222" s="4" t="s">
        <v>673</v>
      </c>
      <c r="E222" s="5"/>
    </row>
    <row r="223" spans="1:5" s="22" customFormat="1" ht="32.4" x14ac:dyDescent="0.2">
      <c r="A223" s="6" t="s">
        <v>664</v>
      </c>
      <c r="B223" s="4" t="s">
        <v>665</v>
      </c>
      <c r="C223" s="6" t="s">
        <v>674</v>
      </c>
      <c r="D223" s="4" t="s">
        <v>675</v>
      </c>
      <c r="E223" s="5"/>
    </row>
    <row r="224" spans="1:5" s="22" customFormat="1" ht="32.4" x14ac:dyDescent="0.2">
      <c r="A224" s="6" t="s">
        <v>664</v>
      </c>
      <c r="B224" s="6" t="s">
        <v>676</v>
      </c>
      <c r="C224" s="6" t="s">
        <v>677</v>
      </c>
      <c r="D224" s="4" t="s">
        <v>678</v>
      </c>
      <c r="E224" s="5"/>
    </row>
    <row r="225" spans="1:5" s="22" customFormat="1" ht="32.4" x14ac:dyDescent="0.2">
      <c r="A225" s="6" t="s">
        <v>664</v>
      </c>
      <c r="B225" s="6" t="s">
        <v>679</v>
      </c>
      <c r="C225" s="6" t="s">
        <v>680</v>
      </c>
      <c r="D225" s="4" t="s">
        <v>678</v>
      </c>
      <c r="E225" s="5"/>
    </row>
    <row r="226" spans="1:5" s="22" customFormat="1" ht="54" x14ac:dyDescent="0.2">
      <c r="A226" s="4" t="s">
        <v>664</v>
      </c>
      <c r="B226" s="4" t="s">
        <v>681</v>
      </c>
      <c r="C226" s="4" t="s">
        <v>682</v>
      </c>
      <c r="D226" s="4" t="s">
        <v>683</v>
      </c>
      <c r="E226" s="4" t="s">
        <v>684</v>
      </c>
    </row>
    <row r="227" spans="1:5" s="22" customFormat="1" ht="54" x14ac:dyDescent="0.2">
      <c r="A227" s="4" t="s">
        <v>664</v>
      </c>
      <c r="B227" s="4" t="s">
        <v>685</v>
      </c>
      <c r="C227" s="6" t="s">
        <v>686</v>
      </c>
      <c r="D227" s="4" t="s">
        <v>678</v>
      </c>
      <c r="E227" s="5"/>
    </row>
    <row r="228" spans="1:5" s="22" customFormat="1" ht="75.599999999999994" x14ac:dyDescent="0.2">
      <c r="A228" s="4" t="s">
        <v>664</v>
      </c>
      <c r="B228" s="4" t="s">
        <v>687</v>
      </c>
      <c r="C228" s="6" t="s">
        <v>688</v>
      </c>
      <c r="D228" s="4" t="s">
        <v>678</v>
      </c>
      <c r="E228" s="5"/>
    </row>
    <row r="229" spans="1:5" s="22" customFormat="1" ht="32.4" x14ac:dyDescent="0.2">
      <c r="A229" s="4" t="s">
        <v>664</v>
      </c>
      <c r="B229" s="4" t="s">
        <v>689</v>
      </c>
      <c r="C229" s="4" t="s">
        <v>690</v>
      </c>
      <c r="D229" s="4" t="s">
        <v>691</v>
      </c>
      <c r="E229" s="4"/>
    </row>
    <row r="230" spans="1:5" s="32" customFormat="1" ht="32.4" x14ac:dyDescent="0.2">
      <c r="A230" s="4" t="s">
        <v>664</v>
      </c>
      <c r="B230" s="4" t="s">
        <v>692</v>
      </c>
      <c r="C230" s="4" t="s">
        <v>693</v>
      </c>
      <c r="D230" s="4" t="s">
        <v>694</v>
      </c>
      <c r="E230" s="4" t="s">
        <v>695</v>
      </c>
    </row>
    <row r="231" spans="1:5" s="22" customFormat="1" ht="32.4" x14ac:dyDescent="0.2">
      <c r="A231" s="4" t="s">
        <v>664</v>
      </c>
      <c r="B231" s="4" t="s">
        <v>696</v>
      </c>
      <c r="C231" s="4" t="s">
        <v>697</v>
      </c>
      <c r="D231" s="4" t="s">
        <v>698</v>
      </c>
      <c r="E231" s="4"/>
    </row>
    <row r="232" spans="1:5" s="22" customFormat="1" ht="43.2" x14ac:dyDescent="0.2">
      <c r="A232" s="4" t="s">
        <v>664</v>
      </c>
      <c r="B232" s="4" t="s">
        <v>699</v>
      </c>
      <c r="C232" s="4" t="s">
        <v>700</v>
      </c>
      <c r="D232" s="4" t="s">
        <v>701</v>
      </c>
      <c r="E232" s="4"/>
    </row>
    <row r="233" spans="1:5" s="22" customFormat="1" ht="43.2" x14ac:dyDescent="0.2">
      <c r="A233" s="6" t="s">
        <v>664</v>
      </c>
      <c r="B233" s="4" t="s">
        <v>702</v>
      </c>
      <c r="C233" s="6" t="s">
        <v>703</v>
      </c>
      <c r="D233" s="6" t="s">
        <v>704</v>
      </c>
      <c r="E233" s="5"/>
    </row>
    <row r="234" spans="1:5" s="22" customFormat="1" ht="43.2" x14ac:dyDescent="0.2">
      <c r="A234" s="6" t="s">
        <v>705</v>
      </c>
      <c r="B234" s="6" t="s">
        <v>706</v>
      </c>
      <c r="C234" s="13" t="s">
        <v>707</v>
      </c>
      <c r="D234" s="6" t="s">
        <v>708</v>
      </c>
      <c r="E234" s="4"/>
    </row>
    <row r="235" spans="1:5" s="22" customFormat="1" ht="54" x14ac:dyDescent="0.2">
      <c r="A235" s="6" t="s">
        <v>705</v>
      </c>
      <c r="B235" s="6" t="s">
        <v>709</v>
      </c>
      <c r="C235" s="13" t="s">
        <v>710</v>
      </c>
      <c r="D235" s="6" t="s">
        <v>711</v>
      </c>
      <c r="E235" s="6" t="s">
        <v>712</v>
      </c>
    </row>
    <row r="236" spans="1:5" s="22" customFormat="1" ht="54" x14ac:dyDescent="0.2">
      <c r="A236" s="6" t="s">
        <v>705</v>
      </c>
      <c r="B236" s="4" t="s">
        <v>713</v>
      </c>
      <c r="C236" s="6" t="s">
        <v>714</v>
      </c>
      <c r="D236" s="6" t="s">
        <v>715</v>
      </c>
      <c r="E236" s="6" t="s">
        <v>716</v>
      </c>
    </row>
    <row r="237" spans="1:5" s="22" customFormat="1" ht="43.2" x14ac:dyDescent="0.2">
      <c r="A237" s="6" t="s">
        <v>705</v>
      </c>
      <c r="B237" s="4" t="s">
        <v>717</v>
      </c>
      <c r="C237" s="6" t="s">
        <v>718</v>
      </c>
      <c r="D237" s="6" t="s">
        <v>708</v>
      </c>
      <c r="E237" s="6"/>
    </row>
    <row r="238" spans="1:5" s="22" customFormat="1" ht="32.4" x14ac:dyDescent="0.2">
      <c r="A238" s="6" t="s">
        <v>719</v>
      </c>
      <c r="B238" s="4" t="s">
        <v>720</v>
      </c>
      <c r="C238" s="6" t="s">
        <v>721</v>
      </c>
      <c r="D238" s="4" t="s">
        <v>722</v>
      </c>
      <c r="E238" s="5" t="s">
        <v>723</v>
      </c>
    </row>
    <row r="239" spans="1:5" s="22" customFormat="1" ht="54" x14ac:dyDescent="0.2">
      <c r="A239" s="6" t="s">
        <v>719</v>
      </c>
      <c r="B239" s="4" t="s">
        <v>724</v>
      </c>
      <c r="C239" s="6" t="s">
        <v>725</v>
      </c>
      <c r="D239" s="4" t="s">
        <v>726</v>
      </c>
      <c r="E239" s="5"/>
    </row>
    <row r="240" spans="1:5" s="22" customFormat="1" ht="64.8" x14ac:dyDescent="0.2">
      <c r="A240" s="6" t="s">
        <v>705</v>
      </c>
      <c r="B240" s="4" t="s">
        <v>727</v>
      </c>
      <c r="C240" s="4" t="s">
        <v>728</v>
      </c>
      <c r="D240" s="6" t="s">
        <v>708</v>
      </c>
      <c r="E240" s="4"/>
    </row>
    <row r="241" spans="1:5" s="22" customFormat="1" ht="32.4" x14ac:dyDescent="0.2">
      <c r="A241" s="6" t="s">
        <v>729</v>
      </c>
      <c r="B241" s="6" t="s">
        <v>730</v>
      </c>
      <c r="C241" s="6" t="s">
        <v>731</v>
      </c>
      <c r="D241" s="6" t="s">
        <v>732</v>
      </c>
      <c r="E241" s="5"/>
    </row>
    <row r="242" spans="1:5" s="22" customFormat="1" ht="54" x14ac:dyDescent="0.2">
      <c r="A242" s="6" t="s">
        <v>733</v>
      </c>
      <c r="B242" s="4" t="s">
        <v>734</v>
      </c>
      <c r="C242" s="6" t="s">
        <v>735</v>
      </c>
      <c r="D242" s="4" t="s">
        <v>736</v>
      </c>
      <c r="E242" s="5"/>
    </row>
    <row r="243" spans="1:5" s="22" customFormat="1" ht="32.4" x14ac:dyDescent="0.2">
      <c r="A243" s="6" t="s">
        <v>733</v>
      </c>
      <c r="B243" s="4" t="s">
        <v>737</v>
      </c>
      <c r="C243" s="6" t="s">
        <v>738</v>
      </c>
      <c r="D243" s="4" t="s">
        <v>739</v>
      </c>
      <c r="E243" s="5"/>
    </row>
    <row r="244" spans="1:5" s="22" customFormat="1" ht="324" x14ac:dyDescent="0.2">
      <c r="A244" s="6" t="s">
        <v>1551</v>
      </c>
      <c r="B244" s="4" t="s">
        <v>740</v>
      </c>
      <c r="C244" s="6" t="s">
        <v>741</v>
      </c>
      <c r="D244" s="4" t="s">
        <v>742</v>
      </c>
      <c r="E244" s="5"/>
    </row>
    <row r="245" spans="1:5" s="22" customFormat="1" ht="43.2" x14ac:dyDescent="0.2">
      <c r="A245" s="6" t="s">
        <v>733</v>
      </c>
      <c r="B245" s="6" t="s">
        <v>743</v>
      </c>
      <c r="C245" s="6" t="s">
        <v>744</v>
      </c>
      <c r="D245" s="6" t="s">
        <v>745</v>
      </c>
      <c r="E245" s="6" t="s">
        <v>746</v>
      </c>
    </row>
    <row r="246" spans="1:5" s="22" customFormat="1" ht="32.4" x14ac:dyDescent="0.2">
      <c r="A246" s="4" t="s">
        <v>747</v>
      </c>
      <c r="B246" s="4" t="s">
        <v>748</v>
      </c>
      <c r="C246" s="6" t="s">
        <v>749</v>
      </c>
      <c r="D246" s="4" t="s">
        <v>750</v>
      </c>
      <c r="E246" s="4"/>
    </row>
    <row r="247" spans="1:5" s="22" customFormat="1" ht="54" x14ac:dyDescent="0.2">
      <c r="A247" s="4" t="s">
        <v>751</v>
      </c>
      <c r="B247" s="4" t="s">
        <v>752</v>
      </c>
      <c r="C247" s="6" t="s">
        <v>1552</v>
      </c>
      <c r="D247" s="4" t="s">
        <v>753</v>
      </c>
      <c r="E247" s="4" t="s">
        <v>754</v>
      </c>
    </row>
    <row r="248" spans="1:5" s="22" customFormat="1" ht="54" x14ac:dyDescent="0.2">
      <c r="A248" s="4" t="s">
        <v>747</v>
      </c>
      <c r="B248" s="4" t="s">
        <v>755</v>
      </c>
      <c r="C248" s="4" t="s">
        <v>756</v>
      </c>
      <c r="D248" s="4" t="s">
        <v>757</v>
      </c>
      <c r="E248" s="4" t="s">
        <v>758</v>
      </c>
    </row>
    <row r="249" spans="1:5" s="22" customFormat="1" ht="54" x14ac:dyDescent="0.2">
      <c r="A249" s="4" t="s">
        <v>759</v>
      </c>
      <c r="B249" s="4" t="s">
        <v>760</v>
      </c>
      <c r="C249" s="6" t="s">
        <v>761</v>
      </c>
      <c r="D249" s="4" t="s">
        <v>762</v>
      </c>
      <c r="E249" s="4"/>
    </row>
    <row r="250" spans="1:5" s="22" customFormat="1" ht="32.4" x14ac:dyDescent="0.2">
      <c r="A250" s="4" t="s">
        <v>759</v>
      </c>
      <c r="B250" s="4" t="s">
        <v>763</v>
      </c>
      <c r="C250" s="6" t="s">
        <v>764</v>
      </c>
      <c r="D250" s="4" t="s">
        <v>765</v>
      </c>
      <c r="E250" s="4"/>
    </row>
    <row r="251" spans="1:5" s="22" customFormat="1" ht="75.599999999999994" x14ac:dyDescent="0.2">
      <c r="A251" s="4" t="s">
        <v>759</v>
      </c>
      <c r="B251" s="4" t="s">
        <v>766</v>
      </c>
      <c r="C251" s="6" t="s">
        <v>767</v>
      </c>
      <c r="D251" s="4" t="s">
        <v>768</v>
      </c>
      <c r="E251" s="4"/>
    </row>
    <row r="252" spans="1:5" s="22" customFormat="1" ht="64.8" x14ac:dyDescent="0.2">
      <c r="A252" s="4" t="s">
        <v>759</v>
      </c>
      <c r="B252" s="4" t="s">
        <v>769</v>
      </c>
      <c r="C252" s="6" t="s">
        <v>770</v>
      </c>
      <c r="D252" s="4" t="s">
        <v>771</v>
      </c>
      <c r="E252" s="4"/>
    </row>
    <row r="253" spans="1:5" s="22" customFormat="1" ht="43.2" x14ac:dyDescent="0.2">
      <c r="A253" s="4" t="s">
        <v>759</v>
      </c>
      <c r="B253" s="4" t="s">
        <v>772</v>
      </c>
      <c r="C253" s="6" t="s">
        <v>773</v>
      </c>
      <c r="D253" s="4" t="s">
        <v>774</v>
      </c>
      <c r="E253" s="4"/>
    </row>
    <row r="254" spans="1:5" s="22" customFormat="1" ht="32.4" x14ac:dyDescent="0.2">
      <c r="A254" s="4" t="s">
        <v>759</v>
      </c>
      <c r="B254" s="4" t="s">
        <v>775</v>
      </c>
      <c r="C254" s="6" t="s">
        <v>776</v>
      </c>
      <c r="D254" s="4" t="s">
        <v>708</v>
      </c>
      <c r="E254" s="4"/>
    </row>
    <row r="255" spans="1:5" s="22" customFormat="1" ht="54" x14ac:dyDescent="0.2">
      <c r="A255" s="4" t="s">
        <v>759</v>
      </c>
      <c r="B255" s="14" t="s">
        <v>777</v>
      </c>
      <c r="C255" s="6" t="s">
        <v>778</v>
      </c>
      <c r="D255" s="4" t="s">
        <v>779</v>
      </c>
      <c r="E255" s="4"/>
    </row>
    <row r="256" spans="1:5" s="22" customFormat="1" ht="54" x14ac:dyDescent="0.2">
      <c r="A256" s="4" t="s">
        <v>759</v>
      </c>
      <c r="B256" s="4" t="s">
        <v>780</v>
      </c>
      <c r="C256" s="6" t="s">
        <v>781</v>
      </c>
      <c r="D256" s="4" t="s">
        <v>782</v>
      </c>
      <c r="E256" s="4"/>
    </row>
    <row r="257" spans="1:5" s="22" customFormat="1" ht="32.4" x14ac:dyDescent="0.2">
      <c r="A257" s="4" t="s">
        <v>783</v>
      </c>
      <c r="B257" s="4" t="s">
        <v>784</v>
      </c>
      <c r="C257" s="6" t="s">
        <v>785</v>
      </c>
      <c r="D257" s="4" t="s">
        <v>786</v>
      </c>
      <c r="E257" s="4"/>
    </row>
    <row r="258" spans="1:5" s="22" customFormat="1" ht="32.4" x14ac:dyDescent="0.2">
      <c r="A258" s="4" t="s">
        <v>783</v>
      </c>
      <c r="B258" s="4" t="s">
        <v>787</v>
      </c>
      <c r="C258" s="6" t="s">
        <v>788</v>
      </c>
      <c r="D258" s="4" t="s">
        <v>789</v>
      </c>
      <c r="E258" s="4"/>
    </row>
    <row r="259" spans="1:5" s="22" customFormat="1" ht="32.4" x14ac:dyDescent="0.2">
      <c r="A259" s="4" t="s">
        <v>759</v>
      </c>
      <c r="B259" s="4" t="s">
        <v>790</v>
      </c>
      <c r="C259" s="6" t="s">
        <v>791</v>
      </c>
      <c r="D259" s="4" t="s">
        <v>792</v>
      </c>
      <c r="E259" s="4"/>
    </row>
    <row r="260" spans="1:5" s="22" customFormat="1" ht="32.4" x14ac:dyDescent="0.2">
      <c r="A260" s="4" t="s">
        <v>759</v>
      </c>
      <c r="B260" s="4" t="s">
        <v>790</v>
      </c>
      <c r="C260" s="6" t="s">
        <v>791</v>
      </c>
      <c r="D260" s="4" t="s">
        <v>793</v>
      </c>
      <c r="E260" s="4"/>
    </row>
    <row r="261" spans="1:5" s="22" customFormat="1" ht="43.2" x14ac:dyDescent="0.2">
      <c r="A261" s="4" t="s">
        <v>759</v>
      </c>
      <c r="B261" s="4" t="s">
        <v>794</v>
      </c>
      <c r="C261" s="6" t="s">
        <v>795</v>
      </c>
      <c r="D261" s="4" t="s">
        <v>796</v>
      </c>
      <c r="E261" s="4"/>
    </row>
    <row r="262" spans="1:5" s="22" customFormat="1" ht="32.4" x14ac:dyDescent="0.2">
      <c r="A262" s="4" t="s">
        <v>759</v>
      </c>
      <c r="B262" s="4" t="s">
        <v>797</v>
      </c>
      <c r="C262" s="6" t="s">
        <v>798</v>
      </c>
      <c r="D262" s="4" t="s">
        <v>796</v>
      </c>
      <c r="E262" s="4"/>
    </row>
    <row r="263" spans="1:5" s="22" customFormat="1" ht="43.2" x14ac:dyDescent="0.2">
      <c r="A263" s="4" t="s">
        <v>759</v>
      </c>
      <c r="B263" s="4" t="s">
        <v>799</v>
      </c>
      <c r="C263" s="6" t="s">
        <v>800</v>
      </c>
      <c r="D263" s="4" t="s">
        <v>801</v>
      </c>
      <c r="E263" s="4"/>
    </row>
    <row r="264" spans="1:5" s="22" customFormat="1" ht="43.2" x14ac:dyDescent="0.2">
      <c r="A264" s="4" t="s">
        <v>759</v>
      </c>
      <c r="B264" s="4" t="s">
        <v>802</v>
      </c>
      <c r="C264" s="6" t="s">
        <v>803</v>
      </c>
      <c r="D264" s="4" t="s">
        <v>804</v>
      </c>
      <c r="E264" s="4"/>
    </row>
    <row r="265" spans="1:5" s="22" customFormat="1" ht="32.4" x14ac:dyDescent="0.2">
      <c r="A265" s="4" t="s">
        <v>759</v>
      </c>
      <c r="B265" s="4" t="s">
        <v>790</v>
      </c>
      <c r="C265" s="6" t="s">
        <v>791</v>
      </c>
      <c r="D265" s="4" t="s">
        <v>805</v>
      </c>
      <c r="E265" s="4"/>
    </row>
    <row r="266" spans="1:5" s="22" customFormat="1" ht="43.2" x14ac:dyDescent="0.2">
      <c r="A266" s="4" t="s">
        <v>759</v>
      </c>
      <c r="B266" s="4" t="s">
        <v>806</v>
      </c>
      <c r="C266" s="6" t="s">
        <v>807</v>
      </c>
      <c r="D266" s="4" t="s">
        <v>808</v>
      </c>
      <c r="E266" s="4"/>
    </row>
    <row r="267" spans="1:5" s="22" customFormat="1" ht="43.2" x14ac:dyDescent="0.2">
      <c r="A267" s="4" t="s">
        <v>759</v>
      </c>
      <c r="B267" s="4" t="s">
        <v>809</v>
      </c>
      <c r="C267" s="6" t="s">
        <v>810</v>
      </c>
      <c r="D267" s="4" t="s">
        <v>811</v>
      </c>
      <c r="E267" s="4"/>
    </row>
    <row r="268" spans="1:5" s="22" customFormat="1" ht="32.4" x14ac:dyDescent="0.2">
      <c r="A268" s="4" t="s">
        <v>759</v>
      </c>
      <c r="B268" s="4" t="s">
        <v>812</v>
      </c>
      <c r="C268" s="6" t="s">
        <v>813</v>
      </c>
      <c r="D268" s="4" t="s">
        <v>814</v>
      </c>
      <c r="E268" s="4"/>
    </row>
    <row r="269" spans="1:5" s="22" customFormat="1" ht="43.2" x14ac:dyDescent="0.2">
      <c r="A269" s="4" t="s">
        <v>759</v>
      </c>
      <c r="B269" s="4" t="s">
        <v>815</v>
      </c>
      <c r="C269" s="6" t="s">
        <v>816</v>
      </c>
      <c r="D269" s="4" t="s">
        <v>817</v>
      </c>
      <c r="E269" s="4"/>
    </row>
    <row r="270" spans="1:5" s="22" customFormat="1" ht="43.2" x14ac:dyDescent="0.2">
      <c r="A270" s="4" t="s">
        <v>759</v>
      </c>
      <c r="B270" s="4" t="s">
        <v>818</v>
      </c>
      <c r="C270" s="6" t="s">
        <v>819</v>
      </c>
      <c r="D270" s="4" t="s">
        <v>796</v>
      </c>
      <c r="E270" s="4"/>
    </row>
    <row r="271" spans="1:5" s="22" customFormat="1" ht="32.4" x14ac:dyDescent="0.2">
      <c r="A271" s="4" t="s">
        <v>759</v>
      </c>
      <c r="B271" s="4" t="s">
        <v>820</v>
      </c>
      <c r="C271" s="6" t="s">
        <v>821</v>
      </c>
      <c r="D271" s="4" t="s">
        <v>822</v>
      </c>
      <c r="E271" s="4"/>
    </row>
    <row r="272" spans="1:5" s="22" customFormat="1" ht="43.2" x14ac:dyDescent="0.2">
      <c r="A272" s="4" t="s">
        <v>759</v>
      </c>
      <c r="B272" s="4" t="s">
        <v>823</v>
      </c>
      <c r="C272" s="6" t="s">
        <v>1553</v>
      </c>
      <c r="D272" s="4" t="s">
        <v>824</v>
      </c>
      <c r="E272" s="4"/>
    </row>
    <row r="273" spans="1:5" s="32" customFormat="1" ht="43.2" x14ac:dyDescent="0.2">
      <c r="A273" s="4" t="s">
        <v>759</v>
      </c>
      <c r="B273" s="4" t="s">
        <v>825</v>
      </c>
      <c r="C273" s="6" t="s">
        <v>826</v>
      </c>
      <c r="D273" s="4" t="s">
        <v>824</v>
      </c>
      <c r="E273" s="4"/>
    </row>
    <row r="274" spans="1:5" s="22" customFormat="1" ht="43.2" x14ac:dyDescent="0.2">
      <c r="A274" s="4" t="s">
        <v>759</v>
      </c>
      <c r="B274" s="4" t="s">
        <v>827</v>
      </c>
      <c r="C274" s="4" t="s">
        <v>828</v>
      </c>
      <c r="D274" s="4" t="s">
        <v>708</v>
      </c>
      <c r="E274" s="4"/>
    </row>
    <row r="275" spans="1:5" s="22" customFormat="1" ht="43.2" x14ac:dyDescent="0.2">
      <c r="A275" s="4" t="s">
        <v>759</v>
      </c>
      <c r="B275" s="4" t="s">
        <v>829</v>
      </c>
      <c r="C275" s="4" t="s">
        <v>830</v>
      </c>
      <c r="D275" s="4" t="s">
        <v>831</v>
      </c>
      <c r="E275" s="4"/>
    </row>
    <row r="276" spans="1:5" s="22" customFormat="1" ht="43.2" x14ac:dyDescent="0.2">
      <c r="A276" s="4" t="s">
        <v>759</v>
      </c>
      <c r="B276" s="4" t="s">
        <v>832</v>
      </c>
      <c r="C276" s="6" t="s">
        <v>833</v>
      </c>
      <c r="D276" s="4" t="s">
        <v>708</v>
      </c>
      <c r="E276" s="4"/>
    </row>
    <row r="277" spans="1:5" s="22" customFormat="1" ht="43.2" x14ac:dyDescent="0.2">
      <c r="A277" s="4" t="s">
        <v>759</v>
      </c>
      <c r="B277" s="4" t="s">
        <v>823</v>
      </c>
      <c r="C277" s="6" t="s">
        <v>834</v>
      </c>
      <c r="D277" s="4" t="s">
        <v>835</v>
      </c>
      <c r="E277" s="4"/>
    </row>
    <row r="278" spans="1:5" s="32" customFormat="1" ht="43.2" x14ac:dyDescent="0.2">
      <c r="A278" s="4" t="s">
        <v>759</v>
      </c>
      <c r="B278" s="4" t="s">
        <v>825</v>
      </c>
      <c r="C278" s="6" t="s">
        <v>836</v>
      </c>
      <c r="D278" s="4" t="s">
        <v>835</v>
      </c>
      <c r="E278" s="4"/>
    </row>
    <row r="279" spans="1:5" s="22" customFormat="1" ht="43.2" x14ac:dyDescent="0.2">
      <c r="A279" s="4" t="s">
        <v>759</v>
      </c>
      <c r="B279" s="4" t="s">
        <v>755</v>
      </c>
      <c r="C279" s="4" t="s">
        <v>756</v>
      </c>
      <c r="D279" s="4" t="s">
        <v>1554</v>
      </c>
      <c r="E279" s="4" t="s">
        <v>1555</v>
      </c>
    </row>
    <row r="280" spans="1:5" s="22" customFormat="1" ht="75.599999999999994" x14ac:dyDescent="0.2">
      <c r="A280" s="4" t="s">
        <v>759</v>
      </c>
      <c r="B280" s="4" t="s">
        <v>837</v>
      </c>
      <c r="C280" s="6" t="s">
        <v>838</v>
      </c>
      <c r="D280" s="4" t="s">
        <v>801</v>
      </c>
      <c r="E280" s="4"/>
    </row>
    <row r="281" spans="1:5" s="22" customFormat="1" ht="54" x14ac:dyDescent="0.2">
      <c r="A281" s="4" t="s">
        <v>759</v>
      </c>
      <c r="B281" s="4" t="s">
        <v>839</v>
      </c>
      <c r="C281" s="6" t="s">
        <v>1556</v>
      </c>
      <c r="D281" s="4" t="s">
        <v>801</v>
      </c>
      <c r="E281" s="4"/>
    </row>
    <row r="282" spans="1:5" s="22" customFormat="1" ht="54" x14ac:dyDescent="0.2">
      <c r="A282" s="4" t="s">
        <v>840</v>
      </c>
      <c r="B282" s="4" t="s">
        <v>841</v>
      </c>
      <c r="C282" s="6" t="s">
        <v>842</v>
      </c>
      <c r="D282" s="4" t="s">
        <v>843</v>
      </c>
      <c r="E282" s="4"/>
    </row>
    <row r="283" spans="1:5" s="22" customFormat="1" ht="54" x14ac:dyDescent="0.2">
      <c r="A283" s="4" t="s">
        <v>840</v>
      </c>
      <c r="B283" s="4" t="s">
        <v>844</v>
      </c>
      <c r="C283" s="6" t="s">
        <v>845</v>
      </c>
      <c r="D283" s="4" t="s">
        <v>846</v>
      </c>
      <c r="E283" s="4"/>
    </row>
    <row r="284" spans="1:5" s="22" customFormat="1" ht="54" x14ac:dyDescent="0.2">
      <c r="A284" s="4" t="s">
        <v>840</v>
      </c>
      <c r="B284" s="4" t="s">
        <v>847</v>
      </c>
      <c r="C284" s="6" t="s">
        <v>848</v>
      </c>
      <c r="D284" s="4" t="s">
        <v>849</v>
      </c>
      <c r="E284" s="4"/>
    </row>
    <row r="285" spans="1:5" s="22" customFormat="1" ht="43.2" x14ac:dyDescent="0.2">
      <c r="A285" s="6" t="s">
        <v>850</v>
      </c>
      <c r="B285" s="6" t="s">
        <v>851</v>
      </c>
      <c r="C285" s="6" t="s">
        <v>852</v>
      </c>
      <c r="D285" s="4" t="s">
        <v>678</v>
      </c>
      <c r="E285" s="5"/>
    </row>
    <row r="286" spans="1:5" s="22" customFormat="1" ht="43.2" x14ac:dyDescent="0.2">
      <c r="A286" s="6" t="s">
        <v>853</v>
      </c>
      <c r="B286" s="6" t="s">
        <v>854</v>
      </c>
      <c r="C286" s="6" t="s">
        <v>855</v>
      </c>
      <c r="D286" s="4" t="s">
        <v>678</v>
      </c>
      <c r="E286" s="5"/>
    </row>
    <row r="287" spans="1:5" s="22" customFormat="1" ht="43.2" x14ac:dyDescent="0.2">
      <c r="A287" s="6" t="s">
        <v>853</v>
      </c>
      <c r="B287" s="6" t="s">
        <v>856</v>
      </c>
      <c r="C287" s="6" t="s">
        <v>857</v>
      </c>
      <c r="D287" s="4" t="s">
        <v>1557</v>
      </c>
      <c r="E287" s="5"/>
    </row>
    <row r="288" spans="1:5" s="22" customFormat="1" ht="93.6" customHeight="1" x14ac:dyDescent="0.2">
      <c r="A288" s="6" t="s">
        <v>858</v>
      </c>
      <c r="B288" s="6" t="s">
        <v>859</v>
      </c>
      <c r="C288" s="6" t="s">
        <v>860</v>
      </c>
      <c r="D288" s="4" t="s">
        <v>861</v>
      </c>
      <c r="E288" s="6" t="s">
        <v>862</v>
      </c>
    </row>
    <row r="289" spans="1:5" s="22" customFormat="1" ht="54" x14ac:dyDescent="0.2">
      <c r="A289" s="6" t="s">
        <v>858</v>
      </c>
      <c r="B289" s="6" t="s">
        <v>863</v>
      </c>
      <c r="C289" s="6" t="s">
        <v>864</v>
      </c>
      <c r="D289" s="4" t="s">
        <v>865</v>
      </c>
      <c r="E289" s="6" t="s">
        <v>866</v>
      </c>
    </row>
    <row r="290" spans="1:5" s="22" customFormat="1" ht="64.8" x14ac:dyDescent="0.2">
      <c r="A290" s="6" t="s">
        <v>858</v>
      </c>
      <c r="B290" s="6" t="s">
        <v>867</v>
      </c>
      <c r="C290" s="6" t="s">
        <v>868</v>
      </c>
      <c r="D290" s="4" t="s">
        <v>1558</v>
      </c>
      <c r="E290" s="6" t="s">
        <v>1559</v>
      </c>
    </row>
    <row r="291" spans="1:5" s="22" customFormat="1" ht="54" x14ac:dyDescent="0.2">
      <c r="A291" s="6" t="s">
        <v>858</v>
      </c>
      <c r="B291" s="6" t="s">
        <v>869</v>
      </c>
      <c r="C291" s="6" t="s">
        <v>870</v>
      </c>
      <c r="D291" s="4" t="s">
        <v>871</v>
      </c>
      <c r="E291" s="6"/>
    </row>
    <row r="292" spans="1:5" s="22" customFormat="1" ht="54" x14ac:dyDescent="0.2">
      <c r="A292" s="6" t="s">
        <v>858</v>
      </c>
      <c r="B292" s="6" t="s">
        <v>872</v>
      </c>
      <c r="C292" s="6" t="s">
        <v>873</v>
      </c>
      <c r="D292" s="4" t="s">
        <v>874</v>
      </c>
      <c r="E292" s="6" t="s">
        <v>875</v>
      </c>
    </row>
    <row r="293" spans="1:5" s="22" customFormat="1" ht="54" x14ac:dyDescent="0.2">
      <c r="A293" s="6" t="s">
        <v>876</v>
      </c>
      <c r="B293" s="4" t="s">
        <v>877</v>
      </c>
      <c r="C293" s="6" t="s">
        <v>878</v>
      </c>
      <c r="D293" s="6" t="s">
        <v>1560</v>
      </c>
      <c r="E293" s="6" t="s">
        <v>1561</v>
      </c>
    </row>
    <row r="294" spans="1:5" s="22" customFormat="1" ht="54" x14ac:dyDescent="0.2">
      <c r="A294" s="8" t="s">
        <v>879</v>
      </c>
      <c r="B294" s="8" t="s">
        <v>880</v>
      </c>
      <c r="C294" s="8" t="s">
        <v>881</v>
      </c>
      <c r="D294" s="8" t="s">
        <v>882</v>
      </c>
      <c r="E294" s="7"/>
    </row>
    <row r="295" spans="1:5" s="22" customFormat="1" ht="108" x14ac:dyDescent="0.2">
      <c r="A295" s="6" t="s">
        <v>879</v>
      </c>
      <c r="B295" s="6" t="s">
        <v>883</v>
      </c>
      <c r="C295" s="6" t="s">
        <v>884</v>
      </c>
      <c r="D295" s="6" t="s">
        <v>885</v>
      </c>
      <c r="E295" s="5"/>
    </row>
    <row r="296" spans="1:5" s="22" customFormat="1" ht="64.8" x14ac:dyDescent="0.2">
      <c r="A296" s="15" t="s">
        <v>879</v>
      </c>
      <c r="B296" s="15" t="s">
        <v>886</v>
      </c>
      <c r="C296" s="15" t="s">
        <v>887</v>
      </c>
      <c r="D296" s="15" t="s">
        <v>888</v>
      </c>
      <c r="E296" s="17"/>
    </row>
    <row r="297" spans="1:5" s="22" customFormat="1" ht="54" x14ac:dyDescent="0.2">
      <c r="A297" s="6" t="s">
        <v>879</v>
      </c>
      <c r="B297" s="6" t="s">
        <v>889</v>
      </c>
      <c r="C297" s="6" t="s">
        <v>890</v>
      </c>
      <c r="D297" s="6" t="s">
        <v>891</v>
      </c>
      <c r="E297" s="5"/>
    </row>
    <row r="298" spans="1:5" s="22" customFormat="1" ht="43.2" x14ac:dyDescent="0.2">
      <c r="A298" s="4" t="s">
        <v>892</v>
      </c>
      <c r="B298" s="4" t="s">
        <v>893</v>
      </c>
      <c r="C298" s="6" t="s">
        <v>894</v>
      </c>
      <c r="D298" s="4" t="s">
        <v>895</v>
      </c>
      <c r="E298" s="4"/>
    </row>
    <row r="299" spans="1:5" s="22" customFormat="1" ht="43.2" x14ac:dyDescent="0.2">
      <c r="A299" s="4" t="s">
        <v>892</v>
      </c>
      <c r="B299" s="4" t="s">
        <v>896</v>
      </c>
      <c r="C299" s="6" t="s">
        <v>897</v>
      </c>
      <c r="D299" s="4" t="s">
        <v>898</v>
      </c>
      <c r="E299" s="4"/>
    </row>
    <row r="300" spans="1:5" s="22" customFormat="1" ht="54" x14ac:dyDescent="0.2">
      <c r="A300" s="4" t="s">
        <v>892</v>
      </c>
      <c r="B300" s="4" t="s">
        <v>899</v>
      </c>
      <c r="C300" s="6" t="s">
        <v>900</v>
      </c>
      <c r="D300" s="4" t="s">
        <v>901</v>
      </c>
      <c r="E300" s="4" t="s">
        <v>902</v>
      </c>
    </row>
    <row r="301" spans="1:5" s="22" customFormat="1" ht="409.6" x14ac:dyDescent="0.2">
      <c r="A301" s="8" t="s">
        <v>892</v>
      </c>
      <c r="B301" s="8" t="s">
        <v>903</v>
      </c>
      <c r="C301" s="8" t="s">
        <v>904</v>
      </c>
      <c r="D301" s="18" t="s">
        <v>905</v>
      </c>
      <c r="E301" s="8" t="s">
        <v>906</v>
      </c>
    </row>
    <row r="302" spans="1:5" s="22" customFormat="1" ht="43.2" x14ac:dyDescent="0.2">
      <c r="A302" s="4" t="s">
        <v>892</v>
      </c>
      <c r="B302" s="4" t="s">
        <v>907</v>
      </c>
      <c r="C302" s="6" t="s">
        <v>908</v>
      </c>
      <c r="D302" s="4" t="s">
        <v>909</v>
      </c>
      <c r="E302" s="4" t="s">
        <v>910</v>
      </c>
    </row>
    <row r="303" spans="1:5" s="22" customFormat="1" ht="43.2" x14ac:dyDescent="0.2">
      <c r="A303" s="4" t="s">
        <v>892</v>
      </c>
      <c r="B303" s="4" t="s">
        <v>911</v>
      </c>
      <c r="C303" s="6" t="s">
        <v>912</v>
      </c>
      <c r="D303" s="4" t="s">
        <v>913</v>
      </c>
      <c r="E303" s="4"/>
    </row>
    <row r="304" spans="1:5" s="22" customFormat="1" ht="32.4" x14ac:dyDescent="0.2">
      <c r="A304" s="4" t="s">
        <v>914</v>
      </c>
      <c r="B304" s="4" t="s">
        <v>915</v>
      </c>
      <c r="C304" s="6" t="s">
        <v>916</v>
      </c>
      <c r="D304" s="4" t="s">
        <v>917</v>
      </c>
      <c r="E304" s="4" t="s">
        <v>918</v>
      </c>
    </row>
    <row r="305" spans="1:5" s="22" customFormat="1" ht="32.4" x14ac:dyDescent="0.2">
      <c r="A305" s="4" t="s">
        <v>914</v>
      </c>
      <c r="B305" s="4" t="s">
        <v>919</v>
      </c>
      <c r="C305" s="4" t="s">
        <v>920</v>
      </c>
      <c r="D305" s="6" t="s">
        <v>921</v>
      </c>
      <c r="E305" s="6" t="s">
        <v>922</v>
      </c>
    </row>
    <row r="306" spans="1:5" s="22" customFormat="1" ht="32.4" x14ac:dyDescent="0.2">
      <c r="A306" s="4" t="s">
        <v>914</v>
      </c>
      <c r="B306" s="4" t="s">
        <v>923</v>
      </c>
      <c r="C306" s="4" t="s">
        <v>924</v>
      </c>
      <c r="D306" s="6" t="s">
        <v>921</v>
      </c>
      <c r="E306" s="6" t="s">
        <v>922</v>
      </c>
    </row>
    <row r="307" spans="1:5" s="22" customFormat="1" ht="43.2" x14ac:dyDescent="0.2">
      <c r="A307" s="4" t="s">
        <v>914</v>
      </c>
      <c r="B307" s="4" t="s">
        <v>925</v>
      </c>
      <c r="C307" s="4" t="s">
        <v>926</v>
      </c>
      <c r="D307" s="4" t="s">
        <v>1562</v>
      </c>
      <c r="E307" s="4"/>
    </row>
    <row r="308" spans="1:5" s="22" customFormat="1" ht="32.4" x14ac:dyDescent="0.2">
      <c r="A308" s="4" t="s">
        <v>914</v>
      </c>
      <c r="B308" s="4" t="s">
        <v>927</v>
      </c>
      <c r="C308" s="4" t="s">
        <v>928</v>
      </c>
      <c r="D308" s="4" t="s">
        <v>929</v>
      </c>
      <c r="E308" s="4"/>
    </row>
    <row r="309" spans="1:5" s="22" customFormat="1" ht="64.8" x14ac:dyDescent="0.2">
      <c r="A309" s="4" t="s">
        <v>930</v>
      </c>
      <c r="B309" s="4" t="s">
        <v>931</v>
      </c>
      <c r="C309" s="6" t="s">
        <v>932</v>
      </c>
      <c r="D309" s="4" t="s">
        <v>933</v>
      </c>
      <c r="E309" s="4"/>
    </row>
    <row r="310" spans="1:5" s="22" customFormat="1" ht="43.2" x14ac:dyDescent="0.2">
      <c r="A310" s="4" t="s">
        <v>930</v>
      </c>
      <c r="B310" s="4" t="s">
        <v>911</v>
      </c>
      <c r="C310" s="6" t="s">
        <v>934</v>
      </c>
      <c r="D310" s="4" t="s">
        <v>935</v>
      </c>
      <c r="E310" s="4"/>
    </row>
    <row r="311" spans="1:5" s="22" customFormat="1" ht="32.4" x14ac:dyDescent="0.2">
      <c r="A311" s="4" t="s">
        <v>930</v>
      </c>
      <c r="B311" s="4" t="s">
        <v>936</v>
      </c>
      <c r="C311" s="6" t="s">
        <v>937</v>
      </c>
      <c r="D311" s="4" t="s">
        <v>936</v>
      </c>
      <c r="E311" s="4"/>
    </row>
    <row r="312" spans="1:5" s="22" customFormat="1" ht="32.4" x14ac:dyDescent="0.2">
      <c r="A312" s="4" t="s">
        <v>930</v>
      </c>
      <c r="B312" s="4" t="s">
        <v>938</v>
      </c>
      <c r="C312" s="6" t="s">
        <v>939</v>
      </c>
      <c r="D312" s="4" t="s">
        <v>938</v>
      </c>
      <c r="E312" s="4"/>
    </row>
    <row r="313" spans="1:5" s="22" customFormat="1" ht="32.4" x14ac:dyDescent="0.2">
      <c r="A313" s="4" t="s">
        <v>940</v>
      </c>
      <c r="B313" s="4" t="s">
        <v>941</v>
      </c>
      <c r="C313" s="6" t="s">
        <v>942</v>
      </c>
      <c r="D313" s="4" t="s">
        <v>943</v>
      </c>
      <c r="E313" s="4"/>
    </row>
    <row r="314" spans="1:5" s="22" customFormat="1" ht="32.4" x14ac:dyDescent="0.2">
      <c r="A314" s="6" t="s">
        <v>944</v>
      </c>
      <c r="B314" s="4" t="s">
        <v>945</v>
      </c>
      <c r="C314" s="6" t="s">
        <v>946</v>
      </c>
      <c r="D314" s="4" t="s">
        <v>947</v>
      </c>
      <c r="E314" s="4"/>
    </row>
    <row r="315" spans="1:5" s="22" customFormat="1" ht="32.4" x14ac:dyDescent="0.2">
      <c r="A315" s="6" t="s">
        <v>944</v>
      </c>
      <c r="B315" s="4" t="s">
        <v>945</v>
      </c>
      <c r="C315" s="6" t="s">
        <v>948</v>
      </c>
      <c r="D315" s="4" t="s">
        <v>949</v>
      </c>
      <c r="E315" s="4"/>
    </row>
    <row r="316" spans="1:5" s="22" customFormat="1" ht="43.2" x14ac:dyDescent="0.2">
      <c r="A316" s="6" t="s">
        <v>944</v>
      </c>
      <c r="B316" s="6" t="s">
        <v>911</v>
      </c>
      <c r="C316" s="6" t="s">
        <v>950</v>
      </c>
      <c r="D316" s="6" t="s">
        <v>951</v>
      </c>
      <c r="E316" s="6"/>
    </row>
    <row r="317" spans="1:5" s="22" customFormat="1" ht="32.4" x14ac:dyDescent="0.2">
      <c r="A317" s="6" t="s">
        <v>944</v>
      </c>
      <c r="B317" s="4" t="s">
        <v>952</v>
      </c>
      <c r="C317" s="6" t="s">
        <v>953</v>
      </c>
      <c r="D317" s="4" t="s">
        <v>954</v>
      </c>
      <c r="E317" s="4"/>
    </row>
    <row r="318" spans="1:5" s="22" customFormat="1" ht="43.2" x14ac:dyDescent="0.2">
      <c r="A318" s="4" t="s">
        <v>944</v>
      </c>
      <c r="B318" s="4" t="s">
        <v>955</v>
      </c>
      <c r="C318" s="4" t="s">
        <v>956</v>
      </c>
      <c r="D318" s="4" t="s">
        <v>957</v>
      </c>
      <c r="E318" s="4"/>
    </row>
    <row r="319" spans="1:5" s="22" customFormat="1" ht="43.2" x14ac:dyDescent="0.2">
      <c r="A319" s="4" t="s">
        <v>958</v>
      </c>
      <c r="B319" s="4" t="s">
        <v>959</v>
      </c>
      <c r="C319" s="6" t="s">
        <v>960</v>
      </c>
      <c r="D319" s="4" t="s">
        <v>961</v>
      </c>
      <c r="E319" s="4"/>
    </row>
    <row r="320" spans="1:5" s="22" customFormat="1" ht="32.4" x14ac:dyDescent="0.2">
      <c r="A320" s="4" t="s">
        <v>958</v>
      </c>
      <c r="B320" s="4" t="s">
        <v>959</v>
      </c>
      <c r="C320" s="6" t="s">
        <v>962</v>
      </c>
      <c r="D320" s="4" t="s">
        <v>963</v>
      </c>
      <c r="E320" s="4"/>
    </row>
    <row r="321" spans="1:5" s="22" customFormat="1" ht="32.4" x14ac:dyDescent="0.2">
      <c r="A321" s="4" t="s">
        <v>958</v>
      </c>
      <c r="B321" s="6" t="s">
        <v>964</v>
      </c>
      <c r="C321" s="6" t="s">
        <v>965</v>
      </c>
      <c r="D321" s="4" t="s">
        <v>951</v>
      </c>
      <c r="E321" s="4"/>
    </row>
    <row r="322" spans="1:5" s="22" customFormat="1" ht="32.4" x14ac:dyDescent="0.2">
      <c r="A322" s="4" t="s">
        <v>958</v>
      </c>
      <c r="B322" s="4" t="s">
        <v>966</v>
      </c>
      <c r="C322" s="6" t="s">
        <v>967</v>
      </c>
      <c r="D322" s="4" t="s">
        <v>947</v>
      </c>
      <c r="E322" s="4"/>
    </row>
    <row r="323" spans="1:5" s="22" customFormat="1" ht="21.6" x14ac:dyDescent="0.2">
      <c r="A323" s="4" t="s">
        <v>968</v>
      </c>
      <c r="B323" s="4" t="s">
        <v>969</v>
      </c>
      <c r="C323" s="6" t="s">
        <v>962</v>
      </c>
      <c r="D323" s="4" t="s">
        <v>970</v>
      </c>
      <c r="E323" s="4"/>
    </row>
    <row r="324" spans="1:5" s="22" customFormat="1" ht="43.2" x14ac:dyDescent="0.2">
      <c r="A324" s="4" t="s">
        <v>968</v>
      </c>
      <c r="B324" s="4" t="s">
        <v>911</v>
      </c>
      <c r="C324" s="6" t="s">
        <v>971</v>
      </c>
      <c r="D324" s="4" t="s">
        <v>935</v>
      </c>
      <c r="E324" s="4"/>
    </row>
    <row r="325" spans="1:5" s="22" customFormat="1" ht="32.4" x14ac:dyDescent="0.2">
      <c r="A325" s="4" t="s">
        <v>968</v>
      </c>
      <c r="B325" s="4" t="s">
        <v>972</v>
      </c>
      <c r="C325" s="6" t="s">
        <v>973</v>
      </c>
      <c r="D325" s="4" t="s">
        <v>974</v>
      </c>
      <c r="E325" s="4"/>
    </row>
    <row r="326" spans="1:5" s="22" customFormat="1" ht="21.6" x14ac:dyDescent="0.2">
      <c r="A326" s="6" t="s">
        <v>968</v>
      </c>
      <c r="B326" s="6" t="s">
        <v>975</v>
      </c>
      <c r="C326" s="6" t="s">
        <v>976</v>
      </c>
      <c r="D326" s="4" t="s">
        <v>977</v>
      </c>
      <c r="E326" s="4"/>
    </row>
    <row r="327" spans="1:5" s="22" customFormat="1" ht="21.6" x14ac:dyDescent="0.2">
      <c r="A327" s="6" t="s">
        <v>968</v>
      </c>
      <c r="B327" s="6" t="s">
        <v>978</v>
      </c>
      <c r="C327" s="6" t="s">
        <v>979</v>
      </c>
      <c r="D327" s="4" t="s">
        <v>978</v>
      </c>
      <c r="E327" s="4"/>
    </row>
    <row r="328" spans="1:5" s="22" customFormat="1" ht="43.2" x14ac:dyDescent="0.2">
      <c r="A328" s="6" t="s">
        <v>980</v>
      </c>
      <c r="B328" s="6" t="s">
        <v>981</v>
      </c>
      <c r="C328" s="19" t="s">
        <v>982</v>
      </c>
      <c r="D328" s="4" t="s">
        <v>983</v>
      </c>
      <c r="E328" s="4"/>
    </row>
    <row r="329" spans="1:5" s="22" customFormat="1" ht="54" x14ac:dyDescent="0.2">
      <c r="A329" s="6" t="s">
        <v>980</v>
      </c>
      <c r="B329" s="6" t="s">
        <v>952</v>
      </c>
      <c r="C329" s="19" t="s">
        <v>984</v>
      </c>
      <c r="D329" s="4" t="s">
        <v>985</v>
      </c>
      <c r="E329" s="4"/>
    </row>
    <row r="330" spans="1:5" s="22" customFormat="1" ht="43.2" x14ac:dyDescent="0.2">
      <c r="A330" s="6" t="s">
        <v>980</v>
      </c>
      <c r="B330" s="6" t="s">
        <v>969</v>
      </c>
      <c r="C330" s="19" t="s">
        <v>962</v>
      </c>
      <c r="D330" s="4" t="s">
        <v>986</v>
      </c>
      <c r="E330" s="4"/>
    </row>
    <row r="331" spans="1:5" s="22" customFormat="1" ht="64.8" x14ac:dyDescent="0.2">
      <c r="A331" s="6" t="s">
        <v>980</v>
      </c>
      <c r="B331" s="6" t="s">
        <v>987</v>
      </c>
      <c r="C331" s="19" t="s">
        <v>988</v>
      </c>
      <c r="D331" s="4" t="s">
        <v>935</v>
      </c>
      <c r="E331" s="4"/>
    </row>
    <row r="332" spans="1:5" s="22" customFormat="1" ht="43.2" x14ac:dyDescent="0.2">
      <c r="A332" s="4" t="s">
        <v>980</v>
      </c>
      <c r="B332" s="6" t="s">
        <v>989</v>
      </c>
      <c r="C332" s="19" t="s">
        <v>990</v>
      </c>
      <c r="D332" s="6" t="s">
        <v>991</v>
      </c>
      <c r="E332" s="5"/>
    </row>
    <row r="333" spans="1:5" s="35" customFormat="1" ht="48.45" customHeight="1" x14ac:dyDescent="0.2">
      <c r="A333" s="4" t="s">
        <v>992</v>
      </c>
      <c r="B333" s="6" t="s">
        <v>993</v>
      </c>
      <c r="C333" s="6" t="s">
        <v>994</v>
      </c>
      <c r="D333" s="6" t="s">
        <v>995</v>
      </c>
      <c r="E333" s="6"/>
    </row>
    <row r="334" spans="1:5" s="35" customFormat="1" ht="48.45" customHeight="1" x14ac:dyDescent="0.2">
      <c r="A334" s="4" t="s">
        <v>992</v>
      </c>
      <c r="B334" s="6" t="s">
        <v>996</v>
      </c>
      <c r="C334" s="6" t="s">
        <v>997</v>
      </c>
      <c r="D334" s="6" t="s">
        <v>998</v>
      </c>
      <c r="E334" s="6"/>
    </row>
    <row r="335" spans="1:5" s="35" customFormat="1" ht="48.45" customHeight="1" x14ac:dyDescent="0.2">
      <c r="A335" s="4" t="s">
        <v>999</v>
      </c>
      <c r="B335" s="6" t="s">
        <v>1000</v>
      </c>
      <c r="C335" s="19" t="s">
        <v>1001</v>
      </c>
      <c r="D335" s="6" t="s">
        <v>1002</v>
      </c>
      <c r="E335" s="6"/>
    </row>
    <row r="336" spans="1:5" s="35" customFormat="1" ht="48.45" customHeight="1" x14ac:dyDescent="0.2">
      <c r="A336" s="4" t="s">
        <v>999</v>
      </c>
      <c r="B336" s="6" t="s">
        <v>1003</v>
      </c>
      <c r="C336" s="19" t="s">
        <v>1004</v>
      </c>
      <c r="D336" s="6" t="s">
        <v>1005</v>
      </c>
      <c r="E336" s="6"/>
    </row>
    <row r="337" spans="1:5" s="35" customFormat="1" ht="48.45" customHeight="1" x14ac:dyDescent="0.2">
      <c r="A337" s="4" t="s">
        <v>999</v>
      </c>
      <c r="B337" s="6" t="s">
        <v>1006</v>
      </c>
      <c r="C337" s="6" t="s">
        <v>1007</v>
      </c>
      <c r="D337" s="4" t="s">
        <v>1008</v>
      </c>
      <c r="E337" s="4"/>
    </row>
    <row r="338" spans="1:5" s="35" customFormat="1" ht="48.45" customHeight="1" x14ac:dyDescent="0.2">
      <c r="A338" s="4" t="s">
        <v>999</v>
      </c>
      <c r="B338" s="6" t="s">
        <v>1006</v>
      </c>
      <c r="C338" s="19" t="s">
        <v>1009</v>
      </c>
      <c r="D338" s="6" t="s">
        <v>1010</v>
      </c>
      <c r="E338" s="6"/>
    </row>
    <row r="339" spans="1:5" s="22" customFormat="1" ht="43.2" x14ac:dyDescent="0.2">
      <c r="A339" s="4" t="s">
        <v>1011</v>
      </c>
      <c r="B339" s="4" t="s">
        <v>1012</v>
      </c>
      <c r="C339" s="19" t="s">
        <v>1013</v>
      </c>
      <c r="D339" s="6" t="s">
        <v>1014</v>
      </c>
      <c r="E339" s="5"/>
    </row>
    <row r="340" spans="1:5" s="22" customFormat="1" ht="43.2" x14ac:dyDescent="0.2">
      <c r="A340" s="4" t="s">
        <v>1011</v>
      </c>
      <c r="B340" s="6" t="s">
        <v>911</v>
      </c>
      <c r="C340" s="6" t="s">
        <v>965</v>
      </c>
      <c r="D340" s="6" t="s">
        <v>951</v>
      </c>
      <c r="E340" s="6"/>
    </row>
    <row r="341" spans="1:5" s="22" customFormat="1" ht="43.2" x14ac:dyDescent="0.2">
      <c r="A341" s="4" t="s">
        <v>1011</v>
      </c>
      <c r="B341" s="6" t="s">
        <v>1015</v>
      </c>
      <c r="C341" s="6" t="s">
        <v>1016</v>
      </c>
      <c r="D341" s="6" t="s">
        <v>1017</v>
      </c>
      <c r="E341" s="6"/>
    </row>
    <row r="342" spans="1:5" s="22" customFormat="1" ht="43.2" x14ac:dyDescent="0.2">
      <c r="A342" s="4" t="s">
        <v>1011</v>
      </c>
      <c r="B342" s="6" t="s">
        <v>1018</v>
      </c>
      <c r="C342" s="6" t="s">
        <v>1019</v>
      </c>
      <c r="D342" s="6" t="s">
        <v>1020</v>
      </c>
      <c r="E342" s="6"/>
    </row>
    <row r="343" spans="1:5" s="22" customFormat="1" ht="43.2" x14ac:dyDescent="0.2">
      <c r="A343" s="4" t="s">
        <v>1011</v>
      </c>
      <c r="B343" s="6" t="s">
        <v>1021</v>
      </c>
      <c r="C343" s="6" t="s">
        <v>1022</v>
      </c>
      <c r="D343" s="6" t="s">
        <v>1023</v>
      </c>
      <c r="E343" s="6"/>
    </row>
    <row r="344" spans="1:5" s="22" customFormat="1" ht="43.2" x14ac:dyDescent="0.2">
      <c r="A344" s="4" t="s">
        <v>1024</v>
      </c>
      <c r="B344" s="4" t="s">
        <v>1025</v>
      </c>
      <c r="C344" s="6" t="s">
        <v>1026</v>
      </c>
      <c r="D344" s="4" t="s">
        <v>1027</v>
      </c>
      <c r="E344" s="4" t="s">
        <v>1563</v>
      </c>
    </row>
    <row r="345" spans="1:5" s="22" customFormat="1" ht="43.2" x14ac:dyDescent="0.2">
      <c r="A345" s="4" t="s">
        <v>1024</v>
      </c>
      <c r="B345" s="4" t="s">
        <v>1028</v>
      </c>
      <c r="C345" s="6" t="s">
        <v>1029</v>
      </c>
      <c r="D345" s="4" t="s">
        <v>1030</v>
      </c>
      <c r="E345" s="4"/>
    </row>
    <row r="346" spans="1:5" s="22" customFormat="1" ht="43.2" x14ac:dyDescent="0.2">
      <c r="A346" s="4" t="s">
        <v>1024</v>
      </c>
      <c r="B346" s="4" t="s">
        <v>1031</v>
      </c>
      <c r="C346" s="6" t="s">
        <v>1032</v>
      </c>
      <c r="D346" s="4" t="s">
        <v>1033</v>
      </c>
      <c r="E346" s="4"/>
    </row>
    <row r="347" spans="1:5" s="22" customFormat="1" ht="43.2" x14ac:dyDescent="0.2">
      <c r="A347" s="4" t="s">
        <v>1024</v>
      </c>
      <c r="B347" s="4" t="s">
        <v>1034</v>
      </c>
      <c r="C347" s="6" t="s">
        <v>1035</v>
      </c>
      <c r="D347" s="4" t="s">
        <v>1036</v>
      </c>
      <c r="E347" s="4" t="s">
        <v>1037</v>
      </c>
    </row>
    <row r="348" spans="1:5" s="22" customFormat="1" ht="43.2" x14ac:dyDescent="0.2">
      <c r="A348" s="4" t="s">
        <v>1024</v>
      </c>
      <c r="B348" s="4" t="s">
        <v>1031</v>
      </c>
      <c r="C348" s="6" t="s">
        <v>1032</v>
      </c>
      <c r="D348" s="4" t="s">
        <v>1033</v>
      </c>
      <c r="E348" s="4"/>
    </row>
    <row r="349" spans="1:5" s="22" customFormat="1" ht="43.2" x14ac:dyDescent="0.2">
      <c r="A349" s="4" t="s">
        <v>1024</v>
      </c>
      <c r="B349" s="4" t="s">
        <v>1034</v>
      </c>
      <c r="C349" s="6" t="s">
        <v>1035</v>
      </c>
      <c r="D349" s="4" t="s">
        <v>1036</v>
      </c>
      <c r="E349" s="4" t="s">
        <v>1037</v>
      </c>
    </row>
    <row r="350" spans="1:5" s="22" customFormat="1" ht="43.2" x14ac:dyDescent="0.2">
      <c r="A350" s="4" t="s">
        <v>1024</v>
      </c>
      <c r="B350" s="4" t="s">
        <v>1038</v>
      </c>
      <c r="C350" s="6" t="s">
        <v>1039</v>
      </c>
      <c r="D350" s="4" t="s">
        <v>1040</v>
      </c>
      <c r="E350" s="4" t="s">
        <v>1041</v>
      </c>
    </row>
    <row r="351" spans="1:5" s="22" customFormat="1" ht="32.4" x14ac:dyDescent="0.2">
      <c r="A351" s="4" t="s">
        <v>1024</v>
      </c>
      <c r="B351" s="4" t="s">
        <v>1042</v>
      </c>
      <c r="C351" s="6" t="s">
        <v>1043</v>
      </c>
      <c r="D351" s="4" t="s">
        <v>1044</v>
      </c>
      <c r="E351" s="4"/>
    </row>
    <row r="352" spans="1:5" s="22" customFormat="1" ht="43.2" x14ac:dyDescent="0.2">
      <c r="A352" s="4" t="s">
        <v>1024</v>
      </c>
      <c r="B352" s="4" t="s">
        <v>1034</v>
      </c>
      <c r="C352" s="6" t="s">
        <v>1045</v>
      </c>
      <c r="D352" s="4" t="s">
        <v>1046</v>
      </c>
      <c r="E352" s="4"/>
    </row>
    <row r="353" spans="1:5" s="22" customFormat="1" ht="43.2" x14ac:dyDescent="0.2">
      <c r="A353" s="4" t="s">
        <v>1024</v>
      </c>
      <c r="B353" s="4" t="s">
        <v>1034</v>
      </c>
      <c r="C353" s="6" t="s">
        <v>1047</v>
      </c>
      <c r="D353" s="4" t="s">
        <v>1048</v>
      </c>
      <c r="E353" s="4"/>
    </row>
    <row r="354" spans="1:5" s="22" customFormat="1" ht="43.2" x14ac:dyDescent="0.2">
      <c r="A354" s="4" t="s">
        <v>1024</v>
      </c>
      <c r="B354" s="4" t="s">
        <v>1034</v>
      </c>
      <c r="C354" s="6" t="s">
        <v>1049</v>
      </c>
      <c r="D354" s="4" t="s">
        <v>1050</v>
      </c>
      <c r="E354" s="4"/>
    </row>
    <row r="355" spans="1:5" s="22" customFormat="1" ht="43.2" x14ac:dyDescent="0.2">
      <c r="A355" s="4" t="s">
        <v>1024</v>
      </c>
      <c r="B355" s="4" t="s">
        <v>1034</v>
      </c>
      <c r="C355" s="6" t="s">
        <v>1049</v>
      </c>
      <c r="D355" s="4" t="s">
        <v>1051</v>
      </c>
      <c r="E355" s="4"/>
    </row>
    <row r="356" spans="1:5" s="22" customFormat="1" ht="64.8" x14ac:dyDescent="0.2">
      <c r="A356" s="4" t="s">
        <v>1052</v>
      </c>
      <c r="B356" s="4" t="s">
        <v>1053</v>
      </c>
      <c r="C356" s="6" t="s">
        <v>1054</v>
      </c>
      <c r="D356" s="6" t="s">
        <v>1586</v>
      </c>
      <c r="E356" s="4"/>
    </row>
    <row r="357" spans="1:5" s="22" customFormat="1" ht="43.2" x14ac:dyDescent="0.2">
      <c r="A357" s="4" t="s">
        <v>1052</v>
      </c>
      <c r="B357" s="4" t="s">
        <v>1055</v>
      </c>
      <c r="C357" s="6" t="s">
        <v>1056</v>
      </c>
      <c r="D357" s="6" t="s">
        <v>1564</v>
      </c>
      <c r="E357" s="6"/>
    </row>
    <row r="358" spans="1:5" s="22" customFormat="1" ht="32.4" x14ac:dyDescent="0.2">
      <c r="A358" s="4" t="s">
        <v>1057</v>
      </c>
      <c r="B358" s="4" t="s">
        <v>1058</v>
      </c>
      <c r="C358" s="6" t="s">
        <v>1059</v>
      </c>
      <c r="D358" s="4" t="s">
        <v>1060</v>
      </c>
      <c r="E358" s="4"/>
    </row>
    <row r="359" spans="1:5" s="22" customFormat="1" ht="21.6" x14ac:dyDescent="0.2">
      <c r="A359" s="4" t="s">
        <v>1057</v>
      </c>
      <c r="B359" s="4" t="s">
        <v>1061</v>
      </c>
      <c r="C359" s="6" t="s">
        <v>1062</v>
      </c>
      <c r="D359" s="4" t="s">
        <v>1063</v>
      </c>
      <c r="E359" s="4"/>
    </row>
    <row r="360" spans="1:5" s="22" customFormat="1" ht="32.4" x14ac:dyDescent="0.2">
      <c r="A360" s="4" t="s">
        <v>1057</v>
      </c>
      <c r="B360" s="4" t="s">
        <v>1064</v>
      </c>
      <c r="C360" s="6" t="s">
        <v>1065</v>
      </c>
      <c r="D360" s="4" t="s">
        <v>1066</v>
      </c>
      <c r="E360" s="4"/>
    </row>
    <row r="361" spans="1:5" s="22" customFormat="1" ht="64.8" x14ac:dyDescent="0.2">
      <c r="A361" s="4" t="s">
        <v>1057</v>
      </c>
      <c r="B361" s="4" t="s">
        <v>1067</v>
      </c>
      <c r="C361" s="6" t="s">
        <v>1068</v>
      </c>
      <c r="D361" s="4" t="s">
        <v>1069</v>
      </c>
      <c r="E361" s="4"/>
    </row>
    <row r="362" spans="1:5" s="22" customFormat="1" ht="32.4" x14ac:dyDescent="0.2">
      <c r="A362" s="4" t="s">
        <v>1057</v>
      </c>
      <c r="B362" s="4" t="s">
        <v>1070</v>
      </c>
      <c r="C362" s="6" t="s">
        <v>1071</v>
      </c>
      <c r="D362" s="4" t="s">
        <v>1072</v>
      </c>
      <c r="E362" s="4" t="s">
        <v>1073</v>
      </c>
    </row>
    <row r="363" spans="1:5" s="22" customFormat="1" ht="64.8" x14ac:dyDescent="0.2">
      <c r="A363" s="4" t="s">
        <v>1057</v>
      </c>
      <c r="B363" s="4" t="s">
        <v>1074</v>
      </c>
      <c r="C363" s="6" t="s">
        <v>1075</v>
      </c>
      <c r="D363" s="4" t="s">
        <v>1076</v>
      </c>
      <c r="E363" s="4" t="s">
        <v>1077</v>
      </c>
    </row>
    <row r="364" spans="1:5" s="22" customFormat="1" ht="54" x14ac:dyDescent="0.2">
      <c r="A364" s="4" t="s">
        <v>1078</v>
      </c>
      <c r="B364" s="4" t="s">
        <v>1079</v>
      </c>
      <c r="C364" s="6" t="s">
        <v>1080</v>
      </c>
      <c r="D364" s="4" t="s">
        <v>1081</v>
      </c>
      <c r="E364" s="4"/>
    </row>
    <row r="365" spans="1:5" s="22" customFormat="1" ht="32.4" x14ac:dyDescent="0.2">
      <c r="A365" s="4" t="s">
        <v>1078</v>
      </c>
      <c r="B365" s="4" t="s">
        <v>1082</v>
      </c>
      <c r="C365" s="6" t="s">
        <v>1083</v>
      </c>
      <c r="D365" s="4" t="s">
        <v>1084</v>
      </c>
      <c r="E365" s="4" t="s">
        <v>1085</v>
      </c>
    </row>
    <row r="366" spans="1:5" s="22" customFormat="1" ht="43.2" x14ac:dyDescent="0.2">
      <c r="A366" s="4" t="s">
        <v>1078</v>
      </c>
      <c r="B366" s="4" t="s">
        <v>1086</v>
      </c>
      <c r="C366" s="6" t="s">
        <v>1087</v>
      </c>
      <c r="D366" s="4" t="s">
        <v>1088</v>
      </c>
      <c r="E366" s="4" t="s">
        <v>1085</v>
      </c>
    </row>
    <row r="367" spans="1:5" s="22" customFormat="1" ht="43.2" x14ac:dyDescent="0.2">
      <c r="A367" s="4" t="s">
        <v>1089</v>
      </c>
      <c r="B367" s="4" t="s">
        <v>1090</v>
      </c>
      <c r="C367" s="6" t="s">
        <v>1091</v>
      </c>
      <c r="D367" s="4" t="s">
        <v>1092</v>
      </c>
      <c r="E367" s="4"/>
    </row>
    <row r="368" spans="1:5" s="22" customFormat="1" ht="21.6" x14ac:dyDescent="0.2">
      <c r="A368" s="4" t="s">
        <v>1093</v>
      </c>
      <c r="B368" s="4" t="s">
        <v>1094</v>
      </c>
      <c r="C368" s="6" t="s">
        <v>1095</v>
      </c>
      <c r="D368" s="4" t="s">
        <v>1096</v>
      </c>
      <c r="E368" s="4" t="s">
        <v>1097</v>
      </c>
    </row>
    <row r="369" spans="1:5" s="22" customFormat="1" ht="237.6" x14ac:dyDescent="0.2">
      <c r="A369" s="4" t="s">
        <v>1098</v>
      </c>
      <c r="B369" s="4" t="s">
        <v>1099</v>
      </c>
      <c r="C369" s="6" t="s">
        <v>1100</v>
      </c>
      <c r="D369" s="4" t="s">
        <v>1101</v>
      </c>
      <c r="E369" s="4" t="s">
        <v>1102</v>
      </c>
    </row>
    <row r="370" spans="1:5" s="22" customFormat="1" ht="32.4" x14ac:dyDescent="0.2">
      <c r="A370" s="4" t="s">
        <v>1103</v>
      </c>
      <c r="B370" s="4" t="s">
        <v>1104</v>
      </c>
      <c r="C370" s="6" t="s">
        <v>1105</v>
      </c>
      <c r="D370" s="4" t="s">
        <v>1106</v>
      </c>
      <c r="E370" s="4" t="s">
        <v>1107</v>
      </c>
    </row>
    <row r="371" spans="1:5" s="11" customFormat="1" ht="32.4" x14ac:dyDescent="0.2">
      <c r="A371" s="4" t="s">
        <v>1108</v>
      </c>
      <c r="B371" s="4" t="s">
        <v>1109</v>
      </c>
      <c r="C371" s="19" t="s">
        <v>1110</v>
      </c>
      <c r="D371" s="4" t="s">
        <v>1111</v>
      </c>
      <c r="E371" s="4"/>
    </row>
    <row r="372" spans="1:5" s="11" customFormat="1" ht="32.4" x14ac:dyDescent="0.2">
      <c r="A372" s="4" t="s">
        <v>1108</v>
      </c>
      <c r="B372" s="4" t="s">
        <v>1112</v>
      </c>
      <c r="C372" s="19" t="s">
        <v>1113</v>
      </c>
      <c r="D372" s="4" t="s">
        <v>1114</v>
      </c>
      <c r="E372" s="4" t="s">
        <v>1115</v>
      </c>
    </row>
    <row r="373" spans="1:5" s="22" customFormat="1" ht="21.6" x14ac:dyDescent="0.2">
      <c r="A373" s="4" t="s">
        <v>1116</v>
      </c>
      <c r="B373" s="4" t="s">
        <v>1117</v>
      </c>
      <c r="C373" s="6" t="s">
        <v>1118</v>
      </c>
      <c r="D373" s="4" t="s">
        <v>1119</v>
      </c>
      <c r="E373" s="4" t="s">
        <v>1120</v>
      </c>
    </row>
    <row r="374" spans="1:5" s="22" customFormat="1" ht="43.2" x14ac:dyDescent="0.2">
      <c r="A374" s="4" t="s">
        <v>1121</v>
      </c>
      <c r="B374" s="4" t="s">
        <v>1122</v>
      </c>
      <c r="C374" s="6" t="s">
        <v>1123</v>
      </c>
      <c r="D374" s="4" t="s">
        <v>1124</v>
      </c>
      <c r="E374" s="4"/>
    </row>
    <row r="375" spans="1:5" s="22" customFormat="1" ht="54" x14ac:dyDescent="0.2">
      <c r="A375" s="4" t="s">
        <v>1125</v>
      </c>
      <c r="B375" s="4" t="s">
        <v>1126</v>
      </c>
      <c r="C375" s="4" t="s">
        <v>1127</v>
      </c>
      <c r="D375" s="4" t="s">
        <v>1128</v>
      </c>
      <c r="E375" s="4"/>
    </row>
    <row r="376" spans="1:5" s="22" customFormat="1" ht="64.8" x14ac:dyDescent="0.2">
      <c r="A376" s="4" t="s">
        <v>1125</v>
      </c>
      <c r="B376" s="4" t="s">
        <v>1129</v>
      </c>
      <c r="C376" s="4" t="s">
        <v>1130</v>
      </c>
      <c r="D376" s="4" t="s">
        <v>1131</v>
      </c>
      <c r="E376" s="4"/>
    </row>
    <row r="377" spans="1:5" s="22" customFormat="1" ht="43.2" x14ac:dyDescent="0.2">
      <c r="A377" s="4" t="s">
        <v>1125</v>
      </c>
      <c r="B377" s="4" t="s">
        <v>1129</v>
      </c>
      <c r="C377" s="4" t="s">
        <v>1132</v>
      </c>
      <c r="D377" s="4" t="s">
        <v>1133</v>
      </c>
      <c r="E377" s="4"/>
    </row>
    <row r="378" spans="1:5" s="22" customFormat="1" ht="43.2" x14ac:dyDescent="0.2">
      <c r="A378" s="4" t="s">
        <v>1125</v>
      </c>
      <c r="B378" s="4" t="s">
        <v>1129</v>
      </c>
      <c r="C378" s="4" t="s">
        <v>1134</v>
      </c>
      <c r="D378" s="4" t="s">
        <v>1135</v>
      </c>
      <c r="E378" s="4"/>
    </row>
    <row r="379" spans="1:5" s="22" customFormat="1" ht="43.2" x14ac:dyDescent="0.2">
      <c r="A379" s="4" t="s">
        <v>1125</v>
      </c>
      <c r="B379" s="4" t="s">
        <v>1129</v>
      </c>
      <c r="C379" s="4" t="s">
        <v>1136</v>
      </c>
      <c r="D379" s="4" t="s">
        <v>1137</v>
      </c>
      <c r="E379" s="4"/>
    </row>
    <row r="380" spans="1:5" s="22" customFormat="1" ht="43.2" x14ac:dyDescent="0.2">
      <c r="A380" s="4" t="s">
        <v>1125</v>
      </c>
      <c r="B380" s="4" t="s">
        <v>1129</v>
      </c>
      <c r="C380" s="4" t="s">
        <v>1138</v>
      </c>
      <c r="D380" s="4" t="s">
        <v>1139</v>
      </c>
      <c r="E380" s="4"/>
    </row>
    <row r="381" spans="1:5" s="22" customFormat="1" ht="43.2" x14ac:dyDescent="0.2">
      <c r="A381" s="4" t="s">
        <v>1125</v>
      </c>
      <c r="B381" s="4" t="s">
        <v>1129</v>
      </c>
      <c r="C381" s="4" t="s">
        <v>1140</v>
      </c>
      <c r="D381" s="4" t="s">
        <v>1141</v>
      </c>
      <c r="E381" s="4"/>
    </row>
    <row r="382" spans="1:5" s="22" customFormat="1" ht="43.2" x14ac:dyDescent="0.2">
      <c r="A382" s="4" t="s">
        <v>1125</v>
      </c>
      <c r="B382" s="4" t="s">
        <v>1129</v>
      </c>
      <c r="C382" s="4" t="s">
        <v>1142</v>
      </c>
      <c r="D382" s="4" t="s">
        <v>1143</v>
      </c>
      <c r="E382" s="4"/>
    </row>
    <row r="383" spans="1:5" s="22" customFormat="1" ht="43.2" x14ac:dyDescent="0.2">
      <c r="A383" s="4" t="s">
        <v>1125</v>
      </c>
      <c r="B383" s="4" t="s">
        <v>1129</v>
      </c>
      <c r="C383" s="4" t="s">
        <v>1144</v>
      </c>
      <c r="D383" s="14" t="s">
        <v>1141</v>
      </c>
      <c r="E383" s="4" t="s">
        <v>1145</v>
      </c>
    </row>
    <row r="384" spans="1:5" s="22" customFormat="1" ht="64.8" x14ac:dyDescent="0.2">
      <c r="A384" s="4" t="s">
        <v>1125</v>
      </c>
      <c r="B384" s="4" t="s">
        <v>1146</v>
      </c>
      <c r="C384" s="4" t="s">
        <v>1147</v>
      </c>
      <c r="D384" s="4" t="s">
        <v>1148</v>
      </c>
      <c r="E384" s="4"/>
    </row>
    <row r="385" spans="1:5" s="22" customFormat="1" ht="21.6" x14ac:dyDescent="0.2">
      <c r="A385" s="4" t="s">
        <v>1125</v>
      </c>
      <c r="B385" s="4" t="s">
        <v>1149</v>
      </c>
      <c r="C385" s="6" t="s">
        <v>1150</v>
      </c>
      <c r="D385" s="4" t="s">
        <v>1151</v>
      </c>
      <c r="E385" s="4"/>
    </row>
    <row r="386" spans="1:5" s="22" customFormat="1" ht="32.4" x14ac:dyDescent="0.2">
      <c r="A386" s="4" t="s">
        <v>1125</v>
      </c>
      <c r="B386" s="4" t="s">
        <v>1146</v>
      </c>
      <c r="C386" s="4" t="s">
        <v>1152</v>
      </c>
      <c r="D386" s="4" t="s">
        <v>1153</v>
      </c>
      <c r="E386" s="4"/>
    </row>
    <row r="387" spans="1:5" s="22" customFormat="1" ht="32.4" x14ac:dyDescent="0.2">
      <c r="A387" s="4" t="s">
        <v>1125</v>
      </c>
      <c r="B387" s="4" t="s">
        <v>1146</v>
      </c>
      <c r="C387" s="4" t="s">
        <v>1154</v>
      </c>
      <c r="D387" s="4" t="s">
        <v>1155</v>
      </c>
      <c r="E387" s="4"/>
    </row>
    <row r="388" spans="1:5" s="22" customFormat="1" ht="43.2" x14ac:dyDescent="0.2">
      <c r="A388" s="4" t="s">
        <v>1125</v>
      </c>
      <c r="B388" s="4" t="s">
        <v>1146</v>
      </c>
      <c r="C388" s="4" t="s">
        <v>1156</v>
      </c>
      <c r="D388" s="4" t="s">
        <v>1157</v>
      </c>
      <c r="E388" s="4"/>
    </row>
    <row r="389" spans="1:5" s="22" customFormat="1" ht="32.4" x14ac:dyDescent="0.2">
      <c r="A389" s="4" t="s">
        <v>1125</v>
      </c>
      <c r="B389" s="4" t="s">
        <v>1146</v>
      </c>
      <c r="C389" s="4" t="s">
        <v>1158</v>
      </c>
      <c r="D389" s="4" t="s">
        <v>1159</v>
      </c>
      <c r="E389" s="4"/>
    </row>
    <row r="390" spans="1:5" s="22" customFormat="1" ht="43.2" x14ac:dyDescent="0.2">
      <c r="A390" s="4" t="s">
        <v>1125</v>
      </c>
      <c r="B390" s="4" t="s">
        <v>1129</v>
      </c>
      <c r="C390" s="4" t="s">
        <v>1160</v>
      </c>
      <c r="D390" s="4" t="s">
        <v>1161</v>
      </c>
      <c r="E390" s="4"/>
    </row>
    <row r="391" spans="1:5" s="22" customFormat="1" ht="43.2" x14ac:dyDescent="0.2">
      <c r="A391" s="4" t="s">
        <v>1125</v>
      </c>
      <c r="B391" s="4" t="s">
        <v>1129</v>
      </c>
      <c r="C391" s="4" t="s">
        <v>1162</v>
      </c>
      <c r="D391" s="4" t="s">
        <v>1163</v>
      </c>
      <c r="E391" s="4"/>
    </row>
    <row r="392" spans="1:5" s="22" customFormat="1" ht="43.2" x14ac:dyDescent="0.2">
      <c r="A392" s="4" t="s">
        <v>1125</v>
      </c>
      <c r="B392" s="16" t="s">
        <v>1129</v>
      </c>
      <c r="C392" s="16" t="s">
        <v>1164</v>
      </c>
      <c r="D392" s="16" t="s">
        <v>1165</v>
      </c>
      <c r="E392" s="16"/>
    </row>
    <row r="393" spans="1:5" s="22" customFormat="1" ht="32.4" x14ac:dyDescent="0.2">
      <c r="A393" s="4" t="s">
        <v>1125</v>
      </c>
      <c r="B393" s="16" t="s">
        <v>1166</v>
      </c>
      <c r="C393" s="16" t="s">
        <v>1167</v>
      </c>
      <c r="D393" s="16" t="s">
        <v>1168</v>
      </c>
      <c r="E393" s="16"/>
    </row>
    <row r="394" spans="1:5" s="22" customFormat="1" ht="43.2" x14ac:dyDescent="0.2">
      <c r="A394" s="4" t="s">
        <v>1125</v>
      </c>
      <c r="B394" s="16" t="s">
        <v>1129</v>
      </c>
      <c r="C394" s="4" t="s">
        <v>1169</v>
      </c>
      <c r="D394" s="4" t="s">
        <v>1170</v>
      </c>
      <c r="E394" s="4"/>
    </row>
    <row r="395" spans="1:5" s="22" customFormat="1" ht="43.2" x14ac:dyDescent="0.2">
      <c r="A395" s="4" t="s">
        <v>1125</v>
      </c>
      <c r="B395" s="16" t="s">
        <v>1129</v>
      </c>
      <c r="C395" s="15" t="s">
        <v>1171</v>
      </c>
      <c r="D395" s="16" t="s">
        <v>1172</v>
      </c>
      <c r="E395" s="16"/>
    </row>
    <row r="396" spans="1:5" s="22" customFormat="1" ht="43.2" x14ac:dyDescent="0.2">
      <c r="A396" s="4" t="s">
        <v>1125</v>
      </c>
      <c r="B396" s="16" t="s">
        <v>1129</v>
      </c>
      <c r="C396" s="15" t="s">
        <v>1173</v>
      </c>
      <c r="D396" s="16" t="s">
        <v>1174</v>
      </c>
      <c r="E396" s="16"/>
    </row>
    <row r="397" spans="1:5" s="22" customFormat="1" ht="43.2" x14ac:dyDescent="0.2">
      <c r="A397" s="4" t="s">
        <v>1125</v>
      </c>
      <c r="B397" s="16" t="s">
        <v>1129</v>
      </c>
      <c r="C397" s="15" t="s">
        <v>1175</v>
      </c>
      <c r="D397" s="16" t="s">
        <v>1176</v>
      </c>
      <c r="E397" s="16"/>
    </row>
    <row r="398" spans="1:5" s="22" customFormat="1" ht="43.2" x14ac:dyDescent="0.2">
      <c r="A398" s="4" t="s">
        <v>1125</v>
      </c>
      <c r="B398" s="16" t="s">
        <v>1129</v>
      </c>
      <c r="C398" s="15" t="s">
        <v>1177</v>
      </c>
      <c r="D398" s="16" t="s">
        <v>1178</v>
      </c>
      <c r="E398" s="16"/>
    </row>
    <row r="399" spans="1:5" s="22" customFormat="1" ht="43.2" x14ac:dyDescent="0.2">
      <c r="A399" s="4" t="s">
        <v>1125</v>
      </c>
      <c r="B399" s="16" t="s">
        <v>1129</v>
      </c>
      <c r="C399" s="15" t="s">
        <v>1177</v>
      </c>
      <c r="D399" s="16" t="s">
        <v>1179</v>
      </c>
      <c r="E399" s="16"/>
    </row>
    <row r="400" spans="1:5" s="22" customFormat="1" ht="43.2" x14ac:dyDescent="0.2">
      <c r="A400" s="4" t="s">
        <v>1125</v>
      </c>
      <c r="B400" s="16" t="s">
        <v>1129</v>
      </c>
      <c r="C400" s="15" t="s">
        <v>1180</v>
      </c>
      <c r="D400" s="16" t="s">
        <v>1181</v>
      </c>
      <c r="E400" s="16"/>
    </row>
    <row r="401" spans="1:6" s="22" customFormat="1" ht="43.2" x14ac:dyDescent="0.2">
      <c r="A401" s="4" t="s">
        <v>1125</v>
      </c>
      <c r="B401" s="4" t="s">
        <v>1129</v>
      </c>
      <c r="C401" s="6" t="s">
        <v>1182</v>
      </c>
      <c r="D401" s="4" t="s">
        <v>1183</v>
      </c>
      <c r="E401" s="4"/>
      <c r="F401" s="34"/>
    </row>
    <row r="402" spans="1:6" s="22" customFormat="1" ht="43.2" x14ac:dyDescent="0.2">
      <c r="A402" s="4" t="s">
        <v>1125</v>
      </c>
      <c r="B402" s="16" t="s">
        <v>1129</v>
      </c>
      <c r="C402" s="15" t="s">
        <v>1182</v>
      </c>
      <c r="D402" s="16" t="s">
        <v>1184</v>
      </c>
      <c r="E402" s="16"/>
    </row>
    <row r="403" spans="1:6" s="22" customFormat="1" ht="32.4" x14ac:dyDescent="0.2">
      <c r="A403" s="4" t="s">
        <v>1125</v>
      </c>
      <c r="B403" s="4" t="s">
        <v>1146</v>
      </c>
      <c r="C403" s="4" t="s">
        <v>1185</v>
      </c>
      <c r="D403" s="4" t="s">
        <v>1186</v>
      </c>
      <c r="E403" s="4" t="s">
        <v>1187</v>
      </c>
    </row>
    <row r="404" spans="1:6" s="22" customFormat="1" ht="64.8" x14ac:dyDescent="0.2">
      <c r="A404" s="4" t="s">
        <v>1125</v>
      </c>
      <c r="B404" s="4" t="s">
        <v>1146</v>
      </c>
      <c r="C404" s="4" t="s">
        <v>1188</v>
      </c>
      <c r="D404" s="4" t="s">
        <v>1189</v>
      </c>
      <c r="E404" s="4" t="s">
        <v>1565</v>
      </c>
    </row>
    <row r="405" spans="1:6" s="22" customFormat="1" ht="54" x14ac:dyDescent="0.2">
      <c r="A405" s="4" t="s">
        <v>1125</v>
      </c>
      <c r="B405" s="4" t="s">
        <v>1146</v>
      </c>
      <c r="C405" s="4" t="s">
        <v>1190</v>
      </c>
      <c r="D405" s="4" t="s">
        <v>1189</v>
      </c>
      <c r="E405" s="4" t="s">
        <v>1191</v>
      </c>
    </row>
    <row r="406" spans="1:6" s="22" customFormat="1" ht="64.8" x14ac:dyDescent="0.2">
      <c r="A406" s="4" t="s">
        <v>1125</v>
      </c>
      <c r="B406" s="4" t="s">
        <v>1146</v>
      </c>
      <c r="C406" s="4" t="s">
        <v>1192</v>
      </c>
      <c r="D406" s="4" t="s">
        <v>1189</v>
      </c>
      <c r="E406" s="4" t="s">
        <v>1193</v>
      </c>
    </row>
    <row r="407" spans="1:6" s="22" customFormat="1" ht="47.4" customHeight="1" x14ac:dyDescent="0.2">
      <c r="A407" s="4" t="s">
        <v>1125</v>
      </c>
      <c r="B407" s="4" t="s">
        <v>1146</v>
      </c>
      <c r="C407" s="4" t="s">
        <v>1194</v>
      </c>
      <c r="D407" s="4" t="s">
        <v>1189</v>
      </c>
      <c r="E407" s="4" t="s">
        <v>1195</v>
      </c>
    </row>
    <row r="408" spans="1:6" s="22" customFormat="1" ht="43.2" x14ac:dyDescent="0.2">
      <c r="A408" s="4" t="s">
        <v>1125</v>
      </c>
      <c r="B408" s="4" t="s">
        <v>1196</v>
      </c>
      <c r="C408" s="4" t="s">
        <v>1197</v>
      </c>
      <c r="D408" s="4" t="s">
        <v>1198</v>
      </c>
      <c r="E408" s="6"/>
    </row>
    <row r="409" spans="1:6" s="22" customFormat="1" ht="201" customHeight="1" x14ac:dyDescent="0.2">
      <c r="A409" s="4" t="s">
        <v>1125</v>
      </c>
      <c r="B409" s="4" t="s">
        <v>1146</v>
      </c>
      <c r="C409" s="6" t="s">
        <v>1199</v>
      </c>
      <c r="D409" s="4" t="s">
        <v>1566</v>
      </c>
      <c r="E409" s="4" t="s">
        <v>1200</v>
      </c>
    </row>
    <row r="410" spans="1:6" s="22" customFormat="1" ht="43.2" x14ac:dyDescent="0.2">
      <c r="A410" s="4" t="s">
        <v>1125</v>
      </c>
      <c r="B410" s="4" t="s">
        <v>1146</v>
      </c>
      <c r="C410" s="4" t="s">
        <v>1201</v>
      </c>
      <c r="D410" s="4" t="s">
        <v>1202</v>
      </c>
      <c r="E410" s="4"/>
    </row>
    <row r="411" spans="1:6" s="22" customFormat="1" ht="54" x14ac:dyDescent="0.2">
      <c r="A411" s="4" t="s">
        <v>1125</v>
      </c>
      <c r="B411" s="4" t="s">
        <v>1146</v>
      </c>
      <c r="C411" s="4" t="s">
        <v>1203</v>
      </c>
      <c r="D411" s="4" t="s">
        <v>1204</v>
      </c>
      <c r="E411" s="4"/>
    </row>
    <row r="412" spans="1:6" s="22" customFormat="1" ht="43.2" x14ac:dyDescent="0.2">
      <c r="A412" s="4" t="s">
        <v>1125</v>
      </c>
      <c r="B412" s="4" t="s">
        <v>1146</v>
      </c>
      <c r="C412" s="4" t="s">
        <v>1205</v>
      </c>
      <c r="D412" s="4" t="s">
        <v>1206</v>
      </c>
      <c r="E412" s="4"/>
    </row>
    <row r="413" spans="1:6" s="22" customFormat="1" ht="64.8" x14ac:dyDescent="0.2">
      <c r="A413" s="4" t="s">
        <v>1125</v>
      </c>
      <c r="B413" s="4" t="s">
        <v>1207</v>
      </c>
      <c r="C413" s="4" t="s">
        <v>1208</v>
      </c>
      <c r="D413" s="4" t="s">
        <v>1209</v>
      </c>
      <c r="E413" s="4"/>
    </row>
    <row r="414" spans="1:6" s="22" customFormat="1" ht="64.8" x14ac:dyDescent="0.2">
      <c r="A414" s="4" t="s">
        <v>1125</v>
      </c>
      <c r="B414" s="4" t="s">
        <v>1207</v>
      </c>
      <c r="C414" s="4" t="s">
        <v>1210</v>
      </c>
      <c r="D414" s="4" t="s">
        <v>1211</v>
      </c>
      <c r="E414" s="4"/>
    </row>
    <row r="415" spans="1:6" s="22" customFormat="1" ht="54" x14ac:dyDescent="0.2">
      <c r="A415" s="4" t="s">
        <v>1125</v>
      </c>
      <c r="B415" s="4" t="s">
        <v>1207</v>
      </c>
      <c r="C415" s="4" t="s">
        <v>1212</v>
      </c>
      <c r="D415" s="4" t="s">
        <v>1213</v>
      </c>
      <c r="E415" s="4"/>
    </row>
    <row r="416" spans="1:6" s="22" customFormat="1" ht="64.8" x14ac:dyDescent="0.2">
      <c r="A416" s="4" t="s">
        <v>1125</v>
      </c>
      <c r="B416" s="4" t="s">
        <v>1129</v>
      </c>
      <c r="C416" s="4" t="s">
        <v>1214</v>
      </c>
      <c r="D416" s="4" t="s">
        <v>1215</v>
      </c>
      <c r="E416" s="4"/>
    </row>
    <row r="417" spans="1:5" s="22" customFormat="1" ht="54" x14ac:dyDescent="0.2">
      <c r="A417" s="4" t="s">
        <v>1125</v>
      </c>
      <c r="B417" s="4" t="s">
        <v>1129</v>
      </c>
      <c r="C417" s="4" t="s">
        <v>1216</v>
      </c>
      <c r="D417" s="4" t="s">
        <v>1217</v>
      </c>
      <c r="E417" s="4"/>
    </row>
    <row r="418" spans="1:5" s="22" customFormat="1" ht="54" x14ac:dyDescent="0.2">
      <c r="A418" s="4" t="s">
        <v>1125</v>
      </c>
      <c r="B418" s="4" t="s">
        <v>1146</v>
      </c>
      <c r="C418" s="4" t="s">
        <v>1218</v>
      </c>
      <c r="D418" s="4" t="s">
        <v>1219</v>
      </c>
      <c r="E418" s="4"/>
    </row>
    <row r="419" spans="1:5" s="22" customFormat="1" ht="54" x14ac:dyDescent="0.2">
      <c r="A419" s="4" t="s">
        <v>1125</v>
      </c>
      <c r="B419" s="4" t="s">
        <v>1146</v>
      </c>
      <c r="C419" s="4" t="s">
        <v>1220</v>
      </c>
      <c r="D419" s="4" t="s">
        <v>1221</v>
      </c>
      <c r="E419" s="4"/>
    </row>
    <row r="420" spans="1:5" s="22" customFormat="1" ht="64.8" x14ac:dyDescent="0.2">
      <c r="A420" s="4" t="s">
        <v>1125</v>
      </c>
      <c r="B420" s="4" t="s">
        <v>1146</v>
      </c>
      <c r="C420" s="4" t="s">
        <v>1222</v>
      </c>
      <c r="D420" s="4" t="s">
        <v>1223</v>
      </c>
      <c r="E420" s="4"/>
    </row>
    <row r="421" spans="1:5" s="22" customFormat="1" ht="54" x14ac:dyDescent="0.2">
      <c r="A421" s="4" t="s">
        <v>1125</v>
      </c>
      <c r="B421" s="4" t="s">
        <v>1129</v>
      </c>
      <c r="C421" s="4" t="s">
        <v>1224</v>
      </c>
      <c r="D421" s="4" t="s">
        <v>1225</v>
      </c>
      <c r="E421" s="4"/>
    </row>
    <row r="422" spans="1:5" s="22" customFormat="1" ht="43.2" x14ac:dyDescent="0.2">
      <c r="A422" s="4" t="s">
        <v>1125</v>
      </c>
      <c r="B422" s="4" t="s">
        <v>1129</v>
      </c>
      <c r="C422" s="4" t="s">
        <v>1567</v>
      </c>
      <c r="D422" s="4" t="s">
        <v>1226</v>
      </c>
      <c r="E422" s="4"/>
    </row>
    <row r="423" spans="1:5" s="22" customFormat="1" ht="43.2" x14ac:dyDescent="0.2">
      <c r="A423" s="4" t="s">
        <v>1125</v>
      </c>
      <c r="B423" s="4" t="s">
        <v>1129</v>
      </c>
      <c r="C423" s="4" t="s">
        <v>1568</v>
      </c>
      <c r="D423" s="4" t="s">
        <v>1227</v>
      </c>
      <c r="E423" s="4"/>
    </row>
    <row r="424" spans="1:5" s="22" customFormat="1" ht="54" x14ac:dyDescent="0.2">
      <c r="A424" s="4" t="s">
        <v>1125</v>
      </c>
      <c r="B424" s="4" t="s">
        <v>1129</v>
      </c>
      <c r="C424" s="4" t="s">
        <v>1228</v>
      </c>
      <c r="D424" s="4" t="s">
        <v>1229</v>
      </c>
      <c r="E424" s="4"/>
    </row>
    <row r="425" spans="1:5" s="22" customFormat="1" ht="64.8" x14ac:dyDescent="0.2">
      <c r="A425" s="4" t="s">
        <v>1125</v>
      </c>
      <c r="B425" s="4" t="s">
        <v>1129</v>
      </c>
      <c r="C425" s="4" t="s">
        <v>1230</v>
      </c>
      <c r="D425" s="4" t="s">
        <v>1231</v>
      </c>
      <c r="E425" s="4"/>
    </row>
    <row r="426" spans="1:5" s="22" customFormat="1" ht="43.2" x14ac:dyDescent="0.2">
      <c r="A426" s="4" t="s">
        <v>1125</v>
      </c>
      <c r="B426" s="4" t="s">
        <v>1129</v>
      </c>
      <c r="C426" s="4" t="s">
        <v>1232</v>
      </c>
      <c r="D426" s="4" t="s">
        <v>1233</v>
      </c>
      <c r="E426" s="4"/>
    </row>
    <row r="427" spans="1:5" s="22" customFormat="1" ht="43.2" x14ac:dyDescent="0.2">
      <c r="A427" s="4" t="s">
        <v>1125</v>
      </c>
      <c r="B427" s="4" t="s">
        <v>1129</v>
      </c>
      <c r="C427" s="4" t="s">
        <v>1234</v>
      </c>
      <c r="D427" s="4" t="s">
        <v>1235</v>
      </c>
      <c r="E427" s="4"/>
    </row>
    <row r="428" spans="1:5" s="22" customFormat="1" ht="43.2" x14ac:dyDescent="0.2">
      <c r="A428" s="4" t="s">
        <v>1125</v>
      </c>
      <c r="B428" s="4" t="s">
        <v>1129</v>
      </c>
      <c r="C428" s="4" t="s">
        <v>1236</v>
      </c>
      <c r="D428" s="4" t="s">
        <v>1237</v>
      </c>
      <c r="E428" s="4"/>
    </row>
    <row r="429" spans="1:5" s="22" customFormat="1" ht="43.2" x14ac:dyDescent="0.2">
      <c r="A429" s="4" t="s">
        <v>1125</v>
      </c>
      <c r="B429" s="4" t="s">
        <v>1129</v>
      </c>
      <c r="C429" s="4" t="s">
        <v>1238</v>
      </c>
      <c r="D429" s="4" t="s">
        <v>1239</v>
      </c>
      <c r="E429" s="4"/>
    </row>
    <row r="430" spans="1:5" s="22" customFormat="1" ht="43.2" x14ac:dyDescent="0.2">
      <c r="A430" s="4" t="s">
        <v>1125</v>
      </c>
      <c r="B430" s="4" t="s">
        <v>1129</v>
      </c>
      <c r="C430" s="4" t="s">
        <v>1240</v>
      </c>
      <c r="D430" s="4" t="s">
        <v>1241</v>
      </c>
      <c r="E430" s="4"/>
    </row>
    <row r="431" spans="1:5" s="22" customFormat="1" ht="43.2" x14ac:dyDescent="0.2">
      <c r="A431" s="4" t="s">
        <v>1125</v>
      </c>
      <c r="B431" s="4" t="s">
        <v>1129</v>
      </c>
      <c r="C431" s="4" t="s">
        <v>1242</v>
      </c>
      <c r="D431" s="4" t="s">
        <v>1243</v>
      </c>
      <c r="E431" s="4"/>
    </row>
    <row r="432" spans="1:5" s="22" customFormat="1" ht="43.2" x14ac:dyDescent="0.2">
      <c r="A432" s="4" t="s">
        <v>1125</v>
      </c>
      <c r="B432" s="4" t="s">
        <v>1129</v>
      </c>
      <c r="C432" s="4" t="s">
        <v>1244</v>
      </c>
      <c r="D432" s="4" t="s">
        <v>1245</v>
      </c>
      <c r="E432" s="4"/>
    </row>
    <row r="433" spans="1:5" s="22" customFormat="1" ht="43.2" x14ac:dyDescent="0.2">
      <c r="A433" s="4" t="s">
        <v>1125</v>
      </c>
      <c r="B433" s="4" t="s">
        <v>1129</v>
      </c>
      <c r="C433" s="4" t="s">
        <v>1246</v>
      </c>
      <c r="D433" s="4" t="s">
        <v>1247</v>
      </c>
      <c r="E433" s="4" t="s">
        <v>1248</v>
      </c>
    </row>
    <row r="434" spans="1:5" s="22" customFormat="1" ht="43.2" x14ac:dyDescent="0.2">
      <c r="A434" s="4" t="s">
        <v>1125</v>
      </c>
      <c r="B434" s="4" t="s">
        <v>1129</v>
      </c>
      <c r="C434" s="4" t="s">
        <v>1249</v>
      </c>
      <c r="D434" s="4" t="s">
        <v>1250</v>
      </c>
      <c r="E434" s="4"/>
    </row>
    <row r="435" spans="1:5" s="22" customFormat="1" ht="43.2" x14ac:dyDescent="0.2">
      <c r="A435" s="4" t="s">
        <v>1125</v>
      </c>
      <c r="B435" s="4" t="s">
        <v>1129</v>
      </c>
      <c r="C435" s="4" t="s">
        <v>1251</v>
      </c>
      <c r="D435" s="4" t="s">
        <v>1252</v>
      </c>
      <c r="E435" s="4"/>
    </row>
    <row r="436" spans="1:5" s="22" customFormat="1" ht="43.2" x14ac:dyDescent="0.2">
      <c r="A436" s="4" t="s">
        <v>1125</v>
      </c>
      <c r="B436" s="4" t="s">
        <v>1129</v>
      </c>
      <c r="C436" s="4" t="s">
        <v>1253</v>
      </c>
      <c r="D436" s="4" t="s">
        <v>1254</v>
      </c>
      <c r="E436" s="4"/>
    </row>
    <row r="437" spans="1:5" s="22" customFormat="1" ht="43.2" x14ac:dyDescent="0.2">
      <c r="A437" s="4" t="s">
        <v>1125</v>
      </c>
      <c r="B437" s="4" t="s">
        <v>1129</v>
      </c>
      <c r="C437" s="4" t="s">
        <v>1255</v>
      </c>
      <c r="D437" s="4" t="s">
        <v>1256</v>
      </c>
      <c r="E437" s="4"/>
    </row>
    <row r="438" spans="1:5" s="22" customFormat="1" ht="43.2" x14ac:dyDescent="0.2">
      <c r="A438" s="4" t="s">
        <v>1125</v>
      </c>
      <c r="B438" s="4" t="s">
        <v>1129</v>
      </c>
      <c r="C438" s="4" t="s">
        <v>1257</v>
      </c>
      <c r="D438" s="4" t="s">
        <v>1258</v>
      </c>
      <c r="E438" s="4"/>
    </row>
    <row r="439" spans="1:5" s="22" customFormat="1" ht="43.2" x14ac:dyDescent="0.2">
      <c r="A439" s="4" t="s">
        <v>1125</v>
      </c>
      <c r="B439" s="4" t="s">
        <v>1129</v>
      </c>
      <c r="C439" s="4" t="s">
        <v>1259</v>
      </c>
      <c r="D439" s="4" t="s">
        <v>1260</v>
      </c>
      <c r="E439" s="4"/>
    </row>
    <row r="440" spans="1:5" s="22" customFormat="1" ht="43.2" x14ac:dyDescent="0.2">
      <c r="A440" s="4" t="s">
        <v>1125</v>
      </c>
      <c r="B440" s="4" t="s">
        <v>1129</v>
      </c>
      <c r="C440" s="4" t="s">
        <v>1261</v>
      </c>
      <c r="D440" s="4" t="s">
        <v>1262</v>
      </c>
      <c r="E440" s="4"/>
    </row>
    <row r="441" spans="1:5" s="22" customFormat="1" ht="43.2" x14ac:dyDescent="0.2">
      <c r="A441" s="4" t="s">
        <v>1125</v>
      </c>
      <c r="B441" s="4" t="s">
        <v>1129</v>
      </c>
      <c r="C441" s="4" t="s">
        <v>1263</v>
      </c>
      <c r="D441" s="4" t="s">
        <v>1264</v>
      </c>
      <c r="E441" s="4"/>
    </row>
    <row r="442" spans="1:5" s="22" customFormat="1" ht="43.2" x14ac:dyDescent="0.2">
      <c r="A442" s="4" t="s">
        <v>1125</v>
      </c>
      <c r="B442" s="4" t="s">
        <v>1129</v>
      </c>
      <c r="C442" s="4" t="s">
        <v>1265</v>
      </c>
      <c r="D442" s="4" t="s">
        <v>1266</v>
      </c>
      <c r="E442" s="4"/>
    </row>
    <row r="443" spans="1:5" s="22" customFormat="1" ht="43.2" x14ac:dyDescent="0.2">
      <c r="A443" s="4" t="s">
        <v>1125</v>
      </c>
      <c r="B443" s="4" t="s">
        <v>1129</v>
      </c>
      <c r="C443" s="4" t="s">
        <v>1267</v>
      </c>
      <c r="D443" s="4" t="s">
        <v>1268</v>
      </c>
      <c r="E443" s="4"/>
    </row>
    <row r="444" spans="1:5" s="22" customFormat="1" ht="54" x14ac:dyDescent="0.2">
      <c r="A444" s="4" t="s">
        <v>1125</v>
      </c>
      <c r="B444" s="4" t="s">
        <v>1129</v>
      </c>
      <c r="C444" s="4" t="s">
        <v>1269</v>
      </c>
      <c r="D444" s="4" t="s">
        <v>1270</v>
      </c>
      <c r="E444" s="4"/>
    </row>
    <row r="445" spans="1:5" s="22" customFormat="1" ht="43.2" x14ac:dyDescent="0.2">
      <c r="A445" s="4" t="s">
        <v>1125</v>
      </c>
      <c r="B445" s="4" t="s">
        <v>1129</v>
      </c>
      <c r="C445" s="4" t="s">
        <v>1271</v>
      </c>
      <c r="D445" s="4" t="s">
        <v>1272</v>
      </c>
      <c r="E445" s="4"/>
    </row>
    <row r="446" spans="1:5" s="22" customFormat="1" ht="43.2" x14ac:dyDescent="0.2">
      <c r="A446" s="4" t="s">
        <v>1125</v>
      </c>
      <c r="B446" s="4" t="s">
        <v>1129</v>
      </c>
      <c r="C446" s="4" t="s">
        <v>1273</v>
      </c>
      <c r="D446" s="4" t="s">
        <v>1274</v>
      </c>
      <c r="E446" s="4"/>
    </row>
    <row r="447" spans="1:5" s="22" customFormat="1" ht="43.2" x14ac:dyDescent="0.2">
      <c r="A447" s="4" t="s">
        <v>1125</v>
      </c>
      <c r="B447" s="4" t="s">
        <v>1129</v>
      </c>
      <c r="C447" s="4" t="s">
        <v>1275</v>
      </c>
      <c r="D447" s="4" t="s">
        <v>1276</v>
      </c>
      <c r="E447" s="4"/>
    </row>
    <row r="448" spans="1:5" s="22" customFormat="1" ht="64.8" x14ac:dyDescent="0.2">
      <c r="A448" s="4" t="s">
        <v>1125</v>
      </c>
      <c r="B448" s="4" t="s">
        <v>1146</v>
      </c>
      <c r="C448" s="4" t="s">
        <v>1147</v>
      </c>
      <c r="D448" s="4" t="s">
        <v>1148</v>
      </c>
      <c r="E448" s="4"/>
    </row>
    <row r="449" spans="1:5" s="22" customFormat="1" ht="54" x14ac:dyDescent="0.2">
      <c r="A449" s="4" t="s">
        <v>1125</v>
      </c>
      <c r="B449" s="4" t="s">
        <v>1207</v>
      </c>
      <c r="C449" s="4" t="s">
        <v>1277</v>
      </c>
      <c r="D449" s="4" t="s">
        <v>1278</v>
      </c>
      <c r="E449" s="4"/>
    </row>
    <row r="450" spans="1:5" s="22" customFormat="1" ht="54" x14ac:dyDescent="0.2">
      <c r="A450" s="4" t="s">
        <v>1125</v>
      </c>
      <c r="B450" s="4" t="s">
        <v>1207</v>
      </c>
      <c r="C450" s="4" t="s">
        <v>1279</v>
      </c>
      <c r="D450" s="4" t="s">
        <v>1280</v>
      </c>
      <c r="E450" s="4"/>
    </row>
    <row r="451" spans="1:5" s="22" customFormat="1" ht="43.2" x14ac:dyDescent="0.2">
      <c r="A451" s="4" t="s">
        <v>1125</v>
      </c>
      <c r="B451" s="4" t="s">
        <v>1146</v>
      </c>
      <c r="C451" s="4" t="s">
        <v>1281</v>
      </c>
      <c r="D451" s="4" t="s">
        <v>1223</v>
      </c>
      <c r="E451" s="4"/>
    </row>
    <row r="452" spans="1:5" s="22" customFormat="1" ht="43.2" x14ac:dyDescent="0.2">
      <c r="A452" s="5" t="s">
        <v>1125</v>
      </c>
      <c r="B452" s="4" t="s">
        <v>1129</v>
      </c>
      <c r="C452" s="4" t="s">
        <v>1282</v>
      </c>
      <c r="D452" s="4" t="s">
        <v>1283</v>
      </c>
      <c r="E452" s="4"/>
    </row>
    <row r="453" spans="1:5" s="22" customFormat="1" ht="43.2" x14ac:dyDescent="0.2">
      <c r="A453" s="5" t="s">
        <v>1125</v>
      </c>
      <c r="B453" s="4" t="s">
        <v>1129</v>
      </c>
      <c r="C453" s="4" t="s">
        <v>1569</v>
      </c>
      <c r="D453" s="4" t="s">
        <v>1283</v>
      </c>
      <c r="E453" s="4"/>
    </row>
    <row r="454" spans="1:5" s="22" customFormat="1" ht="43.2" x14ac:dyDescent="0.2">
      <c r="A454" s="5" t="s">
        <v>1125</v>
      </c>
      <c r="B454" s="4" t="s">
        <v>1129</v>
      </c>
      <c r="C454" s="4" t="s">
        <v>1284</v>
      </c>
      <c r="D454" s="4" t="s">
        <v>1285</v>
      </c>
      <c r="E454" s="4"/>
    </row>
    <row r="455" spans="1:5" s="22" customFormat="1" ht="54" x14ac:dyDescent="0.2">
      <c r="A455" s="5" t="s">
        <v>1125</v>
      </c>
      <c r="B455" s="4" t="s">
        <v>1129</v>
      </c>
      <c r="C455" s="4" t="s">
        <v>1286</v>
      </c>
      <c r="D455" s="4" t="s">
        <v>1285</v>
      </c>
      <c r="E455" s="4"/>
    </row>
    <row r="456" spans="1:5" s="22" customFormat="1" ht="54" x14ac:dyDescent="0.2">
      <c r="A456" s="5" t="s">
        <v>1125</v>
      </c>
      <c r="B456" s="4" t="s">
        <v>1129</v>
      </c>
      <c r="C456" s="4" t="s">
        <v>1287</v>
      </c>
      <c r="D456" s="4" t="s">
        <v>1288</v>
      </c>
      <c r="E456" s="4"/>
    </row>
    <row r="457" spans="1:5" s="22" customFormat="1" ht="43.2" x14ac:dyDescent="0.2">
      <c r="A457" s="5" t="s">
        <v>1125</v>
      </c>
      <c r="B457" s="4" t="s">
        <v>1129</v>
      </c>
      <c r="C457" s="4" t="s">
        <v>1289</v>
      </c>
      <c r="D457" s="4" t="s">
        <v>1285</v>
      </c>
      <c r="E457" s="4"/>
    </row>
    <row r="458" spans="1:5" s="22" customFormat="1" ht="43.2" x14ac:dyDescent="0.2">
      <c r="A458" s="5" t="s">
        <v>1125</v>
      </c>
      <c r="B458" s="4" t="s">
        <v>1129</v>
      </c>
      <c r="C458" s="4" t="s">
        <v>1290</v>
      </c>
      <c r="D458" s="4" t="s">
        <v>1285</v>
      </c>
      <c r="E458" s="4"/>
    </row>
    <row r="459" spans="1:5" s="22" customFormat="1" ht="43.2" x14ac:dyDescent="0.2">
      <c r="A459" s="4" t="s">
        <v>1125</v>
      </c>
      <c r="B459" s="4" t="s">
        <v>1129</v>
      </c>
      <c r="C459" s="4" t="s">
        <v>1291</v>
      </c>
      <c r="D459" s="4" t="s">
        <v>1292</v>
      </c>
      <c r="E459" s="4"/>
    </row>
    <row r="460" spans="1:5" s="22" customFormat="1" ht="43.2" x14ac:dyDescent="0.2">
      <c r="A460" s="4" t="s">
        <v>1125</v>
      </c>
      <c r="B460" s="4" t="s">
        <v>1129</v>
      </c>
      <c r="C460" s="4" t="s">
        <v>1251</v>
      </c>
      <c r="D460" s="4" t="s">
        <v>1293</v>
      </c>
      <c r="E460" s="4"/>
    </row>
    <row r="461" spans="1:5" s="22" customFormat="1" ht="43.2" x14ac:dyDescent="0.2">
      <c r="A461" s="4" t="s">
        <v>1125</v>
      </c>
      <c r="B461" s="4" t="s">
        <v>1129</v>
      </c>
      <c r="C461" s="4" t="s">
        <v>1294</v>
      </c>
      <c r="D461" s="4" t="s">
        <v>1295</v>
      </c>
      <c r="E461" s="4"/>
    </row>
    <row r="462" spans="1:5" s="22" customFormat="1" ht="43.2" x14ac:dyDescent="0.2">
      <c r="A462" s="4" t="s">
        <v>1125</v>
      </c>
      <c r="B462" s="4" t="s">
        <v>1129</v>
      </c>
      <c r="C462" s="4" t="s">
        <v>1294</v>
      </c>
      <c r="D462" s="4" t="s">
        <v>1296</v>
      </c>
      <c r="E462" s="4"/>
    </row>
    <row r="463" spans="1:5" s="22" customFormat="1" ht="43.2" x14ac:dyDescent="0.2">
      <c r="A463" s="4" t="s">
        <v>1125</v>
      </c>
      <c r="B463" s="4" t="s">
        <v>1129</v>
      </c>
      <c r="C463" s="4" t="s">
        <v>1294</v>
      </c>
      <c r="D463" s="4" t="s">
        <v>1297</v>
      </c>
      <c r="E463" s="4"/>
    </row>
    <row r="464" spans="1:5" s="22" customFormat="1" ht="43.2" x14ac:dyDescent="0.2">
      <c r="A464" s="4" t="s">
        <v>1125</v>
      </c>
      <c r="B464" s="4" t="s">
        <v>1129</v>
      </c>
      <c r="C464" s="4" t="s">
        <v>1294</v>
      </c>
      <c r="D464" s="4" t="s">
        <v>1298</v>
      </c>
      <c r="E464" s="4"/>
    </row>
    <row r="465" spans="1:5" s="22" customFormat="1" ht="43.2" x14ac:dyDescent="0.2">
      <c r="A465" s="4" t="s">
        <v>1125</v>
      </c>
      <c r="B465" s="4" t="s">
        <v>1129</v>
      </c>
      <c r="C465" s="4" t="s">
        <v>1294</v>
      </c>
      <c r="D465" s="4" t="s">
        <v>1299</v>
      </c>
      <c r="E465" s="4"/>
    </row>
    <row r="466" spans="1:5" s="22" customFormat="1" ht="43.2" x14ac:dyDescent="0.2">
      <c r="A466" s="4" t="s">
        <v>1125</v>
      </c>
      <c r="B466" s="4" t="s">
        <v>1129</v>
      </c>
      <c r="C466" s="4" t="s">
        <v>1294</v>
      </c>
      <c r="D466" s="4" t="s">
        <v>1300</v>
      </c>
      <c r="E466" s="4"/>
    </row>
    <row r="467" spans="1:5" s="22" customFormat="1" ht="43.2" x14ac:dyDescent="0.2">
      <c r="A467" s="4" t="s">
        <v>1125</v>
      </c>
      <c r="B467" s="4" t="s">
        <v>1129</v>
      </c>
      <c r="C467" s="4" t="s">
        <v>1294</v>
      </c>
      <c r="D467" s="4" t="s">
        <v>1301</v>
      </c>
      <c r="E467" s="4"/>
    </row>
    <row r="468" spans="1:5" s="22" customFormat="1" ht="43.2" x14ac:dyDescent="0.2">
      <c r="A468" s="4" t="s">
        <v>1125</v>
      </c>
      <c r="B468" s="4" t="s">
        <v>1129</v>
      </c>
      <c r="C468" s="4" t="s">
        <v>1302</v>
      </c>
      <c r="D468" s="4" t="s">
        <v>1141</v>
      </c>
      <c r="E468" s="4"/>
    </row>
    <row r="469" spans="1:5" s="22" customFormat="1" ht="43.2" x14ac:dyDescent="0.2">
      <c r="A469" s="4" t="s">
        <v>1125</v>
      </c>
      <c r="B469" s="4" t="s">
        <v>1129</v>
      </c>
      <c r="C469" s="4" t="s">
        <v>1294</v>
      </c>
      <c r="D469" s="4" t="s">
        <v>1303</v>
      </c>
      <c r="E469" s="4"/>
    </row>
    <row r="470" spans="1:5" s="22" customFormat="1" ht="43.2" x14ac:dyDescent="0.2">
      <c r="A470" s="4" t="s">
        <v>1125</v>
      </c>
      <c r="B470" s="4" t="s">
        <v>1129</v>
      </c>
      <c r="C470" s="4" t="s">
        <v>1294</v>
      </c>
      <c r="D470" s="4" t="s">
        <v>1304</v>
      </c>
      <c r="E470" s="4"/>
    </row>
    <row r="471" spans="1:5" s="22" customFormat="1" ht="43.2" x14ac:dyDescent="0.2">
      <c r="A471" s="4" t="s">
        <v>1305</v>
      </c>
      <c r="B471" s="4" t="s">
        <v>1129</v>
      </c>
      <c r="C471" s="4" t="s">
        <v>1306</v>
      </c>
      <c r="D471" s="4" t="s">
        <v>1307</v>
      </c>
      <c r="E471" s="4"/>
    </row>
    <row r="472" spans="1:5" s="22" customFormat="1" ht="43.2" x14ac:dyDescent="0.2">
      <c r="A472" s="4" t="s">
        <v>1125</v>
      </c>
      <c r="B472" s="4" t="s">
        <v>1129</v>
      </c>
      <c r="C472" s="4" t="s">
        <v>1308</v>
      </c>
      <c r="D472" s="4" t="s">
        <v>1309</v>
      </c>
      <c r="E472" s="4"/>
    </row>
    <row r="473" spans="1:5" s="22" customFormat="1" ht="54" x14ac:dyDescent="0.2">
      <c r="A473" s="4" t="s">
        <v>1125</v>
      </c>
      <c r="B473" s="4" t="s">
        <v>1146</v>
      </c>
      <c r="C473" s="4" t="s">
        <v>1310</v>
      </c>
      <c r="D473" s="4" t="s">
        <v>1311</v>
      </c>
      <c r="E473" s="4" t="s">
        <v>1312</v>
      </c>
    </row>
    <row r="474" spans="1:5" s="22" customFormat="1" ht="54" x14ac:dyDescent="0.2">
      <c r="A474" s="4" t="s">
        <v>1125</v>
      </c>
      <c r="B474" s="4" t="s">
        <v>1146</v>
      </c>
      <c r="C474" s="4" t="s">
        <v>1313</v>
      </c>
      <c r="D474" s="4" t="s">
        <v>1314</v>
      </c>
      <c r="E474" s="4" t="s">
        <v>1315</v>
      </c>
    </row>
    <row r="475" spans="1:5" s="22" customFormat="1" ht="32.4" x14ac:dyDescent="0.2">
      <c r="A475" s="4" t="s">
        <v>1316</v>
      </c>
      <c r="B475" s="4" t="s">
        <v>1317</v>
      </c>
      <c r="C475" s="6" t="s">
        <v>1318</v>
      </c>
      <c r="D475" s="4" t="s">
        <v>1570</v>
      </c>
      <c r="E475" s="4" t="s">
        <v>1319</v>
      </c>
    </row>
    <row r="476" spans="1:5" s="22" customFormat="1" ht="32.4" x14ac:dyDescent="0.2">
      <c r="A476" s="4" t="s">
        <v>1316</v>
      </c>
      <c r="B476" s="4" t="s">
        <v>1320</v>
      </c>
      <c r="C476" s="6" t="s">
        <v>1321</v>
      </c>
      <c r="D476" s="4" t="s">
        <v>1587</v>
      </c>
      <c r="E476" s="4"/>
    </row>
    <row r="477" spans="1:5" s="22" customFormat="1" ht="75.599999999999994" x14ac:dyDescent="0.2">
      <c r="A477" s="4" t="s">
        <v>1322</v>
      </c>
      <c r="B477" s="4" t="s">
        <v>1323</v>
      </c>
      <c r="C477" s="6" t="s">
        <v>1324</v>
      </c>
      <c r="D477" s="4" t="s">
        <v>1325</v>
      </c>
      <c r="E477" s="4"/>
    </row>
    <row r="478" spans="1:5" s="22" customFormat="1" ht="54" x14ac:dyDescent="0.2">
      <c r="A478" s="6" t="s">
        <v>1326</v>
      </c>
      <c r="B478" s="6" t="s">
        <v>1327</v>
      </c>
      <c r="C478" s="19" t="s">
        <v>1328</v>
      </c>
      <c r="D478" s="6" t="s">
        <v>1329</v>
      </c>
      <c r="E478" s="6" t="s">
        <v>1571</v>
      </c>
    </row>
    <row r="479" spans="1:5" s="22" customFormat="1" ht="75.599999999999994" x14ac:dyDescent="0.2">
      <c r="A479" s="6" t="s">
        <v>1330</v>
      </c>
      <c r="B479" s="6" t="s">
        <v>1331</v>
      </c>
      <c r="C479" s="19" t="s">
        <v>1332</v>
      </c>
      <c r="D479" s="6" t="s">
        <v>1572</v>
      </c>
      <c r="E479" s="27"/>
    </row>
    <row r="480" spans="1:5" s="22" customFormat="1" ht="195.6" customHeight="1" x14ac:dyDescent="0.2">
      <c r="A480" s="4" t="s">
        <v>1333</v>
      </c>
      <c r="B480" s="4" t="s">
        <v>1334</v>
      </c>
      <c r="C480" s="4" t="s">
        <v>1335</v>
      </c>
      <c r="D480" s="4" t="s">
        <v>1336</v>
      </c>
      <c r="E480" s="4" t="s">
        <v>1337</v>
      </c>
    </row>
    <row r="481" spans="1:6" s="22" customFormat="1" ht="43.2" x14ac:dyDescent="0.2">
      <c r="A481" s="4" t="s">
        <v>1338</v>
      </c>
      <c r="B481" s="4" t="s">
        <v>1339</v>
      </c>
      <c r="C481" s="6" t="s">
        <v>1340</v>
      </c>
      <c r="D481" s="4" t="s">
        <v>1341</v>
      </c>
      <c r="E481" s="4"/>
    </row>
    <row r="482" spans="1:6" s="22" customFormat="1" ht="32.4" x14ac:dyDescent="0.2">
      <c r="A482" s="4" t="s">
        <v>1342</v>
      </c>
      <c r="B482" s="6" t="s">
        <v>1343</v>
      </c>
      <c r="C482" s="6" t="s">
        <v>1344</v>
      </c>
      <c r="D482" s="4" t="s">
        <v>1345</v>
      </c>
      <c r="E482" s="4"/>
    </row>
    <row r="483" spans="1:6" s="22" customFormat="1" ht="75.599999999999994" x14ac:dyDescent="0.2">
      <c r="A483" s="4" t="s">
        <v>1342</v>
      </c>
      <c r="B483" s="4" t="s">
        <v>1346</v>
      </c>
      <c r="C483" s="6" t="s">
        <v>1347</v>
      </c>
      <c r="D483" s="4" t="s">
        <v>1348</v>
      </c>
      <c r="E483" s="4"/>
    </row>
    <row r="484" spans="1:6" s="22" customFormat="1" ht="32.4" x14ac:dyDescent="0.2">
      <c r="A484" s="4" t="s">
        <v>1349</v>
      </c>
      <c r="B484" s="4" t="s">
        <v>1350</v>
      </c>
      <c r="C484" s="6" t="s">
        <v>1351</v>
      </c>
      <c r="D484" s="4" t="s">
        <v>1352</v>
      </c>
      <c r="E484" s="4"/>
    </row>
    <row r="485" spans="1:6" s="22" customFormat="1" ht="97.2" x14ac:dyDescent="0.2">
      <c r="A485" s="4" t="s">
        <v>1353</v>
      </c>
      <c r="B485" s="4" t="s">
        <v>1354</v>
      </c>
      <c r="C485" s="6" t="s">
        <v>1573</v>
      </c>
      <c r="D485" s="4" t="s">
        <v>1355</v>
      </c>
      <c r="E485" s="4"/>
    </row>
    <row r="486" spans="1:6" s="22" customFormat="1" ht="118.8" x14ac:dyDescent="0.2">
      <c r="A486" s="4" t="s">
        <v>1353</v>
      </c>
      <c r="B486" s="4" t="s">
        <v>1356</v>
      </c>
      <c r="C486" s="6" t="s">
        <v>1574</v>
      </c>
      <c r="D486" s="4" t="s">
        <v>1355</v>
      </c>
      <c r="E486" s="4"/>
    </row>
    <row r="487" spans="1:6" s="22" customFormat="1" ht="43.2" x14ac:dyDescent="0.2">
      <c r="A487" s="4" t="s">
        <v>1353</v>
      </c>
      <c r="B487" s="4" t="s">
        <v>1357</v>
      </c>
      <c r="C487" s="4" t="s">
        <v>1358</v>
      </c>
      <c r="D487" s="4" t="s">
        <v>1355</v>
      </c>
      <c r="E487" s="4"/>
    </row>
    <row r="488" spans="1:6" s="22" customFormat="1" ht="97.2" x14ac:dyDescent="0.2">
      <c r="A488" s="4" t="s">
        <v>1353</v>
      </c>
      <c r="B488" s="4" t="s">
        <v>1359</v>
      </c>
      <c r="C488" s="20" t="s">
        <v>1360</v>
      </c>
      <c r="D488" s="4" t="s">
        <v>1355</v>
      </c>
      <c r="E488" s="4" t="s">
        <v>1361</v>
      </c>
    </row>
    <row r="489" spans="1:6" s="22" customFormat="1" ht="32.4" x14ac:dyDescent="0.2">
      <c r="A489" s="4" t="s">
        <v>1353</v>
      </c>
      <c r="B489" s="4" t="s">
        <v>1362</v>
      </c>
      <c r="C489" s="4" t="s">
        <v>1363</v>
      </c>
      <c r="D489" s="4" t="s">
        <v>1575</v>
      </c>
      <c r="E489" s="4" t="s">
        <v>1364</v>
      </c>
    </row>
    <row r="490" spans="1:6" s="22" customFormat="1" ht="75.599999999999994" x14ac:dyDescent="0.2">
      <c r="A490" s="4" t="s">
        <v>1365</v>
      </c>
      <c r="B490" s="4" t="s">
        <v>1366</v>
      </c>
      <c r="C490" s="6" t="s">
        <v>1367</v>
      </c>
      <c r="D490" s="4" t="s">
        <v>1368</v>
      </c>
      <c r="E490" s="4" t="s">
        <v>1588</v>
      </c>
    </row>
    <row r="491" spans="1:6" s="22" customFormat="1" ht="86.4" x14ac:dyDescent="0.2">
      <c r="A491" s="4" t="s">
        <v>1365</v>
      </c>
      <c r="B491" s="4" t="s">
        <v>1369</v>
      </c>
      <c r="C491" s="6" t="s">
        <v>1370</v>
      </c>
      <c r="D491" s="4" t="s">
        <v>1371</v>
      </c>
      <c r="E491" s="4"/>
    </row>
    <row r="492" spans="1:6" s="22" customFormat="1" ht="32.4" x14ac:dyDescent="0.2">
      <c r="A492" s="4" t="s">
        <v>1365</v>
      </c>
      <c r="B492" s="4" t="s">
        <v>1372</v>
      </c>
      <c r="C492" s="6" t="s">
        <v>1373</v>
      </c>
      <c r="D492" s="4" t="s">
        <v>1374</v>
      </c>
      <c r="E492" s="4"/>
    </row>
    <row r="493" spans="1:6" s="22" customFormat="1" ht="54" x14ac:dyDescent="0.2">
      <c r="A493" s="6" t="s">
        <v>1375</v>
      </c>
      <c r="B493" s="14" t="s">
        <v>1376</v>
      </c>
      <c r="C493" s="8" t="s">
        <v>1377</v>
      </c>
      <c r="D493" s="14" t="s">
        <v>1378</v>
      </c>
      <c r="E493" s="14"/>
    </row>
    <row r="494" spans="1:6" s="22" customFormat="1" ht="43.2" x14ac:dyDescent="0.2">
      <c r="A494" s="14" t="s">
        <v>1375</v>
      </c>
      <c r="B494" s="14" t="s">
        <v>1379</v>
      </c>
      <c r="C494" s="14" t="s">
        <v>1380</v>
      </c>
      <c r="D494" s="8" t="s">
        <v>1381</v>
      </c>
      <c r="E494" s="8"/>
    </row>
    <row r="495" spans="1:6" s="22" customFormat="1" ht="54" x14ac:dyDescent="0.2">
      <c r="A495" s="14" t="s">
        <v>1382</v>
      </c>
      <c r="B495" s="14" t="s">
        <v>1383</v>
      </c>
      <c r="C495" s="14" t="s">
        <v>1384</v>
      </c>
      <c r="D495" s="8" t="s">
        <v>1385</v>
      </c>
      <c r="E495" s="8"/>
    </row>
    <row r="496" spans="1:6" s="22" customFormat="1" ht="86.4" x14ac:dyDescent="0.2">
      <c r="A496" s="4" t="s">
        <v>1375</v>
      </c>
      <c r="B496" s="4" t="s">
        <v>1386</v>
      </c>
      <c r="C496" s="6" t="s">
        <v>1387</v>
      </c>
      <c r="D496" s="4" t="s">
        <v>1388</v>
      </c>
      <c r="E496" s="12"/>
      <c r="F496" s="33"/>
    </row>
    <row r="497" spans="1:5" s="22" customFormat="1" ht="64.8" x14ac:dyDescent="0.2">
      <c r="A497" s="4" t="s">
        <v>1375</v>
      </c>
      <c r="B497" s="4" t="s">
        <v>1389</v>
      </c>
      <c r="C497" s="6" t="s">
        <v>1390</v>
      </c>
      <c r="D497" s="4" t="s">
        <v>1391</v>
      </c>
      <c r="E497" s="4"/>
    </row>
    <row r="498" spans="1:5" s="22" customFormat="1" ht="32.4" x14ac:dyDescent="0.2">
      <c r="A498" s="4" t="s">
        <v>1349</v>
      </c>
      <c r="B498" s="4" t="s">
        <v>1350</v>
      </c>
      <c r="C498" s="6" t="s">
        <v>1351</v>
      </c>
      <c r="D498" s="4" t="s">
        <v>1392</v>
      </c>
      <c r="E498" s="4"/>
    </row>
    <row r="499" spans="1:5" s="22" customFormat="1" ht="75.599999999999994" x14ac:dyDescent="0.2">
      <c r="A499" s="4" t="s">
        <v>1393</v>
      </c>
      <c r="B499" s="4" t="s">
        <v>1394</v>
      </c>
      <c r="C499" s="4" t="s">
        <v>1395</v>
      </c>
      <c r="D499" s="4" t="s">
        <v>1396</v>
      </c>
      <c r="E499" s="4"/>
    </row>
    <row r="500" spans="1:5" s="22" customFormat="1" ht="75.599999999999994" x14ac:dyDescent="0.2">
      <c r="A500" s="4" t="s">
        <v>1397</v>
      </c>
      <c r="B500" s="4" t="s">
        <v>1394</v>
      </c>
      <c r="C500" s="4" t="s">
        <v>1395</v>
      </c>
      <c r="D500" s="4" t="s">
        <v>1398</v>
      </c>
      <c r="E500" s="4"/>
    </row>
    <row r="501" spans="1:5" s="22" customFormat="1" ht="21.6" x14ac:dyDescent="0.2">
      <c r="A501" s="4" t="s">
        <v>1399</v>
      </c>
      <c r="B501" s="4" t="s">
        <v>1400</v>
      </c>
      <c r="C501" s="6" t="s">
        <v>1401</v>
      </c>
      <c r="D501" s="4" t="s">
        <v>1402</v>
      </c>
      <c r="E501" s="4"/>
    </row>
    <row r="502" spans="1:5" s="22" customFormat="1" ht="32.4" x14ac:dyDescent="0.2">
      <c r="A502" s="4" t="s">
        <v>1403</v>
      </c>
      <c r="B502" s="4" t="s">
        <v>1400</v>
      </c>
      <c r="C502" s="6" t="s">
        <v>1404</v>
      </c>
      <c r="D502" s="4" t="s">
        <v>1402</v>
      </c>
      <c r="E502" s="4"/>
    </row>
    <row r="503" spans="1:5" s="22" customFormat="1" ht="21.6" x14ac:dyDescent="0.2">
      <c r="A503" s="4" t="s">
        <v>1403</v>
      </c>
      <c r="B503" s="4" t="s">
        <v>1400</v>
      </c>
      <c r="C503" s="6" t="s">
        <v>1405</v>
      </c>
      <c r="D503" s="4" t="s">
        <v>1406</v>
      </c>
      <c r="E503" s="4"/>
    </row>
    <row r="504" spans="1:5" s="22" customFormat="1" ht="21.6" x14ac:dyDescent="0.2">
      <c r="A504" s="4" t="s">
        <v>1407</v>
      </c>
      <c r="B504" s="4" t="s">
        <v>1408</v>
      </c>
      <c r="C504" s="6" t="s">
        <v>1409</v>
      </c>
      <c r="D504" s="4" t="s">
        <v>1410</v>
      </c>
      <c r="E504" s="4"/>
    </row>
    <row r="505" spans="1:5" s="22" customFormat="1" ht="32.4" x14ac:dyDescent="0.2">
      <c r="A505" s="6" t="s">
        <v>1411</v>
      </c>
      <c r="B505" s="4" t="s">
        <v>1412</v>
      </c>
      <c r="C505" s="6" t="s">
        <v>1413</v>
      </c>
      <c r="D505" s="6" t="s">
        <v>1414</v>
      </c>
      <c r="E505" s="4"/>
    </row>
    <row r="506" spans="1:5" s="22" customFormat="1" ht="43.2" x14ac:dyDescent="0.2">
      <c r="A506" s="6" t="s">
        <v>1415</v>
      </c>
      <c r="B506" s="4" t="s">
        <v>1416</v>
      </c>
      <c r="C506" s="6" t="s">
        <v>1417</v>
      </c>
      <c r="D506" s="6" t="s">
        <v>1418</v>
      </c>
      <c r="E506" s="4"/>
    </row>
    <row r="507" spans="1:5" s="22" customFormat="1" ht="75.599999999999994" x14ac:dyDescent="0.2">
      <c r="A507" s="6" t="s">
        <v>1415</v>
      </c>
      <c r="B507" s="4" t="s">
        <v>1419</v>
      </c>
      <c r="C507" s="6" t="s">
        <v>1420</v>
      </c>
      <c r="D507" s="6" t="s">
        <v>1418</v>
      </c>
      <c r="E507" s="4"/>
    </row>
    <row r="508" spans="1:5" s="22" customFormat="1" ht="75.599999999999994" x14ac:dyDescent="0.2">
      <c r="A508" s="6" t="s">
        <v>1415</v>
      </c>
      <c r="B508" s="4" t="s">
        <v>1421</v>
      </c>
      <c r="C508" s="6" t="s">
        <v>1422</v>
      </c>
      <c r="D508" s="6" t="s">
        <v>1423</v>
      </c>
      <c r="E508" s="4"/>
    </row>
    <row r="509" spans="1:5" s="22" customFormat="1" ht="86.4" x14ac:dyDescent="0.2">
      <c r="A509" s="6" t="s">
        <v>1415</v>
      </c>
      <c r="B509" s="4" t="s">
        <v>1424</v>
      </c>
      <c r="C509" s="6" t="s">
        <v>1425</v>
      </c>
      <c r="D509" s="6" t="s">
        <v>1426</v>
      </c>
      <c r="E509" s="4"/>
    </row>
    <row r="510" spans="1:5" s="22" customFormat="1" ht="32.4" x14ac:dyDescent="0.2">
      <c r="A510" s="4" t="s">
        <v>1427</v>
      </c>
      <c r="B510" s="4" t="s">
        <v>1428</v>
      </c>
      <c r="C510" s="6" t="s">
        <v>1429</v>
      </c>
      <c r="D510" s="4" t="s">
        <v>1348</v>
      </c>
      <c r="E510" s="4"/>
    </row>
    <row r="511" spans="1:5" s="22" customFormat="1" ht="32.4" x14ac:dyDescent="0.2">
      <c r="A511" s="4" t="s">
        <v>1430</v>
      </c>
      <c r="B511" s="4" t="s">
        <v>1431</v>
      </c>
      <c r="C511" s="4" t="s">
        <v>1432</v>
      </c>
      <c r="D511" s="4" t="s">
        <v>1433</v>
      </c>
      <c r="E511" s="4"/>
    </row>
    <row r="512" spans="1:5" s="22" customFormat="1" ht="54" x14ac:dyDescent="0.2">
      <c r="A512" s="4" t="s">
        <v>1430</v>
      </c>
      <c r="B512" s="4" t="s">
        <v>1434</v>
      </c>
      <c r="C512" s="4" t="s">
        <v>1435</v>
      </c>
      <c r="D512" s="4" t="s">
        <v>1436</v>
      </c>
      <c r="E512" s="4"/>
    </row>
    <row r="513" spans="1:5" s="22" customFormat="1" ht="108" x14ac:dyDescent="0.2">
      <c r="A513" s="21" t="s">
        <v>1437</v>
      </c>
      <c r="B513" s="4" t="s">
        <v>1438</v>
      </c>
      <c r="C513" s="6" t="s">
        <v>1439</v>
      </c>
      <c r="D513" s="4" t="s">
        <v>1440</v>
      </c>
      <c r="E513" s="4" t="s">
        <v>1441</v>
      </c>
    </row>
    <row r="514" spans="1:5" s="22" customFormat="1" ht="21.6" x14ac:dyDescent="0.2">
      <c r="A514" s="21" t="s">
        <v>1437</v>
      </c>
      <c r="B514" s="4" t="s">
        <v>1442</v>
      </c>
      <c r="C514" s="6" t="s">
        <v>1443</v>
      </c>
      <c r="D514" s="4" t="s">
        <v>1444</v>
      </c>
      <c r="E514" s="4" t="s">
        <v>1445</v>
      </c>
    </row>
    <row r="515" spans="1:5" s="22" customFormat="1" ht="64.8" x14ac:dyDescent="0.2">
      <c r="A515" s="6" t="s">
        <v>1446</v>
      </c>
      <c r="B515" s="4" t="s">
        <v>1447</v>
      </c>
      <c r="C515" s="6" t="s">
        <v>1448</v>
      </c>
      <c r="D515" s="6" t="s">
        <v>1449</v>
      </c>
      <c r="E515" s="5"/>
    </row>
    <row r="516" spans="1:5" s="22" customFormat="1" ht="32.4" x14ac:dyDescent="0.2">
      <c r="A516" s="9" t="s">
        <v>1450</v>
      </c>
      <c r="B516" s="4" t="s">
        <v>1451</v>
      </c>
      <c r="C516" s="6" t="s">
        <v>1452</v>
      </c>
      <c r="D516" s="4" t="s">
        <v>1453</v>
      </c>
      <c r="E516" s="4"/>
    </row>
    <row r="517" spans="1:5" s="22" customFormat="1" ht="43.2" x14ac:dyDescent="0.2">
      <c r="A517" s="9" t="s">
        <v>1450</v>
      </c>
      <c r="B517" s="4" t="s">
        <v>1451</v>
      </c>
      <c r="C517" s="6" t="s">
        <v>1454</v>
      </c>
      <c r="D517" s="4" t="s">
        <v>1455</v>
      </c>
      <c r="E517" s="4"/>
    </row>
    <row r="518" spans="1:5" s="22" customFormat="1" ht="43.2" x14ac:dyDescent="0.2">
      <c r="A518" s="9" t="s">
        <v>1450</v>
      </c>
      <c r="B518" s="4" t="s">
        <v>1451</v>
      </c>
      <c r="C518" s="6" t="s">
        <v>1456</v>
      </c>
      <c r="D518" s="4" t="s">
        <v>1457</v>
      </c>
      <c r="E518" s="4"/>
    </row>
    <row r="519" spans="1:5" s="22" customFormat="1" ht="32.4" x14ac:dyDescent="0.2">
      <c r="A519" s="9" t="s">
        <v>1458</v>
      </c>
      <c r="B519" s="4" t="s">
        <v>1459</v>
      </c>
      <c r="C519" s="6" t="s">
        <v>1460</v>
      </c>
      <c r="D519" s="4" t="s">
        <v>1461</v>
      </c>
      <c r="E519" s="4"/>
    </row>
    <row r="520" spans="1:5" s="22" customFormat="1" ht="204" customHeight="1" x14ac:dyDescent="0.2">
      <c r="A520" s="4" t="s">
        <v>1462</v>
      </c>
      <c r="B520" s="4" t="s">
        <v>1463</v>
      </c>
      <c r="C520" s="6" t="s">
        <v>1464</v>
      </c>
      <c r="D520" s="4" t="s">
        <v>1465</v>
      </c>
      <c r="E520" s="4" t="s">
        <v>1466</v>
      </c>
    </row>
    <row r="521" spans="1:5" s="22" customFormat="1" ht="96.6" customHeight="1" x14ac:dyDescent="0.2">
      <c r="A521" s="4" t="s">
        <v>1462</v>
      </c>
      <c r="B521" s="4" t="s">
        <v>1467</v>
      </c>
      <c r="C521" s="6" t="s">
        <v>1468</v>
      </c>
      <c r="D521" s="4" t="s">
        <v>1469</v>
      </c>
      <c r="E521" s="4" t="s">
        <v>1470</v>
      </c>
    </row>
    <row r="522" spans="1:5" s="22" customFormat="1" ht="64.8" x14ac:dyDescent="0.2">
      <c r="A522" s="6" t="s">
        <v>1471</v>
      </c>
      <c r="B522" s="4" t="s">
        <v>1472</v>
      </c>
      <c r="C522" s="6" t="s">
        <v>1473</v>
      </c>
      <c r="D522" s="4" t="s">
        <v>1474</v>
      </c>
      <c r="E522" s="4"/>
    </row>
    <row r="523" spans="1:5" s="22" customFormat="1" ht="54" x14ac:dyDescent="0.2">
      <c r="A523" s="4" t="s">
        <v>1475</v>
      </c>
      <c r="B523" s="4" t="s">
        <v>1476</v>
      </c>
      <c r="C523" s="6" t="s">
        <v>1477</v>
      </c>
      <c r="D523" s="4" t="s">
        <v>1478</v>
      </c>
      <c r="E523" s="4"/>
    </row>
    <row r="524" spans="1:5" s="22" customFormat="1" ht="32.4" x14ac:dyDescent="0.2">
      <c r="A524" s="6" t="s">
        <v>1479</v>
      </c>
      <c r="B524" s="4" t="s">
        <v>1480</v>
      </c>
      <c r="C524" s="6" t="s">
        <v>1481</v>
      </c>
      <c r="D524" s="6" t="s">
        <v>1482</v>
      </c>
      <c r="E524" s="4"/>
    </row>
    <row r="525" spans="1:5" s="22" customFormat="1" ht="32.4" x14ac:dyDescent="0.2">
      <c r="A525" s="6" t="s">
        <v>1479</v>
      </c>
      <c r="B525" s="4" t="s">
        <v>1483</v>
      </c>
      <c r="C525" s="6" t="s">
        <v>1484</v>
      </c>
      <c r="D525" s="6" t="s">
        <v>1485</v>
      </c>
      <c r="E525" s="4" t="s">
        <v>1486</v>
      </c>
    </row>
    <row r="526" spans="1:5" s="22" customFormat="1" ht="43.2" x14ac:dyDescent="0.2">
      <c r="A526" s="6" t="s">
        <v>1479</v>
      </c>
      <c r="B526" s="4" t="s">
        <v>1487</v>
      </c>
      <c r="C526" s="6" t="s">
        <v>1488</v>
      </c>
      <c r="D526" s="6" t="s">
        <v>1489</v>
      </c>
      <c r="E526" s="4" t="s">
        <v>1490</v>
      </c>
    </row>
    <row r="527" spans="1:5" s="22" customFormat="1" ht="32.4" x14ac:dyDescent="0.2">
      <c r="A527" s="6" t="s">
        <v>1479</v>
      </c>
      <c r="B527" s="4" t="s">
        <v>1491</v>
      </c>
      <c r="C527" s="6" t="s">
        <v>1492</v>
      </c>
      <c r="D527" s="6" t="s">
        <v>1493</v>
      </c>
      <c r="E527" s="4"/>
    </row>
    <row r="528" spans="1:5" s="22" customFormat="1" ht="32.4" x14ac:dyDescent="0.2">
      <c r="A528" s="6" t="s">
        <v>1479</v>
      </c>
      <c r="B528" s="4" t="s">
        <v>1494</v>
      </c>
      <c r="C528" s="6" t="s">
        <v>1495</v>
      </c>
      <c r="D528" s="6" t="s">
        <v>1496</v>
      </c>
      <c r="E528" s="4"/>
    </row>
    <row r="529" spans="1:5" s="22" customFormat="1" ht="32.4" x14ac:dyDescent="0.2">
      <c r="A529" s="6" t="s">
        <v>1479</v>
      </c>
      <c r="B529" s="4" t="s">
        <v>1497</v>
      </c>
      <c r="C529" s="6" t="s">
        <v>1498</v>
      </c>
      <c r="D529" s="6" t="s">
        <v>1499</v>
      </c>
      <c r="E529" s="4"/>
    </row>
    <row r="530" spans="1:5" s="22" customFormat="1" ht="32.4" x14ac:dyDescent="0.2">
      <c r="A530" s="6" t="s">
        <v>1479</v>
      </c>
      <c r="B530" s="4" t="s">
        <v>1500</v>
      </c>
      <c r="C530" s="6" t="s">
        <v>1501</v>
      </c>
      <c r="D530" s="6" t="s">
        <v>1502</v>
      </c>
      <c r="E530" s="4"/>
    </row>
    <row r="531" spans="1:5" s="22" customFormat="1" ht="43.2" x14ac:dyDescent="0.2">
      <c r="A531" s="6" t="s">
        <v>1479</v>
      </c>
      <c r="B531" s="4" t="s">
        <v>1503</v>
      </c>
      <c r="C531" s="6" t="s">
        <v>1504</v>
      </c>
      <c r="D531" s="6" t="s">
        <v>1505</v>
      </c>
      <c r="E531" s="4"/>
    </row>
    <row r="532" spans="1:5" s="22" customFormat="1" ht="21.6" x14ac:dyDescent="0.2">
      <c r="A532" s="6" t="s">
        <v>1506</v>
      </c>
      <c r="B532" s="4" t="s">
        <v>1507</v>
      </c>
      <c r="C532" s="6" t="s">
        <v>1508</v>
      </c>
      <c r="D532" s="6" t="s">
        <v>1509</v>
      </c>
      <c r="E532" s="4"/>
    </row>
    <row r="533" spans="1:5" s="22" customFormat="1" ht="21.6" x14ac:dyDescent="0.2">
      <c r="A533" s="6" t="s">
        <v>1506</v>
      </c>
      <c r="B533" s="4" t="s">
        <v>1480</v>
      </c>
      <c r="C533" s="6" t="s">
        <v>1510</v>
      </c>
      <c r="D533" s="6" t="s">
        <v>1499</v>
      </c>
      <c r="E533" s="4" t="s">
        <v>1511</v>
      </c>
    </row>
    <row r="534" spans="1:5" s="22" customFormat="1" ht="21.6" x14ac:dyDescent="0.2">
      <c r="A534" s="6" t="s">
        <v>1506</v>
      </c>
      <c r="B534" s="4" t="s">
        <v>1480</v>
      </c>
      <c r="C534" s="6" t="s">
        <v>1512</v>
      </c>
      <c r="D534" s="6" t="s">
        <v>1513</v>
      </c>
      <c r="E534" s="4"/>
    </row>
    <row r="535" spans="1:5" s="22" customFormat="1" ht="32.4" x14ac:dyDescent="0.2">
      <c r="A535" s="4" t="s">
        <v>1514</v>
      </c>
      <c r="B535" s="4" t="s">
        <v>1515</v>
      </c>
      <c r="C535" s="6" t="s">
        <v>1516</v>
      </c>
      <c r="D535" s="4" t="s">
        <v>1499</v>
      </c>
      <c r="E535" s="6"/>
    </row>
    <row r="536" spans="1:5" s="22" customFormat="1" ht="32.4" x14ac:dyDescent="0.2">
      <c r="A536" s="4" t="s">
        <v>1517</v>
      </c>
      <c r="B536" s="4" t="s">
        <v>1480</v>
      </c>
      <c r="C536" s="6" t="s">
        <v>1518</v>
      </c>
      <c r="D536" s="4" t="s">
        <v>1505</v>
      </c>
      <c r="E536" s="6"/>
    </row>
    <row r="537" spans="1:5" s="22" customFormat="1" ht="32.4" x14ac:dyDescent="0.2">
      <c r="A537" s="4" t="s">
        <v>1517</v>
      </c>
      <c r="B537" s="4" t="s">
        <v>1519</v>
      </c>
      <c r="C537" s="6" t="s">
        <v>1520</v>
      </c>
      <c r="D537" s="4" t="s">
        <v>1505</v>
      </c>
      <c r="E537" s="6"/>
    </row>
    <row r="538" spans="1:5" s="22" customFormat="1" ht="32.4" x14ac:dyDescent="0.2">
      <c r="A538" s="4" t="s">
        <v>1517</v>
      </c>
      <c r="B538" s="4" t="s">
        <v>1521</v>
      </c>
      <c r="C538" s="6" t="s">
        <v>1522</v>
      </c>
      <c r="D538" s="4" t="s">
        <v>1499</v>
      </c>
      <c r="E538" s="6"/>
    </row>
    <row r="539" spans="1:5" s="22" customFormat="1" ht="32.4" x14ac:dyDescent="0.2">
      <c r="A539" s="4" t="s">
        <v>1523</v>
      </c>
      <c r="B539" s="4" t="s">
        <v>1524</v>
      </c>
      <c r="C539" s="6" t="s">
        <v>1525</v>
      </c>
      <c r="D539" s="4" t="s">
        <v>1499</v>
      </c>
      <c r="E539" s="6"/>
    </row>
    <row r="540" spans="1:5" s="22" customFormat="1" ht="32.4" x14ac:dyDescent="0.2">
      <c r="A540" s="4" t="s">
        <v>1523</v>
      </c>
      <c r="B540" s="4" t="s">
        <v>1524</v>
      </c>
      <c r="C540" s="6" t="s">
        <v>1526</v>
      </c>
      <c r="D540" s="4" t="s">
        <v>1499</v>
      </c>
      <c r="E540" s="6"/>
    </row>
    <row r="541" spans="1:5" s="22" customFormat="1" ht="32.4" x14ac:dyDescent="0.2">
      <c r="A541" s="4" t="s">
        <v>1523</v>
      </c>
      <c r="B541" s="4" t="s">
        <v>1524</v>
      </c>
      <c r="C541" s="6" t="s">
        <v>1527</v>
      </c>
      <c r="D541" s="4" t="s">
        <v>1505</v>
      </c>
      <c r="E541" s="6"/>
    </row>
    <row r="542" spans="1:5" s="22" customFormat="1" ht="43.2" x14ac:dyDescent="0.2">
      <c r="A542" s="6" t="s">
        <v>1446</v>
      </c>
      <c r="B542" s="4" t="s">
        <v>1528</v>
      </c>
      <c r="C542" s="6" t="s">
        <v>1529</v>
      </c>
      <c r="D542" s="6" t="s">
        <v>1530</v>
      </c>
      <c r="E542" s="5"/>
    </row>
    <row r="543" spans="1:5" s="22" customFormat="1" ht="32.4" x14ac:dyDescent="0.2">
      <c r="A543" s="6" t="s">
        <v>1531</v>
      </c>
      <c r="B543" s="4" t="s">
        <v>1528</v>
      </c>
      <c r="C543" s="6" t="s">
        <v>1532</v>
      </c>
      <c r="D543" s="6" t="s">
        <v>1533</v>
      </c>
      <c r="E543" s="5"/>
    </row>
  </sheetData>
  <autoFilter ref="A4:E543" xr:uid="{00000000-0009-0000-0000-000001000000}"/>
  <mergeCells count="1">
    <mergeCell ref="A1:D1"/>
  </mergeCells>
  <phoneticPr fontId="2"/>
  <pageMargins left="0.7" right="0.7" top="0.75" bottom="0.75" header="0.3" footer="0.3"/>
  <pageSetup paperSize="8" fitToHeight="0" orientation="landscape" r:id="rId1"/>
  <rowBreaks count="19" manualBreakCount="19">
    <brk id="13" max="4" man="1"/>
    <brk id="27" max="4" man="1"/>
    <brk id="38" max="4" man="1"/>
    <brk id="212" max="4" man="1"/>
    <brk id="231" max="4" man="1"/>
    <brk id="243" max="4" man="1"/>
    <brk id="253" max="4" man="1"/>
    <brk id="273" max="4" man="1"/>
    <brk id="288" max="4" man="1"/>
    <brk id="300" max="4" man="1"/>
    <brk id="310" max="4" man="1"/>
    <brk id="331" max="4" man="1"/>
    <brk id="348" max="4" man="1"/>
    <brk id="366" max="4" man="1"/>
    <brk id="381" max="4" man="1"/>
    <brk id="489" max="4" man="1"/>
    <brk id="504" max="4" man="1"/>
    <brk id="519" max="4" man="1"/>
    <brk id="535" max="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令和６年度確定 </vt:lpstr>
      <vt:lpstr>'令和６年度確定 '!Print_Area</vt:lpstr>
    </vt:vector>
  </TitlesOfParts>
  <Company>KP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5-12-22T05:52:38Z</cp:lastPrinted>
  <dcterms:created xsi:type="dcterms:W3CDTF">2025-12-22T05:42:24Z</dcterms:created>
  <dcterms:modified xsi:type="dcterms:W3CDTF">2025-12-26T01:58:10Z</dcterms:modified>
</cp:coreProperties>
</file>